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worksheets/sheet23.xml" ContentType="application/vnd.openxmlformats-officedocument.spreadsheetml.worksheet+xml"/>
  <Override PartName="/xl/worksheets/sheet24.xml" ContentType="application/vnd.openxmlformats-officedocument.spreadsheetml.worksheet+xml"/>
  <Override PartName="/xl/worksheets/sheet25.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fileSharing readOnlyRecommended="1"/>
  <workbookPr defaultThemeVersion="124226"/>
  <mc:AlternateContent xmlns:mc="http://schemas.openxmlformats.org/markup-compatibility/2006">
    <mc:Choice Requires="x15">
      <x15ac:absPath xmlns:x15ac="http://schemas.microsoft.com/office/spreadsheetml/2010/11/ac" url="\\kfs01sec\s1393\企画Ｇ\14_定期報告・調査関係\03介護保険事業状況報告\03_月報HP\R4年度\"/>
    </mc:Choice>
  </mc:AlternateContent>
  <bookViews>
    <workbookView xWindow="240" yWindow="72" windowWidth="14940" windowHeight="8556" tabRatio="853"/>
  </bookViews>
  <sheets>
    <sheet name="第１表" sheetId="1" r:id="rId1"/>
    <sheet name="第２-1表" sheetId="8" r:id="rId2"/>
    <sheet name="第２-2表" sheetId="19" r:id="rId3"/>
    <sheet name="第２-3表" sheetId="28" r:id="rId4"/>
    <sheet name="第３-1表" sheetId="9" r:id="rId5"/>
    <sheet name="第３-2-1表" sheetId="10" r:id="rId6"/>
    <sheet name="第３-2-2表" sheetId="21" r:id="rId7"/>
    <sheet name="第３-2-3表 " sheetId="29" r:id="rId8"/>
    <sheet name="第3-3-1表" sheetId="11" r:id="rId9"/>
    <sheet name="第3-3-2表" sheetId="22" r:id="rId10"/>
    <sheet name="第3-3-3表 " sheetId="30" r:id="rId11"/>
    <sheet name="第４-1表" sheetId="4" r:id="rId12"/>
    <sheet name="第4-2-1表" sheetId="13" r:id="rId13"/>
    <sheet name="第4-2-2表" sheetId="23" r:id="rId14"/>
    <sheet name="第4-2-3表" sheetId="31" r:id="rId15"/>
    <sheet name="第4-3-1表" sheetId="14" r:id="rId16"/>
    <sheet name="第4-3-2表" sheetId="24" r:id="rId17"/>
    <sheet name="第4-3-3表" sheetId="32" r:id="rId18"/>
    <sheet name="第5-1表" sheetId="5" r:id="rId19"/>
    <sheet name="第5-2表" sheetId="25" r:id="rId20"/>
    <sheet name="第5-3表" sheetId="33" r:id="rId21"/>
    <sheet name="第６-1表" sheetId="6" r:id="rId22"/>
    <sheet name="第６-2表" sheetId="26" r:id="rId23"/>
    <sheet name="第６-3表 " sheetId="34" r:id="rId24"/>
    <sheet name="第7表" sheetId="18" r:id="rId25"/>
  </sheets>
  <definedNames>
    <definedName name="_xlnm.Print_Area" localSheetId="0">第１表!$A$1:$J$41</definedName>
    <definedName name="_xlnm.Print_Area" localSheetId="1">'第２-1表'!$B$1:$KM$41</definedName>
    <definedName name="_xlnm.Print_Area" localSheetId="2">'第２-2表'!$B$1:$KM$41</definedName>
    <definedName name="_xlnm.Print_Area" localSheetId="3">'第２-3表'!$B$1:$KM$41</definedName>
    <definedName name="_xlnm.Print_Area" localSheetId="8">'第3-3-1表'!$B$1:$CW$40</definedName>
    <definedName name="_xlnm.Print_Area" localSheetId="9">'第3-3-2表'!$B$1:$CW$40</definedName>
    <definedName name="_xlnm.Print_Area" localSheetId="10">'第3-3-3表 '!$B$1:$CW$40</definedName>
    <definedName name="_xlnm.Print_Titles" localSheetId="1">'第２-1表'!$B:$B,'第２-1表'!$1:$2</definedName>
    <definedName name="_xlnm.Print_Titles" localSheetId="2">'第２-2表'!$B:$B,'第２-2表'!$1:$2</definedName>
    <definedName name="_xlnm.Print_Titles" localSheetId="3">'第２-3表'!$B:$B,'第２-3表'!$1:$2</definedName>
    <definedName name="_xlnm.Print_Titles" localSheetId="4">'第３-1表'!$B:$B</definedName>
    <definedName name="_xlnm.Print_Titles" localSheetId="5">'第３-2-1表'!$B:$B,'第３-2-1表'!$1:$2</definedName>
    <definedName name="_xlnm.Print_Titles" localSheetId="6">'第３-2-2表'!$B:$B,'第３-2-2表'!$1:$2</definedName>
    <definedName name="_xlnm.Print_Titles" localSheetId="7">'第３-2-3表 '!$B:$B,'第３-2-3表 '!$1:$2</definedName>
    <definedName name="_xlnm.Print_Titles" localSheetId="11">'第４-1表'!$B:$B</definedName>
    <definedName name="_xlnm.Print_Titles" localSheetId="18">'第5-1表'!$B:$B</definedName>
    <definedName name="_xlnm.Print_Titles" localSheetId="19">'第5-2表'!$B:$B</definedName>
    <definedName name="_xlnm.Print_Titles" localSheetId="20">'第5-3表'!$B:$B</definedName>
    <definedName name="_xlnm.Print_Titles" localSheetId="21">'第６-1表'!$B:$B</definedName>
    <definedName name="_xlnm.Print_Titles" localSheetId="22">'第６-2表'!$B:$B</definedName>
    <definedName name="_xlnm.Print_Titles" localSheetId="23">'第６-3表 '!$B:$B</definedName>
    <definedName name="_xlnm.Print_Titles" localSheetId="24">第7表!$B:$B</definedName>
  </definedNames>
  <calcPr calcId="162913"/>
</workbook>
</file>

<file path=xl/calcChain.xml><?xml version="1.0" encoding="utf-8"?>
<calcChain xmlns="http://schemas.openxmlformats.org/spreadsheetml/2006/main">
  <c r="H1" i="18" l="1"/>
  <c r="I1" i="18" s="1"/>
  <c r="G1" i="18"/>
  <c r="H1" i="34"/>
  <c r="I1" i="34" s="1"/>
  <c r="G1" i="34"/>
  <c r="H1" i="26"/>
  <c r="I1" i="26" s="1"/>
  <c r="G1" i="26"/>
  <c r="H4" i="1" l="1"/>
  <c r="H1" i="6" l="1"/>
  <c r="I1" i="6" s="1"/>
  <c r="I1" i="33"/>
  <c r="J1" i="33" s="1"/>
  <c r="H1" i="33"/>
  <c r="J1" i="5"/>
  <c r="K1" i="5" s="1"/>
  <c r="H1" i="5"/>
  <c r="J1" i="30"/>
  <c r="I1" i="25" l="1"/>
  <c r="J1" i="25" s="1"/>
  <c r="H1" i="25"/>
  <c r="J1" i="32" l="1"/>
  <c r="K1" i="32" s="1"/>
  <c r="H1" i="32"/>
  <c r="K1" i="31"/>
  <c r="L1" i="31" s="1"/>
  <c r="I1" i="31"/>
  <c r="L1" i="30"/>
  <c r="M1" i="30" s="1"/>
  <c r="K1" i="29"/>
  <c r="L1" i="29" s="1"/>
  <c r="I1" i="29"/>
  <c r="H1" i="28"/>
  <c r="I1" i="28" s="1"/>
  <c r="F1" i="28"/>
  <c r="G1" i="6" l="1"/>
  <c r="H1" i="24"/>
  <c r="H1" i="14"/>
  <c r="I1" i="23"/>
  <c r="I1" i="13"/>
  <c r="H1" i="4"/>
  <c r="J1" i="22"/>
  <c r="J1" i="11"/>
  <c r="I1" i="21"/>
  <c r="G1" i="9"/>
  <c r="F1" i="19"/>
  <c r="F1" i="8"/>
  <c r="J1" i="24" l="1"/>
  <c r="J1" i="14"/>
  <c r="K1" i="23"/>
  <c r="K1" i="13"/>
  <c r="J1" i="4"/>
  <c r="L1" i="22"/>
  <c r="L1" i="11"/>
  <c r="K1" i="21"/>
  <c r="K1" i="10"/>
  <c r="I1" i="9"/>
  <c r="H1" i="19"/>
  <c r="I1" i="19" s="1"/>
  <c r="H1" i="8"/>
  <c r="I1" i="8" s="1"/>
  <c r="J1" i="9" l="1"/>
  <c r="K1" i="24"/>
  <c r="L1" i="23"/>
  <c r="M1" i="22"/>
  <c r="L1" i="21"/>
  <c r="K1" i="14"/>
  <c r="L1" i="13"/>
  <c r="M1" i="11"/>
  <c r="L1" i="10"/>
  <c r="K1" i="4"/>
</calcChain>
</file>

<file path=xl/sharedStrings.xml><?xml version="1.0" encoding="utf-8"?>
<sst xmlns="http://schemas.openxmlformats.org/spreadsheetml/2006/main" count="5575" uniqueCount="163">
  <si>
    <t>介護保険事業状況報告</t>
  </si>
  <si>
    <t>第1号被保険者数（人）</t>
  </si>
  <si>
    <t>当月末現在</t>
  </si>
  <si>
    <t>６５歳以上７５歳未満</t>
  </si>
  <si>
    <t>神奈川県</t>
  </si>
  <si>
    <t>横浜市</t>
  </si>
  <si>
    <t>川崎市</t>
  </si>
  <si>
    <t>横須賀市</t>
  </si>
  <si>
    <t>平塚市</t>
  </si>
  <si>
    <t>鎌倉市</t>
  </si>
  <si>
    <t>藤沢市</t>
  </si>
  <si>
    <t>小田原市</t>
  </si>
  <si>
    <t>茅ヶ崎市</t>
  </si>
  <si>
    <t>逗子市</t>
  </si>
  <si>
    <t>相模原市</t>
  </si>
  <si>
    <t>三浦市</t>
  </si>
  <si>
    <t>秦野市</t>
  </si>
  <si>
    <t>厚木市</t>
  </si>
  <si>
    <t>大和市</t>
  </si>
  <si>
    <t>伊勢原市</t>
  </si>
  <si>
    <t>海老名市</t>
  </si>
  <si>
    <t>座間市</t>
  </si>
  <si>
    <t>南足柄市</t>
  </si>
  <si>
    <t>綾瀬市</t>
  </si>
  <si>
    <t>葉山町</t>
  </si>
  <si>
    <t>寒川町</t>
  </si>
  <si>
    <t>大磯町</t>
  </si>
  <si>
    <t>二宮町</t>
  </si>
  <si>
    <t>中井町</t>
  </si>
  <si>
    <t>大井町</t>
  </si>
  <si>
    <t>松田町</t>
  </si>
  <si>
    <t>山北町</t>
  </si>
  <si>
    <t>開成町</t>
  </si>
  <si>
    <t>箱根町</t>
  </si>
  <si>
    <t>真鶴町</t>
  </si>
  <si>
    <t>湯河原町</t>
  </si>
  <si>
    <t>愛川町</t>
  </si>
  <si>
    <t>清川村</t>
  </si>
  <si>
    <t>区分</t>
  </si>
  <si>
    <t>第１号被保険者</t>
  </si>
  <si>
    <t>第２号被保険者</t>
  </si>
  <si>
    <t>総数</t>
  </si>
  <si>
    <t>市町村名</t>
  </si>
  <si>
    <t>要支援１</t>
  </si>
  <si>
    <t>要支援２</t>
  </si>
  <si>
    <t>計</t>
  </si>
  <si>
    <t>経過的
要介護</t>
  </si>
  <si>
    <t>要介護１</t>
  </si>
  <si>
    <t>要介護２</t>
  </si>
  <si>
    <t>要介護３</t>
  </si>
  <si>
    <t>要介護４</t>
  </si>
  <si>
    <t>要介護５</t>
  </si>
  <si>
    <t>合計</t>
  </si>
  <si>
    <t>第１被保険者</t>
  </si>
  <si>
    <t>第２被保険者</t>
  </si>
  <si>
    <t>総　　　計</t>
  </si>
  <si>
    <t>施設介護サービス受給者数（人）</t>
  </si>
  <si>
    <t>介護老人福祉施設</t>
  </si>
  <si>
    <t>介護老人保健施設</t>
  </si>
  <si>
    <t>介護療養型医療施設</t>
  </si>
  <si>
    <t>総計</t>
  </si>
  <si>
    <t>予防給付</t>
  </si>
  <si>
    <t>介護給付</t>
  </si>
  <si>
    <t>居宅(介護予防)サービス</t>
  </si>
  <si>
    <t>訪問サービス</t>
  </si>
  <si>
    <t>通所サービス</t>
  </si>
  <si>
    <t>短期入所サービス</t>
  </si>
  <si>
    <t>福祉用具・住宅改修サービス</t>
  </si>
  <si>
    <t>特定施設入居者生活介護</t>
  </si>
  <si>
    <t>介護予防支援・居宅介護支援</t>
  </si>
  <si>
    <t>訪問介護</t>
  </si>
  <si>
    <t>訪問入浴介護</t>
  </si>
  <si>
    <t>訪問看護</t>
  </si>
  <si>
    <t>訪問リハビリテーション</t>
  </si>
  <si>
    <t>居宅療養管理指導</t>
  </si>
  <si>
    <t>通所介護</t>
  </si>
  <si>
    <t>通所リハビリテーション</t>
  </si>
  <si>
    <t>短期入所生活介護</t>
  </si>
  <si>
    <t>短期入所療養介護（介護老人保健施設）</t>
  </si>
  <si>
    <t>短期入所療養介護（介護療養型医療施設等）</t>
  </si>
  <si>
    <t>福祉用具貸与</t>
  </si>
  <si>
    <t>福祉用具購入費</t>
  </si>
  <si>
    <t>住宅改修費</t>
  </si>
  <si>
    <t>経過的要介護</t>
  </si>
  <si>
    <t>※　千円未満四捨五入処理のため、計は合わない。</t>
  </si>
  <si>
    <t>地域密着型(介護予防)サービス</t>
  </si>
  <si>
    <t>施設サービス</t>
  </si>
  <si>
    <t>　</t>
    <phoneticPr fontId="4"/>
  </si>
  <si>
    <t>夜間対応型訪問介護</t>
    <phoneticPr fontId="4"/>
  </si>
  <si>
    <t>小規模多機能型居宅介護</t>
    <phoneticPr fontId="4"/>
  </si>
  <si>
    <t>認知症対応型通所介護</t>
    <phoneticPr fontId="4"/>
  </si>
  <si>
    <t>認知症対応型共同生活介護</t>
    <phoneticPr fontId="4"/>
  </si>
  <si>
    <t>地域密着型特定施設入居者生活介護</t>
    <phoneticPr fontId="4"/>
  </si>
  <si>
    <t>地域密着型介護老人福祉施設入所者生活介護</t>
    <phoneticPr fontId="4"/>
  </si>
  <si>
    <t>定期巡回・随時対応型訪問介護看護</t>
    <phoneticPr fontId="4"/>
  </si>
  <si>
    <t>計</t>
    <phoneticPr fontId="4"/>
  </si>
  <si>
    <t>男</t>
    <rPh sb="0" eb="1">
      <t>オトコ</t>
    </rPh>
    <phoneticPr fontId="4"/>
  </si>
  <si>
    <t>６５歳以上７０歳未満</t>
    <phoneticPr fontId="4"/>
  </si>
  <si>
    <t>７０歳以上７５歳未満</t>
    <phoneticPr fontId="4"/>
  </si>
  <si>
    <t>７５歳以上８０歳未満</t>
    <phoneticPr fontId="4"/>
  </si>
  <si>
    <t>８０歳以上８５歳未満</t>
    <phoneticPr fontId="4"/>
  </si>
  <si>
    <r>
      <t>８５歳以上９０</t>
    </r>
    <r>
      <rPr>
        <sz val="11"/>
        <rFont val="ＭＳ Ｐゴシック"/>
        <family val="3"/>
        <charset val="128"/>
      </rPr>
      <t>歳未満</t>
    </r>
    <phoneticPr fontId="4"/>
  </si>
  <si>
    <t>９０歳以上</t>
    <phoneticPr fontId="4"/>
  </si>
  <si>
    <t>女</t>
    <rPh sb="0" eb="1">
      <t>オンナ</t>
    </rPh>
    <phoneticPr fontId="4"/>
  </si>
  <si>
    <t>計</t>
    <rPh sb="0" eb="1">
      <t>ケイ</t>
    </rPh>
    <phoneticPr fontId="4"/>
  </si>
  <si>
    <t>短期入所療養介護（介護療養型医療施設等）（日）</t>
  </si>
  <si>
    <t>短期入所生活介護（日）</t>
  </si>
  <si>
    <t>通所リハビリテーション（回）</t>
  </si>
  <si>
    <t>通所介護（回）</t>
  </si>
  <si>
    <t>訪問リハビリテーション（回）</t>
  </si>
  <si>
    <t>訪問看護（回）</t>
  </si>
  <si>
    <t>訪問入浴介護（回）</t>
  </si>
  <si>
    <t>訪問介護（回）</t>
  </si>
  <si>
    <t>認知症対応型通所介護</t>
  </si>
  <si>
    <t>定期巡回・随時対応型訪問介護看護</t>
    <phoneticPr fontId="4"/>
  </si>
  <si>
    <t>夜間対応型訪問介護</t>
    <phoneticPr fontId="4"/>
  </si>
  <si>
    <t>食費</t>
  </si>
  <si>
    <t>地域密着型介護老人福祉施設入所者生活介護</t>
  </si>
  <si>
    <t>居住費（滞在費）</t>
  </si>
  <si>
    <t>要支援１</t>
    <phoneticPr fontId="4"/>
  </si>
  <si>
    <t>保険給付決定状況 特定入所者介護（介護予防）サービス費　総数　給付費（千円）</t>
    <rPh sb="33" eb="34">
      <t>ヒ</t>
    </rPh>
    <rPh sb="35" eb="37">
      <t>センエン</t>
    </rPh>
    <phoneticPr fontId="4"/>
  </si>
  <si>
    <t xml:space="preserve">要介護（要支援）認定者数（人） </t>
    <phoneticPr fontId="4"/>
  </si>
  <si>
    <t>居宅介護(介護予防)サービスのサービス別受給者数【現物給付分】</t>
    <rPh sb="25" eb="27">
      <t>ゲンブツ</t>
    </rPh>
    <rPh sb="27" eb="29">
      <t>キュウフ</t>
    </rPh>
    <rPh sb="29" eb="30">
      <t>ブン</t>
    </rPh>
    <phoneticPr fontId="4"/>
  </si>
  <si>
    <t>居宅介護(介護予防)サービスのサービス別利用回（日）数【現物給付分】</t>
    <rPh sb="28" eb="30">
      <t>ゲンブツ</t>
    </rPh>
    <rPh sb="30" eb="32">
      <t>キュウフ</t>
    </rPh>
    <rPh sb="32" eb="33">
      <t>ブン</t>
    </rPh>
    <phoneticPr fontId="4"/>
  </si>
  <si>
    <t>地域密着型(介護予防)サービスのサービス別受給者数【現物給付分】</t>
    <rPh sb="26" eb="28">
      <t>ゲンブツ</t>
    </rPh>
    <rPh sb="28" eb="30">
      <t>キュウフ</t>
    </rPh>
    <rPh sb="30" eb="31">
      <t>ブン</t>
    </rPh>
    <phoneticPr fontId="4"/>
  </si>
  <si>
    <t>地域密着型(介護予防)サービスの利用回数【現物給付分】</t>
    <phoneticPr fontId="4"/>
  </si>
  <si>
    <t>※国民健康保険団体連合会が保有する受給者台帳を基にしたものであり、提出後に要介護度が遡って変更になる場合がある。</t>
    <rPh sb="1" eb="3">
      <t>コクミン</t>
    </rPh>
    <rPh sb="3" eb="5">
      <t>ケンコウ</t>
    </rPh>
    <rPh sb="5" eb="7">
      <t>ホケン</t>
    </rPh>
    <rPh sb="7" eb="9">
      <t>ダンタイ</t>
    </rPh>
    <rPh sb="9" eb="12">
      <t>レンゴウカイ</t>
    </rPh>
    <rPh sb="13" eb="15">
      <t>ホユウ</t>
    </rPh>
    <rPh sb="17" eb="20">
      <t>ジュキュウシャ</t>
    </rPh>
    <rPh sb="20" eb="22">
      <t>ダイチョウ</t>
    </rPh>
    <rPh sb="23" eb="24">
      <t>モト</t>
    </rPh>
    <rPh sb="33" eb="35">
      <t>テイシュツ</t>
    </rPh>
    <rPh sb="35" eb="36">
      <t>ゴ</t>
    </rPh>
    <rPh sb="37" eb="40">
      <t>ヨウカイゴ</t>
    </rPh>
    <rPh sb="40" eb="41">
      <t>ド</t>
    </rPh>
    <rPh sb="42" eb="43">
      <t>サカノボ</t>
    </rPh>
    <rPh sb="45" eb="47">
      <t>ヘンコウ</t>
    </rPh>
    <rPh sb="50" eb="52">
      <t>バアイ</t>
    </rPh>
    <phoneticPr fontId="4"/>
  </si>
  <si>
    <t>※訪問介護、通所介護及び通所リハビリテーションについては、介護予防サービスを除く。</t>
    <rPh sb="1" eb="3">
      <t>ホウモン</t>
    </rPh>
    <rPh sb="3" eb="5">
      <t>カイゴ</t>
    </rPh>
    <rPh sb="6" eb="8">
      <t>ツウショ</t>
    </rPh>
    <rPh sb="8" eb="10">
      <t>カイゴ</t>
    </rPh>
    <rPh sb="10" eb="11">
      <t>オヨ</t>
    </rPh>
    <rPh sb="12" eb="14">
      <t>ツウショ</t>
    </rPh>
    <rPh sb="29" eb="31">
      <t>カイゴ</t>
    </rPh>
    <rPh sb="31" eb="33">
      <t>ヨボウ</t>
    </rPh>
    <rPh sb="38" eb="39">
      <t>ノゾ</t>
    </rPh>
    <phoneticPr fontId="4"/>
  </si>
  <si>
    <t>短期入所療養介護（介護老人保健施設）（日）</t>
    <phoneticPr fontId="4"/>
  </si>
  <si>
    <t>地域密着型（介護予防）サービス受給者数（人）</t>
    <phoneticPr fontId="4"/>
  </si>
  <si>
    <t>①総数</t>
    <rPh sb="1" eb="3">
      <t>ソウスウ</t>
    </rPh>
    <phoneticPr fontId="4"/>
  </si>
  <si>
    <t>②総数（再掲：第1号被保険者の2割負担対象者分）</t>
  </si>
  <si>
    <t>②総数（再掲：第1号被保険者の2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①総数</t>
    <phoneticPr fontId="4"/>
  </si>
  <si>
    <t>居宅介護（介護予防）サービス受給者数</t>
    <phoneticPr fontId="4"/>
  </si>
  <si>
    <t>②総数（再掲：第1号被保険者の2割負担対象者分）</t>
    <phoneticPr fontId="4"/>
  </si>
  <si>
    <t>保険給付決定状況</t>
  </si>
  <si>
    <t>②総数（給付費・千円）（再掲：第1号被保険者の2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①総数</t>
    <phoneticPr fontId="4"/>
  </si>
  <si>
    <t>①総数</t>
    <rPh sb="1" eb="3">
      <t>ソウスウ</t>
    </rPh>
    <phoneticPr fontId="4"/>
  </si>
  <si>
    <t>【現物給付分】</t>
    <rPh sb="1" eb="3">
      <t>ゲンブツ</t>
    </rPh>
    <rPh sb="3" eb="5">
      <t>キュウフ</t>
    </rPh>
    <rPh sb="5" eb="6">
      <t>ブン</t>
    </rPh>
    <phoneticPr fontId="4"/>
  </si>
  <si>
    <t>複合型サービス(看護小規模多機能型居宅介護）</t>
    <rPh sb="8" eb="10">
      <t>カンゴ</t>
    </rPh>
    <rPh sb="10" eb="13">
      <t>ショウキボ</t>
    </rPh>
    <rPh sb="13" eb="17">
      <t>タキノウガタ</t>
    </rPh>
    <rPh sb="17" eb="19">
      <t>キョタク</t>
    </rPh>
    <rPh sb="19" eb="21">
      <t>カイゴ</t>
    </rPh>
    <phoneticPr fontId="4"/>
  </si>
  <si>
    <t>地域密着型通所介護</t>
    <rPh sb="0" eb="2">
      <t>チイキ</t>
    </rPh>
    <rPh sb="2" eb="4">
      <t>ミッチャク</t>
    </rPh>
    <phoneticPr fontId="4"/>
  </si>
  <si>
    <t>地域密着型通所介護</t>
    <rPh sb="0" eb="2">
      <t>チイキ</t>
    </rPh>
    <rPh sb="2" eb="4">
      <t>ミッチャク</t>
    </rPh>
    <phoneticPr fontId="4"/>
  </si>
  <si>
    <t>地域密着型通所介護</t>
    <rPh sb="0" eb="4">
      <t>チイキミッチャク</t>
    </rPh>
    <phoneticPr fontId="4"/>
  </si>
  <si>
    <t>複合型サービス(看護小規模多機能型居宅介護）</t>
    <phoneticPr fontId="4"/>
  </si>
  <si>
    <t>保険給付決定状況</t>
    <phoneticPr fontId="4"/>
  </si>
  <si>
    <t>介護給付・予防給付</t>
    <rPh sb="0" eb="2">
      <t>カイゴ</t>
    </rPh>
    <rPh sb="2" eb="4">
      <t>キュウフ</t>
    </rPh>
    <rPh sb="5" eb="7">
      <t>ヨボウ</t>
    </rPh>
    <rPh sb="7" eb="9">
      <t>キュウフ</t>
    </rPh>
    <phoneticPr fontId="4"/>
  </si>
  <si>
    <t>①総数（給付費・千円）</t>
    <phoneticPr fontId="4"/>
  </si>
  <si>
    <t>８５歳以上</t>
    <phoneticPr fontId="4"/>
  </si>
  <si>
    <t>７５歳以上８５歳未満</t>
    <rPh sb="7" eb="10">
      <t>サイミマン</t>
    </rPh>
    <phoneticPr fontId="4"/>
  </si>
  <si>
    <t>介護医療院</t>
    <rPh sb="4" eb="5">
      <t>イン</t>
    </rPh>
    <phoneticPr fontId="4"/>
  </si>
  <si>
    <t>短期入所療養介護（介護医療院）</t>
    <rPh sb="13" eb="14">
      <t>イン</t>
    </rPh>
    <phoneticPr fontId="4"/>
  </si>
  <si>
    <t>②総数（再掲：第1号被保険者の3割負担対象者分）</t>
    <rPh sb="1" eb="3">
      <t>ソウスウ</t>
    </rPh>
    <rPh sb="4" eb="6">
      <t>サイケイ</t>
    </rPh>
    <rPh sb="7" eb="8">
      <t>ダイ</t>
    </rPh>
    <rPh sb="9" eb="10">
      <t>ゴウ</t>
    </rPh>
    <rPh sb="10" eb="14">
      <t>ヒホケンジャ</t>
    </rPh>
    <rPh sb="16" eb="17">
      <t>ワリ</t>
    </rPh>
    <rPh sb="17" eb="19">
      <t>フタン</t>
    </rPh>
    <rPh sb="19" eb="22">
      <t>タイショウシャ</t>
    </rPh>
    <rPh sb="22" eb="23">
      <t>ブン</t>
    </rPh>
    <phoneticPr fontId="4"/>
  </si>
  <si>
    <t>②総数（再掲：第1号被保険者の3割負担対象者分）</t>
    <phoneticPr fontId="4"/>
  </si>
  <si>
    <t>②総数（再掲：第1号被保険者の3割負担対象者分）</t>
    <phoneticPr fontId="4"/>
  </si>
  <si>
    <t>②総数（給付費・千円）（再掲：第1号被保険者の3割負担対象者分）</t>
    <rPh sb="12" eb="14">
      <t>サイケイ</t>
    </rPh>
    <rPh sb="15" eb="16">
      <t>ダイ</t>
    </rPh>
    <rPh sb="17" eb="18">
      <t>ゴウ</t>
    </rPh>
    <rPh sb="18" eb="22">
      <t>ヒホケンジャ</t>
    </rPh>
    <rPh sb="24" eb="25">
      <t>ワリ</t>
    </rPh>
    <rPh sb="25" eb="27">
      <t>フタン</t>
    </rPh>
    <rPh sb="27" eb="30">
      <t>タイショウシャ</t>
    </rPh>
    <rPh sb="30" eb="31">
      <t>ブン</t>
    </rPh>
    <phoneticPr fontId="4"/>
  </si>
  <si>
    <t>短期入所療養介護（介護医療院）（日）</t>
    <rPh sb="13" eb="14">
      <t>イン</t>
    </rPh>
    <phoneticPr fontId="4"/>
  </si>
  <si>
    <t>（再掲：第1号被保険者の2割負担対象者分）</t>
    <phoneticPr fontId="4"/>
  </si>
  <si>
    <t>（再掲：第1号被保険者の3割負担対象者分）</t>
    <phoneticPr fontId="4"/>
  </si>
  <si>
    <t>短期入所療養介護（介護医療院）（日）</t>
    <rPh sb="11" eb="13">
      <t>イリョウ</t>
    </rPh>
    <rPh sb="13" eb="14">
      <t>イン</t>
    </rPh>
    <phoneticPr fontId="4"/>
  </si>
  <si>
    <t>短期入所療養介護（介護療養型医療施設等）（日）</t>
    <rPh sb="11" eb="14">
      <t>リョウヨウガタ</t>
    </rPh>
    <rPh sb="16" eb="19">
      <t>シセツトウ</t>
    </rPh>
    <phoneticPr fontId="4"/>
  </si>
  <si>
    <t>要支援２</t>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_ "/>
    <numFmt numFmtId="177" formatCode="#,##0_ ;[Red]\-#,##0\ "/>
    <numFmt numFmtId="178" formatCode="#,##0_);[Red]\(#,##0\)"/>
    <numFmt numFmtId="179" formatCode="#,##0,\ ;\-#,##0,\ "/>
    <numFmt numFmtId="180" formatCode="#,##0,;\-#,##0,"/>
    <numFmt numFmtId="181" formatCode="\(&quot;平成&quot;##&quot;年&quot;"/>
    <numFmt numFmtId="182" formatCode="\(##&quot;月サービス分&quot;\)"/>
    <numFmt numFmtId="183" formatCode="##&quot;月分&quot;\)"/>
    <numFmt numFmtId="184" formatCode="0&quot;月末現在&quot;"/>
    <numFmt numFmtId="185" formatCode="\(##&quot;月末現在&quot;\)"/>
    <numFmt numFmtId="186" formatCode="\(&quot;令和&quot;##&quot;年&quot;"/>
  </numFmts>
  <fonts count="11" x14ac:knownFonts="1">
    <font>
      <sz val="11"/>
      <name val="ＭＳ Ｐゴシック"/>
      <family val="3"/>
      <charset val="128"/>
    </font>
    <font>
      <sz val="12"/>
      <color theme="1"/>
      <name val="ＭＳ 明朝"/>
      <family val="2"/>
      <charset val="128"/>
    </font>
    <font>
      <sz val="11"/>
      <name val="ＭＳ Ｐゴシック"/>
      <family val="3"/>
      <charset val="128"/>
    </font>
    <font>
      <sz val="11"/>
      <name val="ＭＳ Ｐゴシック"/>
      <family val="3"/>
      <charset val="128"/>
    </font>
    <font>
      <sz val="6"/>
      <name val="ＭＳ Ｐゴシック"/>
      <family val="3"/>
      <charset val="128"/>
    </font>
    <font>
      <b/>
      <sz val="11"/>
      <name val="ＭＳ Ｐゴシック"/>
      <family val="3"/>
      <charset val="128"/>
    </font>
    <font>
      <u/>
      <sz val="11"/>
      <name val="ＭＳ Ｐゴシック"/>
      <family val="3"/>
      <charset val="128"/>
    </font>
    <font>
      <sz val="8"/>
      <name val="ＭＳ Ｐゴシック"/>
      <family val="3"/>
      <charset val="128"/>
    </font>
    <font>
      <b/>
      <sz val="10"/>
      <name val="ＭＳ Ｐゴシック"/>
      <family val="3"/>
      <charset val="128"/>
    </font>
    <font>
      <sz val="11"/>
      <color theme="1"/>
      <name val="ＭＳ Ｐゴシック"/>
      <family val="3"/>
      <charset val="128"/>
    </font>
    <font>
      <b/>
      <sz val="11"/>
      <color theme="1"/>
      <name val="ＭＳ Ｐゴシック"/>
      <family val="3"/>
      <charset val="128"/>
    </font>
  </fonts>
  <fills count="2">
    <fill>
      <patternFill patternType="none"/>
    </fill>
    <fill>
      <patternFill patternType="gray125"/>
    </fill>
  </fills>
  <borders count="130">
    <border>
      <left/>
      <right/>
      <top/>
      <bottom/>
      <diagonal/>
    </border>
    <border>
      <left style="medium">
        <color indexed="64"/>
      </left>
      <right/>
      <top style="medium">
        <color indexed="64"/>
      </top>
      <bottom/>
      <diagonal/>
    </border>
    <border>
      <left style="thin">
        <color indexed="64"/>
      </left>
      <right style="thin">
        <color indexed="64"/>
      </right>
      <top style="medium">
        <color indexed="64"/>
      </top>
      <bottom/>
      <diagonal/>
    </border>
    <border>
      <left style="medium">
        <color indexed="64"/>
      </left>
      <right/>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double">
        <color indexed="64"/>
      </right>
      <top style="thin">
        <color indexed="64"/>
      </top>
      <bottom style="medium">
        <color indexed="64"/>
      </bottom>
      <diagonal/>
    </border>
    <border>
      <left style="medium">
        <color indexed="64"/>
      </left>
      <right/>
      <top style="thin">
        <color indexed="64"/>
      </top>
      <bottom style="medium">
        <color indexed="64"/>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double">
        <color indexed="64"/>
      </right>
      <top style="medium">
        <color indexed="64"/>
      </top>
      <bottom/>
      <diagonal/>
    </border>
    <border>
      <left/>
      <right style="thin">
        <color indexed="64"/>
      </right>
      <top style="medium">
        <color indexed="64"/>
      </top>
      <bottom/>
      <diagonal/>
    </border>
    <border>
      <left style="medium">
        <color indexed="64"/>
      </left>
      <right style="medium">
        <color indexed="64"/>
      </right>
      <top style="thin">
        <color indexed="64"/>
      </top>
      <bottom style="medium">
        <color indexed="64"/>
      </bottom>
      <diagonal/>
    </border>
    <border>
      <left style="medium">
        <color indexed="64"/>
      </left>
      <right style="thin">
        <color indexed="64"/>
      </right>
      <top style="thin">
        <color indexed="64"/>
      </top>
      <bottom/>
      <diagonal/>
    </border>
    <border>
      <left style="thin">
        <color indexed="64"/>
      </left>
      <right/>
      <top style="thin">
        <color indexed="64"/>
      </top>
      <bottom/>
      <diagonal/>
    </border>
    <border>
      <left style="double">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double">
        <color indexed="64"/>
      </right>
      <top style="thin">
        <color indexed="64"/>
      </top>
      <bottom/>
      <diagonal/>
    </border>
    <border>
      <left style="thin">
        <color indexed="64"/>
      </left>
      <right/>
      <top style="thin">
        <color indexed="64"/>
      </top>
      <bottom style="medium">
        <color indexed="64"/>
      </bottom>
      <diagonal/>
    </border>
    <border>
      <left style="double">
        <color indexed="64"/>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style="medium">
        <color indexed="64"/>
      </left>
      <right/>
      <top/>
      <bottom/>
      <diagonal/>
    </border>
    <border>
      <left/>
      <right style="medium">
        <color indexed="64"/>
      </right>
      <top style="thin">
        <color indexed="64"/>
      </top>
      <bottom/>
      <diagonal/>
    </border>
    <border>
      <left/>
      <right style="medium">
        <color indexed="64"/>
      </right>
      <top style="thin">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double">
        <color indexed="64"/>
      </left>
      <right style="medium">
        <color indexed="64"/>
      </right>
      <top style="medium">
        <color indexed="64"/>
      </top>
      <bottom style="thin">
        <color indexed="64"/>
      </bottom>
      <diagonal/>
    </border>
    <border>
      <left style="thin">
        <color indexed="64"/>
      </left>
      <right/>
      <top style="thin">
        <color indexed="64"/>
      </top>
      <bottom style="thin">
        <color indexed="64"/>
      </bottom>
      <diagonal/>
    </border>
    <border>
      <left style="double">
        <color indexed="64"/>
      </left>
      <right style="medium">
        <color indexed="64"/>
      </right>
      <top style="thin">
        <color indexed="64"/>
      </top>
      <bottom style="thin">
        <color indexed="64"/>
      </bottom>
      <diagonal/>
    </border>
    <border>
      <left style="double">
        <color indexed="64"/>
      </left>
      <right style="medium">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bottom style="thin">
        <color indexed="64"/>
      </bottom>
      <diagonal/>
    </border>
    <border>
      <left style="thin">
        <color indexed="64"/>
      </left>
      <right style="double">
        <color indexed="64"/>
      </right>
      <top style="medium">
        <color indexed="64"/>
      </top>
      <bottom style="thin">
        <color indexed="64"/>
      </bottom>
      <diagonal/>
    </border>
    <border>
      <left/>
      <right style="double">
        <color indexed="64"/>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style="double">
        <color indexed="64"/>
      </right>
      <top style="thin">
        <color indexed="64"/>
      </top>
      <bottom style="thin">
        <color indexed="64"/>
      </bottom>
      <diagonal/>
    </border>
    <border>
      <left/>
      <right style="double">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bottom style="thin">
        <color indexed="64"/>
      </bottom>
      <diagonal/>
    </border>
    <border>
      <left/>
      <right style="double">
        <color indexed="64"/>
      </right>
      <top style="thin">
        <color indexed="64"/>
      </top>
      <bottom style="medium">
        <color indexed="64"/>
      </bottom>
      <diagonal/>
    </border>
    <border>
      <left style="double">
        <color indexed="64"/>
      </left>
      <right style="thin">
        <color indexed="64"/>
      </right>
      <top style="medium">
        <color indexed="64"/>
      </top>
      <bottom style="thin">
        <color indexed="64"/>
      </bottom>
      <diagonal/>
    </border>
    <border>
      <left/>
      <right style="thin">
        <color indexed="64"/>
      </right>
      <top style="medium">
        <color indexed="64"/>
      </top>
      <bottom style="thin">
        <color indexed="64"/>
      </bottom>
      <diagonal/>
    </border>
    <border>
      <left style="double">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top style="thin">
        <color indexed="64"/>
      </top>
      <bottom style="thin">
        <color indexed="64"/>
      </bottom>
      <diagonal/>
    </border>
    <border>
      <left/>
      <right/>
      <top/>
      <bottom style="thin">
        <color indexed="64"/>
      </bottom>
      <diagonal/>
    </border>
    <border>
      <left/>
      <right/>
      <top style="medium">
        <color indexed="64"/>
      </top>
      <bottom style="thin">
        <color indexed="64"/>
      </bottom>
      <diagonal/>
    </border>
    <border>
      <left/>
      <right style="medium">
        <color indexed="64"/>
      </right>
      <top/>
      <bottom style="thin">
        <color indexed="64"/>
      </bottom>
      <diagonal/>
    </border>
    <border diagonalUp="1">
      <left style="double">
        <color indexed="64"/>
      </left>
      <right style="thin">
        <color indexed="64"/>
      </right>
      <top/>
      <bottom style="thin">
        <color indexed="64"/>
      </bottom>
      <diagonal style="thin">
        <color indexed="64"/>
      </diagonal>
    </border>
    <border>
      <left style="double">
        <color indexed="64"/>
      </left>
      <right/>
      <top style="medium">
        <color indexed="64"/>
      </top>
      <bottom style="thin">
        <color indexed="64"/>
      </bottom>
      <diagonal/>
    </border>
    <border diagonalUp="1">
      <left style="double">
        <color indexed="64"/>
      </left>
      <right style="thin">
        <color indexed="64"/>
      </right>
      <top style="medium">
        <color indexed="64"/>
      </top>
      <bottom style="thin">
        <color indexed="64"/>
      </bottom>
      <diagonal style="thin">
        <color indexed="64"/>
      </diagonal>
    </border>
    <border diagonalUp="1">
      <left/>
      <right style="thin">
        <color indexed="64"/>
      </right>
      <top/>
      <bottom style="thin">
        <color indexed="64"/>
      </bottom>
      <diagonal style="thin">
        <color indexed="64"/>
      </diagonal>
    </border>
    <border>
      <left style="double">
        <color indexed="64"/>
      </left>
      <right style="thin">
        <color indexed="64"/>
      </right>
      <top/>
      <bottom/>
      <diagonal/>
    </border>
    <border>
      <left style="thin">
        <color indexed="64"/>
      </left>
      <right style="thin">
        <color indexed="64"/>
      </right>
      <top/>
      <bottom/>
      <diagonal/>
    </border>
    <border>
      <left/>
      <right style="thin">
        <color indexed="64"/>
      </right>
      <top/>
      <bottom/>
      <diagonal/>
    </border>
    <border>
      <left style="thin">
        <color indexed="64"/>
      </left>
      <right style="double">
        <color indexed="64"/>
      </right>
      <top/>
      <bottom/>
      <diagonal/>
    </border>
    <border diagonalUp="1">
      <left style="double">
        <color indexed="64"/>
      </left>
      <right style="thin">
        <color indexed="64"/>
      </right>
      <top style="thin">
        <color indexed="64"/>
      </top>
      <bottom style="thin">
        <color indexed="64"/>
      </bottom>
      <diagonal style="thin">
        <color indexed="64"/>
      </diagonal>
    </border>
    <border>
      <left style="double">
        <color indexed="64"/>
      </left>
      <right/>
      <top style="thin">
        <color indexed="64"/>
      </top>
      <bottom style="thin">
        <color indexed="64"/>
      </bottom>
      <diagonal/>
    </border>
    <border diagonalUp="1">
      <left/>
      <right style="thin">
        <color indexed="64"/>
      </right>
      <top style="thin">
        <color indexed="64"/>
      </top>
      <bottom style="thin">
        <color indexed="64"/>
      </bottom>
      <diagonal style="thin">
        <color indexed="64"/>
      </diagonal>
    </border>
    <border>
      <left/>
      <right/>
      <top style="thin">
        <color indexed="64"/>
      </top>
      <bottom style="medium">
        <color indexed="64"/>
      </bottom>
      <diagonal/>
    </border>
    <border>
      <left style="double">
        <color indexed="64"/>
      </left>
      <right style="thin">
        <color indexed="64"/>
      </right>
      <top/>
      <bottom style="medium">
        <color indexed="64"/>
      </bottom>
      <diagonal/>
    </border>
    <border>
      <left style="thin">
        <color indexed="64"/>
      </left>
      <right style="thin">
        <color indexed="64"/>
      </right>
      <top/>
      <bottom style="medium">
        <color indexed="64"/>
      </bottom>
      <diagonal/>
    </border>
    <border>
      <left/>
      <right style="thin">
        <color indexed="64"/>
      </right>
      <top/>
      <bottom style="medium">
        <color indexed="64"/>
      </bottom>
      <diagonal/>
    </border>
    <border>
      <left/>
      <right/>
      <top/>
      <bottom style="medium">
        <color indexed="64"/>
      </bottom>
      <diagonal/>
    </border>
    <border>
      <left style="thin">
        <color indexed="64"/>
      </left>
      <right style="double">
        <color indexed="64"/>
      </right>
      <top/>
      <bottom style="medium">
        <color indexed="64"/>
      </bottom>
      <diagonal/>
    </border>
    <border diagonalUp="1">
      <left style="double">
        <color indexed="64"/>
      </left>
      <right style="thin">
        <color indexed="64"/>
      </right>
      <top style="thin">
        <color indexed="64"/>
      </top>
      <bottom style="medium">
        <color indexed="64"/>
      </bottom>
      <diagonal style="thin">
        <color indexed="64"/>
      </diagonal>
    </border>
    <border>
      <left style="double">
        <color indexed="64"/>
      </left>
      <right/>
      <top style="thin">
        <color indexed="64"/>
      </top>
      <bottom style="medium">
        <color indexed="64"/>
      </bottom>
      <diagonal/>
    </border>
    <border diagonalUp="1">
      <left/>
      <right style="thin">
        <color indexed="64"/>
      </right>
      <top style="thin">
        <color indexed="64"/>
      </top>
      <bottom style="medium">
        <color indexed="64"/>
      </bottom>
      <diagonal style="thin">
        <color indexed="64"/>
      </diagonal>
    </border>
    <border>
      <left style="thin">
        <color indexed="64"/>
      </left>
      <right style="double">
        <color indexed="64"/>
      </right>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right/>
      <top style="thin">
        <color indexed="64"/>
      </top>
      <bottom/>
      <diagonal/>
    </border>
    <border>
      <left/>
      <right/>
      <top style="medium">
        <color indexed="64"/>
      </top>
      <bottom/>
      <diagonal/>
    </border>
    <border>
      <left style="medium">
        <color indexed="64"/>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double">
        <color indexed="64"/>
      </left>
      <right style="medium">
        <color indexed="64"/>
      </right>
      <top style="thin">
        <color indexed="64"/>
      </top>
      <bottom/>
      <diagonal/>
    </border>
    <border>
      <left style="double">
        <color indexed="64"/>
      </left>
      <right style="medium">
        <color indexed="64"/>
      </right>
      <top/>
      <bottom style="medium">
        <color indexed="64"/>
      </bottom>
      <diagonal/>
    </border>
    <border>
      <left style="medium">
        <color indexed="64"/>
      </left>
      <right/>
      <top/>
      <bottom style="medium">
        <color indexed="64"/>
      </bottom>
      <diagonal/>
    </border>
    <border>
      <left/>
      <right style="medium">
        <color indexed="64"/>
      </right>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double">
        <color indexed="64"/>
      </left>
      <right style="medium">
        <color indexed="64"/>
      </right>
      <top/>
      <bottom style="thin">
        <color indexed="64"/>
      </bottom>
      <diagonal/>
    </border>
    <border>
      <left style="double">
        <color indexed="64"/>
      </left>
      <right style="thin">
        <color indexed="64"/>
      </right>
      <top/>
      <bottom style="thin">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style="medium">
        <color indexed="64"/>
      </bottom>
      <diagonal/>
    </border>
    <border diagonalUp="1">
      <left style="medium">
        <color indexed="64"/>
      </left>
      <right/>
      <top style="medium">
        <color indexed="64"/>
      </top>
      <bottom style="thin">
        <color indexed="64"/>
      </bottom>
      <diagonal style="thin">
        <color indexed="64"/>
      </diagonal>
    </border>
    <border diagonalUp="1">
      <left style="thin">
        <color indexed="64"/>
      </left>
      <right style="thin">
        <color indexed="64"/>
      </right>
      <top style="medium">
        <color indexed="64"/>
      </top>
      <bottom style="thin">
        <color indexed="64"/>
      </bottom>
      <diagonal style="thin">
        <color indexed="64"/>
      </diagonal>
    </border>
    <border diagonalUp="1">
      <left/>
      <right style="double">
        <color indexed="64"/>
      </right>
      <top style="medium">
        <color indexed="64"/>
      </top>
      <bottom style="thin">
        <color indexed="64"/>
      </bottom>
      <diagonal style="thin">
        <color indexed="64"/>
      </diagonal>
    </border>
    <border diagonalUp="1">
      <left/>
      <right/>
      <top style="medium">
        <color indexed="64"/>
      </top>
      <bottom style="thin">
        <color indexed="64"/>
      </bottom>
      <diagonal style="thin">
        <color indexed="64"/>
      </diagonal>
    </border>
    <border diagonalUp="1">
      <left style="double">
        <color indexed="64"/>
      </left>
      <right style="medium">
        <color indexed="64"/>
      </right>
      <top style="medium">
        <color indexed="64"/>
      </top>
      <bottom style="thin">
        <color indexed="64"/>
      </bottom>
      <diagonal style="thin">
        <color indexed="64"/>
      </diagonal>
    </border>
    <border diagonalUp="1">
      <left style="medium">
        <color indexed="64"/>
      </left>
      <right style="thin">
        <color indexed="64"/>
      </right>
      <top style="thin">
        <color indexed="64"/>
      </top>
      <bottom style="thin">
        <color indexed="64"/>
      </bottom>
      <diagonal style="thin">
        <color indexed="64"/>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style="double">
        <color indexed="64"/>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style="double">
        <color indexed="64"/>
      </left>
      <right style="medium">
        <color indexed="64"/>
      </right>
      <top style="thin">
        <color indexed="64"/>
      </top>
      <bottom style="thin">
        <color indexed="64"/>
      </bottom>
      <diagonal style="thin">
        <color indexed="64"/>
      </diagonal>
    </border>
    <border diagonalUp="1">
      <left style="medium">
        <color indexed="64"/>
      </left>
      <right style="thin">
        <color indexed="64"/>
      </right>
      <top style="thin">
        <color indexed="64"/>
      </top>
      <bottom style="medium">
        <color indexed="64"/>
      </bottom>
      <diagonal style="thin">
        <color indexed="64"/>
      </diagonal>
    </border>
    <border diagonalUp="1">
      <left style="thin">
        <color indexed="64"/>
      </left>
      <right style="thin">
        <color indexed="64"/>
      </right>
      <top style="thin">
        <color indexed="64"/>
      </top>
      <bottom style="medium">
        <color indexed="64"/>
      </bottom>
      <diagonal style="thin">
        <color indexed="64"/>
      </diagonal>
    </border>
    <border diagonalUp="1">
      <left style="thin">
        <color indexed="64"/>
      </left>
      <right style="double">
        <color indexed="64"/>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double">
        <color indexed="64"/>
      </left>
      <right style="medium">
        <color indexed="64"/>
      </right>
      <top style="thin">
        <color indexed="64"/>
      </top>
      <bottom style="medium">
        <color indexed="64"/>
      </bottom>
      <diagonal style="thin">
        <color indexed="64"/>
      </diagonal>
    </border>
    <border>
      <left style="double">
        <color indexed="64"/>
      </left>
      <right style="medium">
        <color indexed="64"/>
      </right>
      <top style="medium">
        <color indexed="64"/>
      </top>
      <bottom/>
      <diagonal/>
    </border>
    <border>
      <left style="double">
        <color indexed="64"/>
      </left>
      <right style="medium">
        <color indexed="64"/>
      </right>
      <top/>
      <bottom/>
      <diagonal/>
    </border>
    <border>
      <left style="thin">
        <color indexed="64"/>
      </left>
      <right/>
      <top style="medium">
        <color indexed="64"/>
      </top>
      <bottom/>
      <diagonal/>
    </border>
    <border>
      <left style="medium">
        <color indexed="64"/>
      </left>
      <right style="thin">
        <color indexed="64"/>
      </right>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medium">
        <color indexed="64"/>
      </right>
      <top/>
      <bottom style="thin">
        <color indexed="64"/>
      </bottom>
      <diagonal/>
    </border>
    <border>
      <left/>
      <right style="medium">
        <color indexed="64"/>
      </right>
      <top/>
      <bottom/>
      <diagonal/>
    </border>
    <border diagonalUp="1">
      <left/>
      <right/>
      <top style="thin">
        <color indexed="64"/>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diagonalUp="1">
      <left style="thin">
        <color indexed="64"/>
      </left>
      <right style="double">
        <color indexed="64"/>
      </right>
      <top/>
      <bottom style="thin">
        <color indexed="64"/>
      </bottom>
      <diagonal style="thin">
        <color indexed="64"/>
      </diagonal>
    </border>
    <border diagonalUp="1">
      <left style="thin">
        <color indexed="64"/>
      </left>
      <right style="medium">
        <color indexed="64"/>
      </right>
      <top style="thin">
        <color indexed="64"/>
      </top>
      <bottom style="medium">
        <color indexed="64"/>
      </bottom>
      <diagonal style="thin">
        <color indexed="64"/>
      </diagonal>
    </border>
    <border diagonalUp="1">
      <left style="thin">
        <color indexed="64"/>
      </left>
      <right style="medium">
        <color indexed="64"/>
      </right>
      <top style="medium">
        <color indexed="64"/>
      </top>
      <bottom style="thin">
        <color indexed="64"/>
      </bottom>
      <diagonal style="thin">
        <color indexed="64"/>
      </diagonal>
    </border>
    <border diagonalUp="1">
      <left style="thin">
        <color indexed="64"/>
      </left>
      <right style="medium">
        <color indexed="64"/>
      </right>
      <top style="thin">
        <color indexed="64"/>
      </top>
      <bottom style="thin">
        <color indexed="64"/>
      </bottom>
      <diagonal style="thin">
        <color indexed="64"/>
      </diagonal>
    </border>
  </borders>
  <cellStyleXfs count="5">
    <xf numFmtId="0" fontId="0" fillId="0" borderId="0"/>
    <xf numFmtId="38" fontId="3" fillId="0" borderId="0" applyFont="0" applyFill="0" applyBorder="0" applyAlignment="0" applyProtection="0"/>
    <xf numFmtId="0" fontId="2" fillId="0" borderId="0">
      <alignment vertical="center"/>
    </xf>
    <xf numFmtId="0" fontId="1" fillId="0" borderId="0">
      <alignment vertical="center"/>
    </xf>
    <xf numFmtId="38" fontId="2" fillId="0" borderId="0" applyFont="0" applyFill="0" applyBorder="0" applyAlignment="0" applyProtection="0"/>
  </cellStyleXfs>
  <cellXfs count="768">
    <xf numFmtId="0" fontId="0" fillId="0" borderId="0" xfId="0"/>
    <xf numFmtId="0" fontId="3" fillId="0" borderId="0" xfId="0" applyFont="1" applyAlignment="1">
      <alignment vertical="center"/>
    </xf>
    <xf numFmtId="0" fontId="5" fillId="0" borderId="0" xfId="0" applyFont="1" applyAlignment="1">
      <alignment horizontal="center" vertical="center"/>
    </xf>
    <xf numFmtId="0" fontId="3" fillId="0" borderId="0" xfId="0" applyFont="1" applyBorder="1" applyAlignment="1">
      <alignment vertical="center"/>
    </xf>
    <xf numFmtId="0" fontId="6" fillId="0" borderId="0" xfId="0" applyFont="1" applyBorder="1" applyAlignment="1">
      <alignment horizontal="center" vertical="center"/>
    </xf>
    <xf numFmtId="0" fontId="3" fillId="0" borderId="0" xfId="0" applyFont="1" applyBorder="1" applyAlignment="1">
      <alignment horizontal="center" vertical="center"/>
    </xf>
    <xf numFmtId="0" fontId="3" fillId="0" borderId="2" xfId="0" applyFont="1" applyBorder="1" applyAlignment="1">
      <alignment horizontal="center" vertical="center"/>
    </xf>
    <xf numFmtId="0" fontId="3" fillId="0" borderId="3" xfId="0" applyFont="1" applyBorder="1" applyAlignment="1">
      <alignment vertical="center"/>
    </xf>
    <xf numFmtId="38" fontId="3" fillId="0" borderId="4" xfId="1" applyFont="1" applyBorder="1" applyAlignment="1">
      <alignment horizontal="center" vertical="center"/>
    </xf>
    <xf numFmtId="0" fontId="3" fillId="0" borderId="5" xfId="0" applyFont="1" applyBorder="1" applyAlignment="1">
      <alignment horizontal="center" vertical="center" shrinkToFit="1"/>
    </xf>
    <xf numFmtId="176" fontId="3" fillId="0" borderId="8" xfId="0" applyNumberFormat="1" applyFont="1" applyBorder="1" applyAlignment="1">
      <alignment horizontal="center" vertical="center"/>
    </xf>
    <xf numFmtId="176" fontId="3" fillId="0" borderId="9" xfId="0" applyNumberFormat="1" applyFont="1" applyBorder="1" applyAlignment="1">
      <alignment horizontal="center" vertical="center"/>
    </xf>
    <xf numFmtId="0" fontId="5" fillId="0" borderId="0" xfId="0" applyFont="1" applyAlignment="1">
      <alignment horizontal="left" vertical="center"/>
    </xf>
    <xf numFmtId="0" fontId="3" fillId="0" borderId="10" xfId="0" applyFont="1" applyBorder="1" applyAlignment="1">
      <alignment horizontal="center" vertical="center"/>
    </xf>
    <xf numFmtId="0" fontId="3" fillId="0" borderId="3" xfId="0" applyFont="1" applyBorder="1" applyAlignment="1">
      <alignment horizontal="center" vertical="center"/>
    </xf>
    <xf numFmtId="0" fontId="3" fillId="0" borderId="11" xfId="0" applyFont="1" applyBorder="1" applyAlignment="1">
      <alignment horizontal="center" vertical="center" wrapText="1"/>
    </xf>
    <xf numFmtId="0" fontId="3" fillId="0" borderId="12" xfId="0" applyFont="1" applyBorder="1" applyAlignment="1">
      <alignment horizontal="center" vertical="center"/>
    </xf>
    <xf numFmtId="0" fontId="3" fillId="0" borderId="13" xfId="0" applyFont="1" applyBorder="1" applyAlignment="1">
      <alignment horizontal="center" vertical="center"/>
    </xf>
    <xf numFmtId="176" fontId="3" fillId="0" borderId="7" xfId="0" applyNumberFormat="1" applyFont="1" applyBorder="1" applyAlignment="1">
      <alignment horizontal="center" vertical="center"/>
    </xf>
    <xf numFmtId="176" fontId="3" fillId="0" borderId="14" xfId="0" applyNumberFormat="1" applyFont="1" applyBorder="1" applyAlignment="1">
      <alignment horizontal="center" vertical="center"/>
    </xf>
    <xf numFmtId="0" fontId="5" fillId="0" borderId="0" xfId="0" applyFont="1" applyAlignment="1">
      <alignment vertical="center"/>
    </xf>
    <xf numFmtId="0" fontId="7" fillId="0" borderId="0" xfId="0" applyFont="1" applyBorder="1" applyAlignment="1">
      <alignment vertical="center"/>
    </xf>
    <xf numFmtId="0" fontId="5" fillId="0" borderId="0" xfId="0" applyFont="1" applyBorder="1" applyAlignment="1">
      <alignment vertical="center"/>
    </xf>
    <xf numFmtId="0" fontId="7" fillId="0" borderId="0" xfId="0" applyFont="1" applyAlignment="1">
      <alignment vertical="center"/>
    </xf>
    <xf numFmtId="0" fontId="7" fillId="0" borderId="0" xfId="0" applyFont="1" applyBorder="1" applyAlignment="1">
      <alignment horizontal="center" vertical="center"/>
    </xf>
    <xf numFmtId="0" fontId="7" fillId="0" borderId="0" xfId="0" applyFont="1" applyBorder="1" applyAlignment="1">
      <alignment horizontal="right" vertical="center"/>
    </xf>
    <xf numFmtId="0" fontId="3" fillId="0" borderId="15" xfId="0" applyFont="1" applyBorder="1" applyAlignment="1">
      <alignment horizontal="center" vertical="center"/>
    </xf>
    <xf numFmtId="0" fontId="3" fillId="0" borderId="16" xfId="0" applyFont="1" applyBorder="1" applyAlignment="1">
      <alignment horizontal="center" vertical="center"/>
    </xf>
    <xf numFmtId="0" fontId="3" fillId="0" borderId="17" xfId="0" applyFont="1" applyBorder="1" applyAlignment="1">
      <alignment horizontal="center" vertical="center"/>
    </xf>
    <xf numFmtId="0" fontId="3" fillId="0" borderId="18" xfId="0" applyFont="1" applyBorder="1" applyAlignment="1">
      <alignment horizontal="center" vertical="center" wrapText="1"/>
    </xf>
    <xf numFmtId="0" fontId="3" fillId="0" borderId="0" xfId="0" applyFont="1" applyBorder="1" applyAlignment="1">
      <alignment horizontal="right" vertical="center"/>
    </xf>
    <xf numFmtId="0" fontId="3" fillId="0" borderId="20" xfId="0" applyFont="1" applyBorder="1" applyAlignment="1">
      <alignment horizontal="center" vertical="center" wrapText="1"/>
    </xf>
    <xf numFmtId="38" fontId="3" fillId="0" borderId="21" xfId="1" applyFont="1" applyBorder="1" applyAlignment="1">
      <alignment horizontal="center" vertical="center" wrapText="1"/>
    </xf>
    <xf numFmtId="0" fontId="3" fillId="0" borderId="22" xfId="0" applyFont="1" applyBorder="1" applyAlignment="1">
      <alignment horizontal="center" vertical="center" wrapText="1"/>
    </xf>
    <xf numFmtId="38" fontId="3" fillId="0" borderId="23" xfId="1" applyFont="1" applyBorder="1" applyAlignment="1">
      <alignment horizontal="center" vertical="center" wrapText="1"/>
    </xf>
    <xf numFmtId="0" fontId="3" fillId="0" borderId="23" xfId="0" applyFont="1" applyBorder="1" applyAlignment="1">
      <alignment horizontal="center" vertical="center" wrapText="1"/>
    </xf>
    <xf numFmtId="38" fontId="3" fillId="0" borderId="24" xfId="1" applyFont="1" applyBorder="1" applyAlignment="1">
      <alignment horizontal="center" vertical="center" wrapText="1"/>
    </xf>
    <xf numFmtId="38" fontId="3" fillId="0" borderId="0" xfId="1" applyFont="1" applyAlignment="1">
      <alignment vertical="center"/>
    </xf>
    <xf numFmtId="38" fontId="3" fillId="0" borderId="0" xfId="1" applyFont="1" applyBorder="1" applyAlignment="1">
      <alignment vertical="center"/>
    </xf>
    <xf numFmtId="0" fontId="3" fillId="0" borderId="0" xfId="0" applyFont="1" applyFill="1" applyAlignment="1">
      <alignment vertical="center"/>
    </xf>
    <xf numFmtId="0" fontId="3" fillId="0" borderId="9" xfId="0" applyFont="1" applyBorder="1" applyAlignment="1">
      <alignment horizontal="center" vertical="center"/>
    </xf>
    <xf numFmtId="0" fontId="3" fillId="0" borderId="25" xfId="0" applyFont="1" applyBorder="1" applyAlignment="1">
      <alignment horizontal="center" vertical="center"/>
    </xf>
    <xf numFmtId="0" fontId="3" fillId="0" borderId="26" xfId="0" applyFont="1" applyBorder="1" applyAlignment="1">
      <alignment horizontal="center" vertical="center" wrapText="1"/>
    </xf>
    <xf numFmtId="0" fontId="2" fillId="0" borderId="0" xfId="0" applyFont="1" applyBorder="1" applyAlignment="1">
      <alignment vertical="center"/>
    </xf>
    <xf numFmtId="0" fontId="2" fillId="0" borderId="0" xfId="0" applyFont="1" applyAlignment="1">
      <alignment vertical="center"/>
    </xf>
    <xf numFmtId="0" fontId="2" fillId="0" borderId="10" xfId="0" applyFont="1" applyBorder="1" applyAlignment="1">
      <alignment horizontal="center" vertical="center"/>
    </xf>
    <xf numFmtId="0" fontId="2" fillId="0" borderId="3" xfId="0" applyFont="1" applyBorder="1" applyAlignment="1">
      <alignment horizontal="center" vertical="center"/>
    </xf>
    <xf numFmtId="0" fontId="2" fillId="0" borderId="12" xfId="0" applyFont="1" applyBorder="1" applyAlignment="1">
      <alignment horizontal="center" vertical="center"/>
    </xf>
    <xf numFmtId="0" fontId="2" fillId="0" borderId="13" xfId="0" applyFont="1" applyBorder="1" applyAlignment="1">
      <alignment horizontal="center" vertical="center"/>
    </xf>
    <xf numFmtId="176" fontId="2" fillId="0" borderId="7" xfId="0" applyNumberFormat="1" applyFont="1" applyBorder="1" applyAlignment="1">
      <alignment horizontal="center" vertical="center"/>
    </xf>
    <xf numFmtId="176" fontId="2" fillId="0" borderId="14" xfId="0" applyNumberFormat="1" applyFont="1" applyBorder="1" applyAlignment="1">
      <alignment horizontal="center" vertical="center"/>
    </xf>
    <xf numFmtId="0" fontId="2" fillId="0" borderId="9" xfId="0" applyFont="1" applyBorder="1" applyAlignment="1">
      <alignment horizontal="center" vertical="center"/>
    </xf>
    <xf numFmtId="0" fontId="2" fillId="0" borderId="26" xfId="0" applyFont="1" applyBorder="1" applyAlignment="1">
      <alignment horizontal="center" vertical="center" wrapText="1"/>
    </xf>
    <xf numFmtId="0" fontId="2" fillId="0" borderId="30" xfId="0" applyFont="1" applyBorder="1" applyAlignment="1">
      <alignment horizontal="center" vertical="center"/>
    </xf>
    <xf numFmtId="0" fontId="2" fillId="0" borderId="15" xfId="0" applyFont="1" applyBorder="1" applyAlignment="1">
      <alignment horizontal="center"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17" xfId="0" applyFont="1" applyBorder="1" applyAlignment="1">
      <alignment horizontal="center" vertical="center"/>
    </xf>
    <xf numFmtId="0" fontId="2" fillId="0" borderId="18" xfId="0" applyFont="1" applyBorder="1" applyAlignment="1">
      <alignment horizontal="center" vertical="center" wrapText="1"/>
    </xf>
    <xf numFmtId="0" fontId="3" fillId="0" borderId="23" xfId="0" applyFont="1" applyBorder="1" applyAlignment="1">
      <alignment horizontal="center" vertical="center"/>
    </xf>
    <xf numFmtId="0" fontId="3" fillId="0" borderId="21" xfId="0" applyFont="1" applyBorder="1" applyAlignment="1">
      <alignment horizontal="center" vertical="center"/>
    </xf>
    <xf numFmtId="0" fontId="3" fillId="0" borderId="20" xfId="0" applyFont="1" applyBorder="1" applyAlignment="1">
      <alignment horizontal="center" vertical="center"/>
    </xf>
    <xf numFmtId="176" fontId="3" fillId="0" borderId="32" xfId="0" applyNumberFormat="1" applyFont="1" applyBorder="1" applyAlignment="1">
      <alignment horizontal="center" vertical="center"/>
    </xf>
    <xf numFmtId="176" fontId="3" fillId="0" borderId="19" xfId="0" applyNumberFormat="1" applyFont="1" applyBorder="1" applyAlignment="1">
      <alignment horizontal="center" vertical="center"/>
    </xf>
    <xf numFmtId="0" fontId="3" fillId="0" borderId="24" xfId="0" applyFont="1" applyBorder="1" applyAlignment="1">
      <alignment horizontal="center" vertical="center"/>
    </xf>
    <xf numFmtId="0" fontId="3" fillId="0" borderId="33" xfId="0" applyFont="1" applyBorder="1" applyAlignment="1">
      <alignment horizontal="center" vertical="center"/>
    </xf>
    <xf numFmtId="178" fontId="2" fillId="0" borderId="34" xfId="1" applyNumberFormat="1" applyFont="1" applyBorder="1" applyAlignment="1">
      <alignment vertical="center"/>
    </xf>
    <xf numFmtId="178" fontId="2" fillId="0" borderId="35" xfId="1" applyNumberFormat="1" applyFont="1" applyBorder="1" applyAlignment="1">
      <alignment vertical="center"/>
    </xf>
    <xf numFmtId="178" fontId="2" fillId="0" borderId="36" xfId="1" applyNumberFormat="1" applyFont="1" applyBorder="1" applyAlignment="1">
      <alignment vertical="center"/>
    </xf>
    <xf numFmtId="178" fontId="2" fillId="0" borderId="37" xfId="1" applyNumberFormat="1" applyFont="1" applyBorder="1" applyAlignment="1">
      <alignment vertical="center"/>
    </xf>
    <xf numFmtId="178" fontId="2" fillId="0" borderId="8" xfId="1" applyNumberFormat="1" applyFont="1" applyBorder="1" applyAlignment="1">
      <alignment vertical="center"/>
    </xf>
    <xf numFmtId="178" fontId="2" fillId="0" borderId="5" xfId="1" applyNumberFormat="1" applyFont="1" applyBorder="1" applyAlignment="1">
      <alignment vertical="center"/>
    </xf>
    <xf numFmtId="178" fontId="2" fillId="0" borderId="38" xfId="1" applyNumberFormat="1" applyFont="1" applyBorder="1" applyAlignment="1">
      <alignment vertical="center"/>
    </xf>
    <xf numFmtId="178" fontId="2" fillId="0" borderId="39" xfId="1" applyNumberFormat="1" applyFont="1" applyBorder="1" applyAlignment="1">
      <alignment vertical="center"/>
    </xf>
    <xf numFmtId="178" fontId="2" fillId="0" borderId="9" xfId="1" applyNumberFormat="1" applyFont="1" applyBorder="1" applyAlignment="1">
      <alignment vertical="center"/>
    </xf>
    <xf numFmtId="178" fontId="2" fillId="0" borderId="12" xfId="1" applyNumberFormat="1" applyFont="1" applyBorder="1" applyAlignment="1">
      <alignment vertical="center"/>
    </xf>
    <xf numFmtId="178" fontId="2" fillId="0" borderId="25" xfId="1" applyNumberFormat="1" applyFont="1" applyBorder="1" applyAlignment="1">
      <alignment vertical="center"/>
    </xf>
    <xf numFmtId="178" fontId="2" fillId="0" borderId="40" xfId="1" applyNumberFormat="1" applyFont="1" applyBorder="1" applyAlignment="1">
      <alignment vertical="center"/>
    </xf>
    <xf numFmtId="178" fontId="0" fillId="0" borderId="42" xfId="0" applyNumberFormat="1" applyBorder="1" applyAlignment="1">
      <alignment vertical="center"/>
    </xf>
    <xf numFmtId="178" fontId="0" fillId="0" borderId="43" xfId="0" applyNumberFormat="1" applyBorder="1" applyAlignment="1">
      <alignment vertical="center"/>
    </xf>
    <xf numFmtId="178" fontId="0" fillId="0" borderId="44" xfId="0" applyNumberFormat="1" applyBorder="1" applyAlignment="1">
      <alignment vertical="center"/>
    </xf>
    <xf numFmtId="178" fontId="0" fillId="0" borderId="45" xfId="0" applyNumberFormat="1" applyBorder="1" applyAlignment="1">
      <alignment vertical="center"/>
    </xf>
    <xf numFmtId="178" fontId="0" fillId="0" borderId="5" xfId="0" applyNumberFormat="1" applyBorder="1" applyAlignment="1">
      <alignment vertical="center"/>
    </xf>
    <xf numFmtId="178" fontId="0" fillId="0" borderId="46" xfId="0" applyNumberFormat="1" applyBorder="1" applyAlignment="1">
      <alignment vertical="center"/>
    </xf>
    <xf numFmtId="178" fontId="0" fillId="0" borderId="47" xfId="0" applyNumberFormat="1" applyBorder="1" applyAlignment="1">
      <alignment vertical="center"/>
    </xf>
    <xf numFmtId="178" fontId="0" fillId="0" borderId="48" xfId="0" applyNumberFormat="1" applyBorder="1" applyAlignment="1">
      <alignment vertical="center"/>
    </xf>
    <xf numFmtId="178" fontId="2" fillId="0" borderId="49" xfId="1" applyNumberFormat="1" applyFont="1" applyBorder="1" applyAlignment="1">
      <alignment vertical="center"/>
    </xf>
    <xf numFmtId="178" fontId="0" fillId="0" borderId="12" xfId="0" applyNumberFormat="1" applyBorder="1" applyAlignment="1">
      <alignment vertical="center"/>
    </xf>
    <xf numFmtId="178" fontId="0" fillId="0" borderId="13" xfId="0" applyNumberFormat="1" applyBorder="1" applyAlignment="1">
      <alignment vertical="center"/>
    </xf>
    <xf numFmtId="178" fontId="0" fillId="0" borderId="50" xfId="0" applyNumberFormat="1" applyBorder="1" applyAlignment="1">
      <alignment vertical="center"/>
    </xf>
    <xf numFmtId="178" fontId="0" fillId="0" borderId="30" xfId="0" applyNumberFormat="1" applyBorder="1" applyAlignment="1">
      <alignment vertical="center"/>
    </xf>
    <xf numFmtId="177" fontId="3" fillId="0" borderId="34" xfId="1" applyNumberFormat="1" applyFont="1" applyBorder="1" applyAlignment="1">
      <alignment vertical="center"/>
    </xf>
    <xf numFmtId="177" fontId="3" fillId="0" borderId="35" xfId="1" applyNumberFormat="1" applyFont="1" applyBorder="1" applyAlignment="1">
      <alignment vertical="center"/>
    </xf>
    <xf numFmtId="177" fontId="3" fillId="0" borderId="36" xfId="1" applyNumberFormat="1" applyFont="1" applyBorder="1" applyAlignment="1">
      <alignment vertical="center"/>
    </xf>
    <xf numFmtId="177" fontId="3" fillId="0" borderId="51" xfId="1" applyNumberFormat="1" applyFont="1" applyBorder="1" applyAlignment="1">
      <alignment vertical="center"/>
    </xf>
    <xf numFmtId="177" fontId="3" fillId="0" borderId="37" xfId="1" applyNumberFormat="1" applyFont="1" applyBorder="1" applyAlignment="1">
      <alignment vertical="center"/>
    </xf>
    <xf numFmtId="177" fontId="3" fillId="0" borderId="52" xfId="1" applyNumberFormat="1" applyFont="1" applyBorder="1" applyAlignment="1">
      <alignment vertical="center"/>
    </xf>
    <xf numFmtId="177" fontId="3" fillId="0" borderId="8" xfId="1" applyNumberFormat="1" applyFont="1" applyBorder="1" applyAlignment="1">
      <alignment vertical="center"/>
    </xf>
    <xf numFmtId="177" fontId="3" fillId="0" borderId="5" xfId="1" applyNumberFormat="1" applyFont="1" applyBorder="1" applyAlignment="1">
      <alignment vertical="center"/>
    </xf>
    <xf numFmtId="177" fontId="3" fillId="0" borderId="38" xfId="1" applyNumberFormat="1" applyFont="1" applyBorder="1" applyAlignment="1">
      <alignment vertical="center"/>
    </xf>
    <xf numFmtId="177" fontId="3" fillId="0" borderId="53" xfId="1" applyNumberFormat="1" applyFont="1" applyBorder="1" applyAlignment="1">
      <alignment vertical="center"/>
    </xf>
    <xf numFmtId="177" fontId="3" fillId="0" borderId="39" xfId="1" applyNumberFormat="1" applyFont="1" applyBorder="1" applyAlignment="1">
      <alignment vertical="center"/>
    </xf>
    <xf numFmtId="177" fontId="3" fillId="0" borderId="54" xfId="1" applyNumberFormat="1" applyFont="1" applyBorder="1" applyAlignment="1">
      <alignment vertical="center"/>
    </xf>
    <xf numFmtId="177" fontId="3" fillId="0" borderId="9" xfId="1" applyNumberFormat="1" applyFont="1" applyBorder="1" applyAlignment="1">
      <alignment vertical="center"/>
    </xf>
    <xf numFmtId="177" fontId="3" fillId="0" borderId="12" xfId="1" applyNumberFormat="1" applyFont="1" applyBorder="1" applyAlignment="1">
      <alignment vertical="center"/>
    </xf>
    <xf numFmtId="177" fontId="3" fillId="0" borderId="25" xfId="1" applyNumberFormat="1" applyFont="1" applyBorder="1" applyAlignment="1">
      <alignment vertical="center"/>
    </xf>
    <xf numFmtId="177" fontId="3" fillId="0" borderId="26" xfId="1" applyNumberFormat="1" applyFont="1" applyBorder="1" applyAlignment="1">
      <alignment vertical="center"/>
    </xf>
    <xf numFmtId="177" fontId="3" fillId="0" borderId="40" xfId="1" applyNumberFormat="1" applyFont="1" applyBorder="1" applyAlignment="1">
      <alignment vertical="center"/>
    </xf>
    <xf numFmtId="177" fontId="3" fillId="0" borderId="33" xfId="1" applyNumberFormat="1" applyFont="1" applyBorder="1" applyAlignment="1">
      <alignment vertical="center"/>
    </xf>
    <xf numFmtId="179" fontId="2" fillId="0" borderId="56" xfId="0" applyNumberFormat="1" applyFont="1" applyBorder="1"/>
    <xf numFmtId="179" fontId="2" fillId="0" borderId="54" xfId="0" applyNumberFormat="1" applyFont="1" applyBorder="1"/>
    <xf numFmtId="179" fontId="2" fillId="0" borderId="53" xfId="0" applyNumberFormat="1" applyFont="1" applyBorder="1"/>
    <xf numFmtId="179" fontId="2" fillId="0" borderId="38" xfId="0" applyNumberFormat="1" applyFont="1" applyBorder="1"/>
    <xf numFmtId="179" fontId="2" fillId="0" borderId="46" xfId="0" applyNumberFormat="1" applyFont="1" applyBorder="1"/>
    <xf numFmtId="179" fontId="2" fillId="0" borderId="5" xfId="0" applyNumberFormat="1" applyFont="1" applyBorder="1"/>
    <xf numFmtId="179" fontId="2" fillId="0" borderId="8" xfId="0" applyNumberFormat="1" applyFont="1" applyBorder="1"/>
    <xf numFmtId="179" fontId="2" fillId="0" borderId="39" xfId="0" applyNumberFormat="1" applyFont="1" applyBorder="1"/>
    <xf numFmtId="179" fontId="2" fillId="0" borderId="33" xfId="0" applyNumberFormat="1" applyFont="1" applyBorder="1"/>
    <xf numFmtId="180" fontId="2" fillId="0" borderId="53" xfId="0" applyNumberFormat="1" applyFont="1" applyBorder="1"/>
    <xf numFmtId="180" fontId="2" fillId="0" borderId="5" xfId="0" applyNumberFormat="1" applyFont="1" applyBorder="1"/>
    <xf numFmtId="180" fontId="2" fillId="0" borderId="46" xfId="0" applyNumberFormat="1" applyFont="1" applyBorder="1"/>
    <xf numFmtId="180" fontId="2" fillId="0" borderId="56" xfId="0" applyNumberFormat="1" applyFont="1" applyBorder="1"/>
    <xf numFmtId="178" fontId="0" fillId="0" borderId="55" xfId="0" applyNumberFormat="1" applyBorder="1" applyAlignment="1">
      <alignment vertical="center"/>
    </xf>
    <xf numFmtId="178" fontId="0" fillId="0" borderId="54" xfId="0" applyNumberFormat="1" applyBorder="1" applyAlignment="1">
      <alignment vertical="center"/>
    </xf>
    <xf numFmtId="178" fontId="0" fillId="0" borderId="33" xfId="0" applyNumberFormat="1" applyBorder="1" applyAlignment="1">
      <alignment vertical="center"/>
    </xf>
    <xf numFmtId="0" fontId="2" fillId="0" borderId="31" xfId="0" applyFont="1" applyBorder="1" applyAlignment="1">
      <alignment horizontal="center" vertical="center"/>
    </xf>
    <xf numFmtId="176" fontId="2" fillId="0" borderId="32" xfId="0" applyNumberFormat="1" applyFont="1" applyBorder="1" applyAlignment="1">
      <alignment horizontal="center" vertical="center"/>
    </xf>
    <xf numFmtId="176" fontId="2" fillId="0" borderId="19" xfId="0" applyNumberFormat="1" applyFont="1" applyBorder="1" applyAlignment="1">
      <alignment horizontal="center" vertical="center"/>
    </xf>
    <xf numFmtId="180" fontId="2" fillId="0" borderId="3" xfId="2" applyNumberFormat="1" applyFont="1" applyBorder="1">
      <alignment vertical="center"/>
    </xf>
    <xf numFmtId="180" fontId="2" fillId="0" borderId="57" xfId="2" applyNumberFormat="1" applyFont="1" applyBorder="1">
      <alignment vertical="center"/>
    </xf>
    <xf numFmtId="180" fontId="2" fillId="0" borderId="59" xfId="2" applyNumberFormat="1" applyFont="1" applyBorder="1">
      <alignment vertical="center"/>
    </xf>
    <xf numFmtId="180" fontId="2" fillId="0" borderId="7" xfId="2" applyNumberFormat="1" applyFont="1" applyBorder="1">
      <alignment vertical="center"/>
    </xf>
    <xf numFmtId="180" fontId="2" fillId="0" borderId="5" xfId="2" applyNumberFormat="1" applyFont="1" applyBorder="1">
      <alignment vertical="center"/>
    </xf>
    <xf numFmtId="180" fontId="2" fillId="0" borderId="56" xfId="2" applyNumberFormat="1" applyFont="1" applyBorder="1">
      <alignment vertical="center"/>
    </xf>
    <xf numFmtId="180" fontId="2" fillId="0" borderId="64" xfId="2" applyNumberFormat="1" applyFont="1" applyBorder="1">
      <alignment vertical="center"/>
    </xf>
    <xf numFmtId="180" fontId="2" fillId="0" borderId="65" xfId="2" applyNumberFormat="1" applyFont="1" applyBorder="1">
      <alignment vertical="center"/>
    </xf>
    <xf numFmtId="180" fontId="2" fillId="0" borderId="66" xfId="2" applyNumberFormat="1" applyFont="1" applyBorder="1">
      <alignment vertical="center"/>
    </xf>
    <xf numFmtId="180" fontId="2" fillId="0" borderId="0" xfId="2" applyNumberFormat="1" applyFont="1" applyBorder="1">
      <alignment vertical="center"/>
    </xf>
    <xf numFmtId="180" fontId="2" fillId="0" borderId="67" xfId="2" applyNumberFormat="1" applyFont="1" applyBorder="1">
      <alignment vertical="center"/>
    </xf>
    <xf numFmtId="180" fontId="2" fillId="0" borderId="48" xfId="2" applyNumberFormat="1" applyFont="1" applyBorder="1">
      <alignment vertical="center"/>
    </xf>
    <xf numFmtId="180" fontId="2" fillId="0" borderId="68" xfId="1" applyNumberFormat="1" applyFont="1" applyFill="1" applyBorder="1" applyAlignment="1">
      <alignment vertical="center"/>
    </xf>
    <xf numFmtId="180" fontId="2" fillId="0" borderId="38" xfId="0" applyNumberFormat="1" applyFont="1" applyBorder="1"/>
    <xf numFmtId="180" fontId="2" fillId="0" borderId="8" xfId="0" applyNumberFormat="1" applyFont="1" applyBorder="1"/>
    <xf numFmtId="180" fontId="2" fillId="0" borderId="48" xfId="0" applyNumberFormat="1" applyFont="1" applyBorder="1"/>
    <xf numFmtId="180" fontId="2" fillId="0" borderId="68" xfId="0" applyNumberFormat="1" applyFont="1" applyBorder="1"/>
    <xf numFmtId="180" fontId="2" fillId="0" borderId="70" xfId="1" applyNumberFormat="1" applyFont="1" applyFill="1" applyBorder="1" applyAlignment="1">
      <alignment vertical="center"/>
    </xf>
    <xf numFmtId="180" fontId="2" fillId="0" borderId="53" xfId="2" applyNumberFormat="1" applyFont="1" applyBorder="1">
      <alignment vertical="center"/>
    </xf>
    <xf numFmtId="180" fontId="2" fillId="0" borderId="54" xfId="2" applyNumberFormat="1" applyFont="1" applyBorder="1">
      <alignment vertical="center"/>
    </xf>
    <xf numFmtId="180" fontId="2" fillId="0" borderId="46" xfId="2" applyNumberFormat="1" applyFont="1" applyBorder="1">
      <alignment vertical="center"/>
    </xf>
    <xf numFmtId="180" fontId="2" fillId="0" borderId="42" xfId="2" applyNumberFormat="1" applyFont="1" applyBorder="1">
      <alignment vertical="center"/>
    </xf>
    <xf numFmtId="180" fontId="2" fillId="0" borderId="0" xfId="2" applyNumberFormat="1" applyFont="1">
      <alignment vertical="center"/>
    </xf>
    <xf numFmtId="180" fontId="2" fillId="0" borderId="14" xfId="2" applyNumberFormat="1" applyFont="1" applyBorder="1">
      <alignment vertical="center"/>
    </xf>
    <xf numFmtId="180" fontId="2" fillId="0" borderId="12" xfId="2" applyNumberFormat="1" applyFont="1" applyBorder="1">
      <alignment vertical="center"/>
    </xf>
    <xf numFmtId="180" fontId="2" fillId="0" borderId="71" xfId="2" applyNumberFormat="1" applyFont="1" applyBorder="1">
      <alignment vertical="center"/>
    </xf>
    <xf numFmtId="180" fontId="2" fillId="0" borderId="72" xfId="2" applyNumberFormat="1" applyFont="1" applyBorder="1">
      <alignment vertical="center"/>
    </xf>
    <xf numFmtId="180" fontId="2" fillId="0" borderId="73" xfId="2" applyNumberFormat="1" applyFont="1" applyBorder="1">
      <alignment vertical="center"/>
    </xf>
    <xf numFmtId="180" fontId="2" fillId="0" borderId="74" xfId="2" applyNumberFormat="1" applyFont="1" applyBorder="1">
      <alignment vertical="center"/>
    </xf>
    <xf numFmtId="180" fontId="2" fillId="0" borderId="75" xfId="2" applyNumberFormat="1" applyFont="1" applyBorder="1">
      <alignment vertical="center"/>
    </xf>
    <xf numFmtId="180" fontId="2" fillId="0" borderId="76" xfId="2" applyNumberFormat="1" applyFont="1" applyBorder="1">
      <alignment vertical="center"/>
    </xf>
    <xf numFmtId="180" fontId="2" fillId="0" borderId="30" xfId="2" applyNumberFormat="1" applyFont="1" applyBorder="1">
      <alignment vertical="center"/>
    </xf>
    <xf numFmtId="180" fontId="2" fillId="0" borderId="77" xfId="1" applyNumberFormat="1" applyFont="1" applyFill="1" applyBorder="1" applyAlignment="1">
      <alignment vertical="center"/>
    </xf>
    <xf numFmtId="180" fontId="2" fillId="0" borderId="12" xfId="0" applyNumberFormat="1" applyFont="1" applyBorder="1"/>
    <xf numFmtId="180" fontId="2" fillId="0" borderId="25" xfId="0" applyNumberFormat="1" applyFont="1" applyBorder="1"/>
    <xf numFmtId="180" fontId="2" fillId="0" borderId="9" xfId="0" applyNumberFormat="1" applyFont="1" applyBorder="1"/>
    <xf numFmtId="180" fontId="2" fillId="0" borderId="26" xfId="0" applyNumberFormat="1" applyFont="1" applyBorder="1"/>
    <xf numFmtId="180" fontId="2" fillId="0" borderId="13" xfId="0" applyNumberFormat="1" applyFont="1" applyBorder="1"/>
    <xf numFmtId="180" fontId="2" fillId="0" borderId="71" xfId="0" applyNumberFormat="1" applyFont="1" applyBorder="1"/>
    <xf numFmtId="180" fontId="2" fillId="0" borderId="30" xfId="0" applyNumberFormat="1" applyFont="1" applyBorder="1"/>
    <xf numFmtId="180" fontId="2" fillId="0" borderId="77" xfId="0" applyNumberFormat="1" applyFont="1" applyBorder="1"/>
    <xf numFmtId="180" fontId="2" fillId="0" borderId="79" xfId="1" applyNumberFormat="1" applyFont="1" applyFill="1" applyBorder="1" applyAlignment="1">
      <alignment vertical="center"/>
    </xf>
    <xf numFmtId="179" fontId="2" fillId="0" borderId="42" xfId="0" applyNumberFormat="1" applyFont="1" applyBorder="1"/>
    <xf numFmtId="179" fontId="2" fillId="0" borderId="80" xfId="0" applyNumberFormat="1" applyFont="1" applyBorder="1"/>
    <xf numFmtId="179" fontId="2" fillId="0" borderId="57" xfId="0" applyNumberFormat="1" applyFont="1" applyBorder="1"/>
    <xf numFmtId="179" fontId="2" fillId="0" borderId="47" xfId="0" applyNumberFormat="1" applyFont="1" applyBorder="1"/>
    <xf numFmtId="179" fontId="2" fillId="0" borderId="67" xfId="0" applyNumberFormat="1" applyFont="1" applyBorder="1"/>
    <xf numFmtId="179" fontId="2" fillId="0" borderId="0" xfId="0" applyNumberFormat="1" applyFont="1"/>
    <xf numFmtId="179" fontId="2" fillId="0" borderId="65" xfId="0" applyNumberFormat="1" applyFont="1" applyBorder="1"/>
    <xf numFmtId="179" fontId="2" fillId="0" borderId="0" xfId="0" applyNumberFormat="1" applyFont="1" applyBorder="1"/>
    <xf numFmtId="179" fontId="2" fillId="0" borderId="12" xfId="0" applyNumberFormat="1" applyFont="1" applyBorder="1"/>
    <xf numFmtId="179" fontId="2" fillId="0" borderId="13" xfId="0" applyNumberFormat="1" applyFont="1" applyBorder="1"/>
    <xf numFmtId="179" fontId="2" fillId="0" borderId="71" xfId="0" applyNumberFormat="1" applyFont="1" applyBorder="1"/>
    <xf numFmtId="179" fontId="2" fillId="0" borderId="40" xfId="0" applyNumberFormat="1" applyFont="1" applyBorder="1"/>
    <xf numFmtId="179" fontId="2" fillId="0" borderId="26" xfId="0" applyNumberFormat="1" applyFont="1" applyBorder="1"/>
    <xf numFmtId="179" fontId="2" fillId="0" borderId="25" xfId="0" applyNumberFormat="1" applyFont="1" applyBorder="1"/>
    <xf numFmtId="179" fontId="2" fillId="0" borderId="9" xfId="0" applyNumberFormat="1" applyFont="1" applyBorder="1"/>
    <xf numFmtId="177" fontId="2" fillId="0" borderId="34" xfId="1" applyNumberFormat="1" applyFont="1" applyBorder="1" applyAlignment="1">
      <alignment vertical="center"/>
    </xf>
    <xf numFmtId="177" fontId="2" fillId="0" borderId="36" xfId="1" applyNumberFormat="1" applyFont="1" applyBorder="1" applyAlignment="1">
      <alignment vertical="center"/>
    </xf>
    <xf numFmtId="177" fontId="2" fillId="0" borderId="51" xfId="1" applyNumberFormat="1" applyFont="1" applyBorder="1" applyAlignment="1">
      <alignment vertical="center"/>
    </xf>
    <xf numFmtId="177" fontId="2" fillId="0" borderId="35" xfId="1" applyNumberFormat="1" applyFont="1" applyBorder="1" applyAlignment="1">
      <alignment vertical="center"/>
    </xf>
    <xf numFmtId="177" fontId="2" fillId="0" borderId="43" xfId="1" applyNumberFormat="1" applyFont="1" applyBorder="1" applyAlignment="1">
      <alignment vertical="center"/>
    </xf>
    <xf numFmtId="177" fontId="2" fillId="0" borderId="58" xfId="1" applyNumberFormat="1" applyFont="1" applyBorder="1" applyAlignment="1">
      <alignment vertical="center"/>
    </xf>
    <xf numFmtId="177" fontId="2" fillId="0" borderId="45" xfId="1" applyNumberFormat="1" applyFont="1" applyBorder="1" applyAlignment="1">
      <alignment vertical="center"/>
    </xf>
    <xf numFmtId="177" fontId="2" fillId="0" borderId="52" xfId="1" applyNumberFormat="1" applyFont="1" applyBorder="1" applyAlignment="1">
      <alignment vertical="center"/>
    </xf>
    <xf numFmtId="177" fontId="2" fillId="0" borderId="37" xfId="1" applyNumberFormat="1" applyFont="1" applyBorder="1" applyAlignment="1">
      <alignment vertical="center"/>
    </xf>
    <xf numFmtId="177" fontId="2" fillId="0" borderId="8" xfId="1" applyNumberFormat="1" applyFont="1" applyBorder="1" applyAlignment="1">
      <alignment vertical="center"/>
    </xf>
    <xf numFmtId="177" fontId="2" fillId="0" borderId="38" xfId="1" applyNumberFormat="1" applyFont="1" applyBorder="1" applyAlignment="1">
      <alignment vertical="center"/>
    </xf>
    <xf numFmtId="177" fontId="2" fillId="0" borderId="53" xfId="1" applyNumberFormat="1" applyFont="1" applyBorder="1" applyAlignment="1">
      <alignment vertical="center"/>
    </xf>
    <xf numFmtId="177" fontId="2" fillId="0" borderId="5" xfId="1" applyNumberFormat="1" applyFont="1" applyBorder="1" applyAlignment="1">
      <alignment vertical="center"/>
    </xf>
    <xf numFmtId="177" fontId="2" fillId="0" borderId="46" xfId="1" applyNumberFormat="1" applyFont="1" applyBorder="1" applyAlignment="1">
      <alignment vertical="center"/>
    </xf>
    <xf numFmtId="177" fontId="2" fillId="0" borderId="56" xfId="1" applyNumberFormat="1" applyFont="1" applyBorder="1" applyAlignment="1">
      <alignment vertical="center"/>
    </xf>
    <xf numFmtId="177" fontId="2" fillId="0" borderId="48" xfId="1" applyNumberFormat="1" applyFont="1" applyBorder="1" applyAlignment="1">
      <alignment vertical="center"/>
    </xf>
    <xf numFmtId="177" fontId="2" fillId="0" borderId="54" xfId="1" applyNumberFormat="1" applyFont="1" applyBorder="1" applyAlignment="1">
      <alignment vertical="center"/>
    </xf>
    <xf numFmtId="177" fontId="2" fillId="0" borderId="39" xfId="1" applyNumberFormat="1" applyFont="1" applyBorder="1" applyAlignment="1">
      <alignment vertical="center"/>
    </xf>
    <xf numFmtId="177" fontId="2" fillId="0" borderId="9" xfId="1" applyNumberFormat="1" applyFont="1" applyBorder="1" applyAlignment="1">
      <alignment vertical="center"/>
    </xf>
    <xf numFmtId="177" fontId="2" fillId="0" borderId="25" xfId="1" applyNumberFormat="1" applyFont="1" applyBorder="1" applyAlignment="1">
      <alignment vertical="center"/>
    </xf>
    <xf numFmtId="177" fontId="2" fillId="0" borderId="26" xfId="1" applyNumberFormat="1" applyFont="1" applyBorder="1" applyAlignment="1">
      <alignment vertical="center"/>
    </xf>
    <xf numFmtId="177" fontId="2" fillId="0" borderId="12" xfId="1" applyNumberFormat="1" applyFont="1" applyBorder="1" applyAlignment="1">
      <alignment vertical="center"/>
    </xf>
    <xf numFmtId="177" fontId="2" fillId="0" borderId="13" xfId="1" applyNumberFormat="1" applyFont="1" applyBorder="1" applyAlignment="1">
      <alignment vertical="center"/>
    </xf>
    <xf numFmtId="177" fontId="2" fillId="0" borderId="71" xfId="1" applyNumberFormat="1" applyFont="1" applyBorder="1" applyAlignment="1">
      <alignment vertical="center"/>
    </xf>
    <xf numFmtId="177" fontId="2" fillId="0" borderId="30" xfId="1" applyNumberFormat="1" applyFont="1" applyBorder="1" applyAlignment="1">
      <alignment vertical="center"/>
    </xf>
    <xf numFmtId="177" fontId="2" fillId="0" borderId="33" xfId="1" applyNumberFormat="1" applyFont="1" applyBorder="1" applyAlignment="1">
      <alignment vertical="center"/>
    </xf>
    <xf numFmtId="177" fontId="2" fillId="0" borderId="40" xfId="1" applyNumberFormat="1" applyFont="1" applyBorder="1" applyAlignment="1">
      <alignment vertical="center"/>
    </xf>
    <xf numFmtId="176" fontId="2" fillId="0" borderId="51" xfId="1" applyNumberFormat="1" applyFont="1" applyBorder="1" applyAlignment="1">
      <alignment vertical="center"/>
    </xf>
    <xf numFmtId="176" fontId="2" fillId="0" borderId="53" xfId="1" applyNumberFormat="1" applyFont="1" applyBorder="1" applyAlignment="1">
      <alignment vertical="center"/>
    </xf>
    <xf numFmtId="176" fontId="2" fillId="0" borderId="26" xfId="1" applyNumberFormat="1" applyFont="1" applyBorder="1" applyAlignment="1">
      <alignment vertical="center"/>
    </xf>
    <xf numFmtId="176" fontId="2" fillId="0" borderId="34" xfId="1" applyNumberFormat="1" applyFont="1" applyBorder="1" applyAlignment="1">
      <alignment vertical="center"/>
    </xf>
    <xf numFmtId="176" fontId="2" fillId="0" borderId="35" xfId="1" applyNumberFormat="1" applyFont="1" applyBorder="1" applyAlignment="1">
      <alignment vertical="center"/>
    </xf>
    <xf numFmtId="176" fontId="2" fillId="0" borderId="36" xfId="1" applyNumberFormat="1" applyFont="1" applyBorder="1" applyAlignment="1">
      <alignment vertical="center"/>
    </xf>
    <xf numFmtId="176" fontId="2" fillId="0" borderId="37" xfId="1" applyNumberFormat="1" applyFont="1" applyBorder="1" applyAlignment="1">
      <alignment vertical="center"/>
    </xf>
    <xf numFmtId="176" fontId="2" fillId="0" borderId="52" xfId="1" applyNumberFormat="1" applyFont="1" applyBorder="1" applyAlignment="1">
      <alignment vertical="center"/>
    </xf>
    <xf numFmtId="176" fontId="2" fillId="0" borderId="8" xfId="1" applyNumberFormat="1" applyFont="1" applyBorder="1" applyAlignment="1">
      <alignment vertical="center"/>
    </xf>
    <xf numFmtId="176" fontId="2" fillId="0" borderId="5" xfId="1" applyNumberFormat="1" applyFont="1" applyBorder="1" applyAlignment="1">
      <alignment vertical="center"/>
    </xf>
    <xf numFmtId="176" fontId="2" fillId="0" borderId="38" xfId="1" applyNumberFormat="1" applyFont="1" applyBorder="1" applyAlignment="1">
      <alignment vertical="center"/>
    </xf>
    <xf numFmtId="176" fontId="2" fillId="0" borderId="39" xfId="1" applyNumberFormat="1" applyFont="1" applyBorder="1" applyAlignment="1">
      <alignment vertical="center"/>
    </xf>
    <xf numFmtId="176" fontId="2" fillId="0" borderId="54" xfId="1" applyNumberFormat="1" applyFont="1" applyBorder="1" applyAlignment="1">
      <alignment vertical="center"/>
    </xf>
    <xf numFmtId="176" fontId="2" fillId="0" borderId="9" xfId="1" applyNumberFormat="1" applyFont="1" applyBorder="1" applyAlignment="1">
      <alignment vertical="center"/>
    </xf>
    <xf numFmtId="176" fontId="2" fillId="0" borderId="12" xfId="1" applyNumberFormat="1" applyFont="1" applyBorder="1" applyAlignment="1">
      <alignment vertical="center"/>
    </xf>
    <xf numFmtId="176" fontId="2" fillId="0" borderId="25" xfId="1" applyNumberFormat="1" applyFont="1" applyBorder="1" applyAlignment="1">
      <alignment vertical="center"/>
    </xf>
    <xf numFmtId="176" fontId="2" fillId="0" borderId="40" xfId="1" applyNumberFormat="1" applyFont="1" applyBorder="1" applyAlignment="1">
      <alignment vertical="center"/>
    </xf>
    <xf numFmtId="176" fontId="2" fillId="0" borderId="33" xfId="1" applyNumberFormat="1" applyFont="1" applyBorder="1" applyAlignment="1">
      <alignment vertical="center"/>
    </xf>
    <xf numFmtId="180" fontId="2" fillId="0" borderId="54" xfId="0" applyNumberFormat="1" applyFont="1" applyBorder="1"/>
    <xf numFmtId="180" fontId="2" fillId="0" borderId="33" xfId="0" applyNumberFormat="1" applyFont="1" applyBorder="1"/>
    <xf numFmtId="180" fontId="2" fillId="0" borderId="8" xfId="1" applyNumberFormat="1" applyFont="1" applyFill="1" applyBorder="1" applyAlignment="1">
      <alignment vertical="center"/>
    </xf>
    <xf numFmtId="180" fontId="2" fillId="0" borderId="9" xfId="1" applyNumberFormat="1" applyFont="1" applyFill="1" applyBorder="1" applyAlignment="1">
      <alignment vertical="center"/>
    </xf>
    <xf numFmtId="180" fontId="2" fillId="0" borderId="8" xfId="1" applyNumberFormat="1" applyFont="1" applyFill="1" applyBorder="1" applyAlignment="1"/>
    <xf numFmtId="180" fontId="2" fillId="0" borderId="9" xfId="1" applyNumberFormat="1" applyFont="1" applyFill="1" applyBorder="1" applyAlignment="1"/>
    <xf numFmtId="180" fontId="2" fillId="0" borderId="5" xfId="1" applyNumberFormat="1" applyFont="1" applyFill="1" applyBorder="1" applyAlignment="1">
      <alignment vertical="center"/>
    </xf>
    <xf numFmtId="180" fontId="2" fillId="0" borderId="46" xfId="1" applyNumberFormat="1" applyFont="1" applyFill="1" applyBorder="1" applyAlignment="1">
      <alignment vertical="center"/>
    </xf>
    <xf numFmtId="180" fontId="2" fillId="0" borderId="12" xfId="1" applyNumberFormat="1" applyFont="1" applyFill="1" applyBorder="1" applyAlignment="1">
      <alignment vertical="center"/>
    </xf>
    <xf numFmtId="180" fontId="2" fillId="0" borderId="13" xfId="1" applyNumberFormat="1" applyFont="1" applyFill="1" applyBorder="1" applyAlignment="1">
      <alignment vertical="center"/>
    </xf>
    <xf numFmtId="178" fontId="0" fillId="0" borderId="62" xfId="0" applyNumberFormat="1" applyBorder="1" applyAlignment="1">
      <alignment vertical="center"/>
    </xf>
    <xf numFmtId="178" fontId="0" fillId="0" borderId="68" xfId="0" applyNumberFormat="1" applyBorder="1" applyAlignment="1">
      <alignment vertical="center"/>
    </xf>
    <xf numFmtId="178" fontId="0" fillId="0" borderId="77" xfId="0" applyNumberFormat="1" applyBorder="1" applyAlignment="1">
      <alignment vertical="center"/>
    </xf>
    <xf numFmtId="178" fontId="2" fillId="0" borderId="62" xfId="1" applyNumberFormat="1" applyFont="1" applyBorder="1" applyAlignment="1">
      <alignment vertical="center"/>
    </xf>
    <xf numFmtId="178" fontId="2" fillId="0" borderId="68" xfId="1" applyNumberFormat="1" applyFont="1" applyBorder="1" applyAlignment="1">
      <alignment vertical="center"/>
    </xf>
    <xf numFmtId="178" fontId="2" fillId="0" borderId="77" xfId="1" applyNumberFormat="1" applyFont="1" applyBorder="1" applyAlignment="1">
      <alignment vertical="center"/>
    </xf>
    <xf numFmtId="183" fontId="5" fillId="0" borderId="0" xfId="0" applyNumberFormat="1" applyFont="1" applyAlignment="1">
      <alignment horizontal="left" vertical="center"/>
    </xf>
    <xf numFmtId="181" fontId="5" fillId="0" borderId="0" xfId="0" applyNumberFormat="1" applyFont="1" applyBorder="1" applyAlignment="1">
      <alignment vertical="center"/>
    </xf>
    <xf numFmtId="183" fontId="5" fillId="0" borderId="0" xfId="0" applyNumberFormat="1" applyFont="1" applyBorder="1" applyAlignment="1">
      <alignment horizontal="left" vertical="center"/>
    </xf>
    <xf numFmtId="181" fontId="8" fillId="0" borderId="0" xfId="0" applyNumberFormat="1" applyFont="1" applyAlignment="1">
      <alignment vertical="center"/>
    </xf>
    <xf numFmtId="183" fontId="8" fillId="0" borderId="0" xfId="0" applyNumberFormat="1" applyFont="1" applyAlignment="1">
      <alignment horizontal="left" vertical="center"/>
    </xf>
    <xf numFmtId="181" fontId="8" fillId="0" borderId="0" xfId="0" applyNumberFormat="1" applyFont="1" applyFill="1" applyAlignment="1">
      <alignment vertical="center"/>
    </xf>
    <xf numFmtId="183" fontId="8" fillId="0" borderId="0" xfId="0" applyNumberFormat="1" applyFont="1" applyFill="1" applyAlignment="1">
      <alignment horizontal="left" vertical="center"/>
    </xf>
    <xf numFmtId="184" fontId="3" fillId="0" borderId="0" xfId="0" applyNumberFormat="1" applyFont="1" applyAlignment="1">
      <alignment vertical="center"/>
    </xf>
    <xf numFmtId="182" fontId="2" fillId="0" borderId="0" xfId="0" applyNumberFormat="1" applyFont="1" applyAlignment="1">
      <alignment horizontal="center" vertical="center"/>
    </xf>
    <xf numFmtId="0" fontId="9" fillId="0" borderId="0" xfId="3" applyFont="1">
      <alignment vertical="center"/>
    </xf>
    <xf numFmtId="0" fontId="9" fillId="0" borderId="8" xfId="3" applyFont="1" applyBorder="1">
      <alignment vertical="center"/>
    </xf>
    <xf numFmtId="0" fontId="9" fillId="0" borderId="9" xfId="3" applyFont="1" applyBorder="1">
      <alignment vertical="center"/>
    </xf>
    <xf numFmtId="0" fontId="9" fillId="0" borderId="49" xfId="3" applyFont="1" applyBorder="1">
      <alignment vertical="center"/>
    </xf>
    <xf numFmtId="0" fontId="9" fillId="0" borderId="12" xfId="3" applyFont="1" applyBorder="1" applyAlignment="1">
      <alignment horizontal="center" vertical="center"/>
    </xf>
    <xf numFmtId="0" fontId="9" fillId="0" borderId="3" xfId="3" applyFont="1" applyBorder="1">
      <alignment vertical="center"/>
    </xf>
    <xf numFmtId="0" fontId="9" fillId="0" borderId="7" xfId="3" applyFont="1" applyBorder="1">
      <alignment vertical="center"/>
    </xf>
    <xf numFmtId="0" fontId="9" fillId="0" borderId="14" xfId="3" applyFont="1" applyBorder="1">
      <alignment vertical="center"/>
    </xf>
    <xf numFmtId="0" fontId="9" fillId="0" borderId="9" xfId="3" applyFont="1" applyBorder="1" applyAlignment="1">
      <alignment horizontal="center" vertical="center"/>
    </xf>
    <xf numFmtId="0" fontId="9" fillId="0" borderId="33" xfId="3" applyFont="1" applyBorder="1" applyAlignment="1">
      <alignment horizontal="center" vertical="center"/>
    </xf>
    <xf numFmtId="0" fontId="9" fillId="0" borderId="25" xfId="3" applyFont="1" applyBorder="1" applyAlignment="1">
      <alignment horizontal="center" vertical="center"/>
    </xf>
    <xf numFmtId="0" fontId="9" fillId="0" borderId="78" xfId="3" applyFont="1" applyBorder="1" applyAlignment="1">
      <alignment horizontal="center" vertical="center"/>
    </xf>
    <xf numFmtId="0" fontId="9" fillId="0" borderId="26" xfId="3" applyFont="1" applyBorder="1" applyAlignment="1">
      <alignment horizontal="center" vertical="center" wrapText="1"/>
    </xf>
    <xf numFmtId="0" fontId="9" fillId="0" borderId="13" xfId="3" applyFont="1" applyBorder="1" applyAlignment="1">
      <alignment horizontal="center" vertical="center"/>
    </xf>
    <xf numFmtId="38" fontId="9" fillId="0" borderId="49" xfId="1" applyFont="1" applyBorder="1" applyAlignment="1">
      <alignment vertical="center"/>
    </xf>
    <xf numFmtId="38" fontId="9" fillId="0" borderId="4" xfId="1" applyFont="1" applyBorder="1" applyAlignment="1">
      <alignment vertical="center"/>
    </xf>
    <xf numFmtId="38" fontId="9" fillId="0" borderId="81" xfId="1" applyFont="1" applyBorder="1" applyAlignment="1">
      <alignment vertical="center"/>
    </xf>
    <xf numFmtId="38" fontId="9" fillId="0" borderId="97" xfId="1" applyFont="1" applyBorder="1" applyAlignment="1">
      <alignment vertical="center"/>
    </xf>
    <xf numFmtId="38" fontId="9" fillId="0" borderId="42" xfId="1" applyFont="1" applyBorder="1" applyAlignment="1">
      <alignment vertical="center"/>
    </xf>
    <xf numFmtId="38" fontId="9" fillId="0" borderId="80" xfId="1" applyFont="1" applyBorder="1" applyAlignment="1">
      <alignment vertical="center"/>
    </xf>
    <xf numFmtId="38" fontId="9" fillId="0" borderId="96" xfId="1" applyFont="1" applyBorder="1" applyAlignment="1">
      <alignment vertical="center"/>
    </xf>
    <xf numFmtId="38" fontId="9" fillId="0" borderId="8" xfId="1" applyFont="1" applyBorder="1" applyAlignment="1">
      <alignment vertical="center"/>
    </xf>
    <xf numFmtId="38" fontId="9" fillId="0" borderId="38" xfId="1" applyFont="1" applyBorder="1" applyAlignment="1">
      <alignment vertical="center"/>
    </xf>
    <xf numFmtId="38" fontId="9" fillId="0" borderId="69" xfId="1" applyFont="1" applyBorder="1" applyAlignment="1">
      <alignment vertical="center"/>
    </xf>
    <xf numFmtId="38" fontId="9" fillId="0" borderId="53" xfId="1" applyFont="1" applyBorder="1" applyAlignment="1">
      <alignment vertical="center"/>
    </xf>
    <xf numFmtId="38" fontId="9" fillId="0" borderId="5" xfId="1" applyFont="1" applyBorder="1" applyAlignment="1">
      <alignment vertical="center"/>
    </xf>
    <xf numFmtId="38" fontId="9" fillId="0" borderId="46" xfId="1" applyFont="1" applyBorder="1" applyAlignment="1">
      <alignment vertical="center"/>
    </xf>
    <xf numFmtId="38" fontId="9" fillId="0" borderId="39" xfId="1" applyFont="1" applyBorder="1" applyAlignment="1">
      <alignment vertical="center"/>
    </xf>
    <xf numFmtId="38" fontId="9" fillId="0" borderId="9" xfId="1" applyFont="1" applyBorder="1" applyAlignment="1">
      <alignment vertical="center"/>
    </xf>
    <xf numFmtId="38" fontId="9" fillId="0" borderId="25" xfId="1" applyFont="1" applyBorder="1" applyAlignment="1">
      <alignment vertical="center"/>
    </xf>
    <xf numFmtId="38" fontId="9" fillId="0" borderId="78" xfId="1" applyFont="1" applyBorder="1" applyAlignment="1">
      <alignment vertical="center"/>
    </xf>
    <xf numFmtId="38" fontId="9" fillId="0" borderId="26" xfId="1" applyFont="1" applyBorder="1" applyAlignment="1">
      <alignment vertical="center"/>
    </xf>
    <xf numFmtId="38" fontId="9" fillId="0" borderId="12" xfId="1" applyFont="1" applyBorder="1" applyAlignment="1">
      <alignment vertical="center"/>
    </xf>
    <xf numFmtId="38" fontId="9" fillId="0" borderId="13" xfId="1" applyFont="1" applyBorder="1" applyAlignment="1">
      <alignment vertical="center"/>
    </xf>
    <xf numFmtId="38" fontId="9" fillId="0" borderId="40" xfId="1" applyFont="1" applyBorder="1" applyAlignment="1">
      <alignment vertical="center"/>
    </xf>
    <xf numFmtId="0" fontId="10" fillId="0" borderId="0" xfId="3" applyFont="1">
      <alignment vertical="center"/>
    </xf>
    <xf numFmtId="0" fontId="0" fillId="0" borderId="0" xfId="0" applyAlignment="1">
      <alignment vertical="center"/>
    </xf>
    <xf numFmtId="0" fontId="0" fillId="0" borderId="7" xfId="0" applyBorder="1" applyAlignment="1">
      <alignment vertical="center"/>
    </xf>
    <xf numFmtId="0" fontId="0" fillId="0" borderId="14" xfId="0" applyBorder="1" applyAlignment="1">
      <alignment vertical="center"/>
    </xf>
    <xf numFmtId="180" fontId="0" fillId="0" borderId="8" xfId="1" applyNumberFormat="1" applyFont="1" applyBorder="1" applyAlignment="1">
      <alignment vertical="center"/>
    </xf>
    <xf numFmtId="180" fontId="0" fillId="0" borderId="5" xfId="1" applyNumberFormat="1" applyFont="1" applyBorder="1" applyAlignment="1">
      <alignment vertical="center"/>
    </xf>
    <xf numFmtId="180" fontId="0" fillId="0" borderId="38" xfId="1" applyNumberFormat="1" applyFont="1" applyBorder="1" applyAlignment="1">
      <alignment vertical="center"/>
    </xf>
    <xf numFmtId="180" fontId="0" fillId="0" borderId="53" xfId="1" applyNumberFormat="1" applyFont="1" applyBorder="1" applyAlignment="1">
      <alignment vertical="center"/>
    </xf>
    <xf numFmtId="180" fontId="0" fillId="0" borderId="46" xfId="1" applyNumberFormat="1" applyFont="1" applyBorder="1" applyAlignment="1">
      <alignment vertical="center"/>
    </xf>
    <xf numFmtId="180" fontId="0" fillId="0" borderId="48" xfId="1" applyNumberFormat="1" applyFont="1" applyBorder="1" applyAlignment="1">
      <alignment vertical="center"/>
    </xf>
    <xf numFmtId="180" fontId="0" fillId="0" borderId="68" xfId="1" applyNumberFormat="1" applyFont="1" applyBorder="1" applyAlignment="1">
      <alignment vertical="center"/>
    </xf>
    <xf numFmtId="180" fontId="0" fillId="0" borderId="56" xfId="1" applyNumberFormat="1" applyFont="1" applyBorder="1" applyAlignment="1">
      <alignment vertical="center"/>
    </xf>
    <xf numFmtId="180" fontId="0" fillId="0" borderId="9" xfId="1" applyNumberFormat="1" applyFont="1" applyBorder="1" applyAlignment="1">
      <alignment vertical="center"/>
    </xf>
    <xf numFmtId="180" fontId="0" fillId="0" borderId="12" xfId="1" applyNumberFormat="1" applyFont="1" applyBorder="1" applyAlignment="1">
      <alignment vertical="center"/>
    </xf>
    <xf numFmtId="180" fontId="0" fillId="0" borderId="25" xfId="1" applyNumberFormat="1" applyFont="1" applyBorder="1" applyAlignment="1">
      <alignment vertical="center"/>
    </xf>
    <xf numFmtId="180" fontId="0" fillId="0" borderId="26" xfId="1" applyNumberFormat="1" applyFont="1" applyBorder="1" applyAlignment="1">
      <alignment vertical="center"/>
    </xf>
    <xf numFmtId="180" fontId="0" fillId="0" borderId="13" xfId="1" applyNumberFormat="1" applyFont="1" applyBorder="1" applyAlignment="1">
      <alignment vertical="center"/>
    </xf>
    <xf numFmtId="180" fontId="0" fillId="0" borderId="30" xfId="1" applyNumberFormat="1" applyFont="1" applyBorder="1" applyAlignment="1">
      <alignment vertical="center"/>
    </xf>
    <xf numFmtId="180" fontId="0" fillId="0" borderId="77" xfId="1" applyNumberFormat="1" applyFont="1" applyBorder="1" applyAlignment="1">
      <alignment vertical="center"/>
    </xf>
    <xf numFmtId="180" fontId="0" fillId="0" borderId="71" xfId="1" applyNumberFormat="1" applyFont="1" applyBorder="1" applyAlignment="1">
      <alignment vertical="center"/>
    </xf>
    <xf numFmtId="0" fontId="0" fillId="0" borderId="0" xfId="0" applyBorder="1" applyAlignment="1">
      <alignment vertical="center"/>
    </xf>
    <xf numFmtId="0" fontId="9" fillId="0" borderId="9" xfId="3"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178" fontId="0" fillId="0" borderId="49" xfId="0" applyNumberFormat="1" applyBorder="1" applyAlignment="1">
      <alignment vertical="center"/>
    </xf>
    <xf numFmtId="178" fontId="0" fillId="0" borderId="8" xfId="0" applyNumberFormat="1" applyBorder="1" applyAlignment="1">
      <alignment vertical="center"/>
    </xf>
    <xf numFmtId="178" fontId="0" fillId="0" borderId="9" xfId="0" applyNumberFormat="1" applyBorder="1" applyAlignment="1">
      <alignment vertical="center"/>
    </xf>
    <xf numFmtId="0" fontId="2" fillId="0" borderId="19" xfId="0" applyFont="1" applyBorder="1" applyAlignment="1">
      <alignment horizontal="center" vertical="center"/>
    </xf>
    <xf numFmtId="179" fontId="2" fillId="0" borderId="48" xfId="0" applyNumberFormat="1" applyFont="1" applyBorder="1"/>
    <xf numFmtId="179" fontId="2" fillId="0" borderId="30" xfId="0" applyNumberFormat="1" applyFont="1" applyBorder="1"/>
    <xf numFmtId="180" fontId="2" fillId="0" borderId="39" xfId="0" applyNumberFormat="1" applyFont="1" applyBorder="1"/>
    <xf numFmtId="180" fontId="2" fillId="0" borderId="40"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0" xfId="0" applyFont="1" applyFill="1" applyAlignment="1">
      <alignment vertical="center"/>
    </xf>
    <xf numFmtId="0" fontId="2" fillId="0" borderId="33" xfId="0" applyFont="1" applyBorder="1" applyAlignment="1">
      <alignment horizontal="center" vertical="center"/>
    </xf>
    <xf numFmtId="0" fontId="2" fillId="0" borderId="25" xfId="0" applyFont="1" applyBorder="1" applyAlignment="1">
      <alignment horizontal="center" vertical="center"/>
    </xf>
    <xf numFmtId="0" fontId="2" fillId="0" borderId="20" xfId="0" applyFont="1" applyBorder="1" applyAlignment="1">
      <alignment horizontal="center" vertical="center"/>
    </xf>
    <xf numFmtId="179" fontId="2" fillId="0" borderId="105" xfId="0" applyNumberFormat="1" applyFont="1" applyBorder="1"/>
    <xf numFmtId="179" fontId="2" fillId="0" borderId="106" xfId="0" applyNumberFormat="1" applyFont="1" applyBorder="1"/>
    <xf numFmtId="179" fontId="2" fillId="0" borderId="107" xfId="0" applyNumberFormat="1" applyFont="1" applyBorder="1"/>
    <xf numFmtId="179" fontId="2" fillId="0" borderId="70" xfId="0" applyNumberFormat="1" applyFont="1" applyBorder="1"/>
    <xf numFmtId="179" fontId="2" fillId="0" borderId="108" xfId="0" applyNumberFormat="1" applyFont="1" applyBorder="1"/>
    <xf numFmtId="179" fontId="2" fillId="0" borderId="109" xfId="0" applyNumberFormat="1" applyFont="1" applyBorder="1"/>
    <xf numFmtId="179" fontId="2" fillId="0" borderId="110" xfId="0" applyNumberFormat="1" applyFont="1" applyBorder="1"/>
    <xf numFmtId="179" fontId="2" fillId="0" borderId="111" xfId="0" applyNumberFormat="1" applyFont="1" applyBorder="1"/>
    <xf numFmtId="179" fontId="2" fillId="0" borderId="112" xfId="0" applyNumberFormat="1" applyFont="1" applyBorder="1"/>
    <xf numFmtId="179" fontId="2" fillId="0" borderId="79" xfId="0" applyNumberFormat="1" applyFont="1" applyBorder="1"/>
    <xf numFmtId="179" fontId="2" fillId="0" borderId="113" xfId="0" applyNumberFormat="1" applyFont="1" applyBorder="1"/>
    <xf numFmtId="179" fontId="2" fillId="0" borderId="114" xfId="0" applyNumberFormat="1" applyFont="1" applyBorder="1"/>
    <xf numFmtId="0" fontId="9" fillId="0" borderId="9" xfId="3" applyFont="1" applyBorder="1" applyAlignment="1">
      <alignment horizontal="center" vertical="center"/>
    </xf>
    <xf numFmtId="182" fontId="2" fillId="0" borderId="0" xfId="0" applyNumberFormat="1" applyFont="1" applyBorder="1" applyAlignment="1">
      <alignment horizontal="center" vertical="center"/>
    </xf>
    <xf numFmtId="0" fontId="3" fillId="0" borderId="1" xfId="0" applyFont="1" applyBorder="1" applyAlignment="1">
      <alignment vertical="center"/>
    </xf>
    <xf numFmtId="0" fontId="3" fillId="0" borderId="7" xfId="0" applyFont="1" applyBorder="1" applyAlignment="1">
      <alignment horizontal="center" vertical="center"/>
    </xf>
    <xf numFmtId="0" fontId="9" fillId="0" borderId="9" xfId="3" applyFont="1" applyBorder="1" applyAlignment="1">
      <alignment horizontal="center" vertical="center"/>
    </xf>
    <xf numFmtId="0" fontId="0" fillId="0" borderId="38" xfId="0" applyFont="1" applyBorder="1" applyAlignment="1">
      <alignment horizontal="center" vertical="center" shrinkToFit="1"/>
    </xf>
    <xf numFmtId="0" fontId="0" fillId="0" borderId="6" xfId="0" applyFont="1" applyBorder="1" applyAlignment="1">
      <alignment horizontal="center" vertical="center"/>
    </xf>
    <xf numFmtId="179" fontId="2" fillId="0" borderId="68" xfId="0" applyNumberFormat="1" applyFont="1" applyBorder="1"/>
    <xf numFmtId="179" fontId="2" fillId="0" borderId="77" xfId="0" applyNumberFormat="1" applyFont="1" applyBorder="1"/>
    <xf numFmtId="182" fontId="2" fillId="0" borderId="0" xfId="0" applyNumberFormat="1" applyFont="1" applyAlignment="1">
      <alignment horizontal="center" vertical="center"/>
    </xf>
    <xf numFmtId="0" fontId="9" fillId="0" borderId="9" xfId="3"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19" xfId="0" applyFont="1" applyBorder="1" applyAlignment="1">
      <alignment horizontal="center" vertical="center"/>
    </xf>
    <xf numFmtId="182" fontId="2" fillId="0" borderId="0" xfId="0" applyNumberFormat="1" applyFont="1" applyBorder="1" applyAlignment="1">
      <alignment horizontal="center" vertical="center"/>
    </xf>
    <xf numFmtId="0" fontId="2" fillId="0" borderId="91" xfId="0" applyFont="1" applyBorder="1" applyAlignment="1">
      <alignment horizontal="center" vertical="center"/>
    </xf>
    <xf numFmtId="0" fontId="2" fillId="0" borderId="118" xfId="0" applyFont="1" applyBorder="1" applyAlignment="1">
      <alignment horizontal="center" vertical="center"/>
    </xf>
    <xf numFmtId="0" fontId="2" fillId="0" borderId="73" xfId="0" applyFont="1" applyBorder="1" applyAlignment="1">
      <alignment horizontal="center" vertical="center"/>
    </xf>
    <xf numFmtId="0" fontId="2" fillId="0" borderId="76" xfId="0" applyFont="1" applyBorder="1" applyAlignment="1">
      <alignment horizontal="center" vertical="center"/>
    </xf>
    <xf numFmtId="0" fontId="2" fillId="0" borderId="74" xfId="0" applyFont="1" applyBorder="1" applyAlignment="1">
      <alignment horizontal="center" vertical="center" wrapText="1"/>
    </xf>
    <xf numFmtId="0" fontId="2" fillId="0" borderId="93"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3" fillId="0" borderId="85" xfId="0" applyFont="1" applyBorder="1" applyAlignment="1">
      <alignment horizontal="center" vertical="center"/>
    </xf>
    <xf numFmtId="0" fontId="3" fillId="0" borderId="19" xfId="0" applyFont="1" applyBorder="1" applyAlignment="1">
      <alignment horizontal="center" vertical="center"/>
    </xf>
    <xf numFmtId="0" fontId="9" fillId="0" borderId="9" xfId="3" applyFont="1" applyBorder="1" applyAlignment="1">
      <alignment horizontal="center" vertical="center"/>
    </xf>
    <xf numFmtId="186" fontId="5" fillId="0" borderId="0" xfId="0" applyNumberFormat="1" applyFont="1" applyAlignment="1">
      <alignment horizontal="right" vertical="center"/>
    </xf>
    <xf numFmtId="186" fontId="8" fillId="0" borderId="0" xfId="0" applyNumberFormat="1" applyFont="1" applyAlignment="1">
      <alignment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182" fontId="3" fillId="0" borderId="0" xfId="0" applyNumberFormat="1" applyFont="1"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177" fontId="0" fillId="0" borderId="5" xfId="0" applyNumberFormat="1" applyFill="1" applyBorder="1" applyAlignment="1">
      <alignment horizontal="right" vertical="center"/>
    </xf>
    <xf numFmtId="177" fontId="0" fillId="0" borderId="6" xfId="0" applyNumberFormat="1" applyFill="1" applyBorder="1" applyAlignment="1">
      <alignment horizontal="right" vertical="center"/>
    </xf>
    <xf numFmtId="177" fontId="3" fillId="0" borderId="38" xfId="1" applyNumberFormat="1" applyFont="1" applyBorder="1" applyAlignment="1">
      <alignment horizontal="right" vertical="center"/>
    </xf>
    <xf numFmtId="177" fontId="3" fillId="0" borderId="6" xfId="1" applyNumberFormat="1" applyFont="1" applyBorder="1" applyAlignment="1">
      <alignment horizontal="right" vertical="center"/>
    </xf>
    <xf numFmtId="177" fontId="3" fillId="0" borderId="25" xfId="1" applyNumberFormat="1" applyFont="1" applyBorder="1" applyAlignment="1">
      <alignment horizontal="right" vertical="center"/>
    </xf>
    <xf numFmtId="177" fontId="3" fillId="0" borderId="41" xfId="1" applyNumberFormat="1" applyFont="1" applyBorder="1" applyAlignment="1">
      <alignment horizontal="right" vertical="center"/>
    </xf>
    <xf numFmtId="0" fontId="0" fillId="0" borderId="25" xfId="0" applyBorder="1" applyAlignment="1">
      <alignment horizontal="center" vertical="center"/>
    </xf>
    <xf numFmtId="0" fontId="0" fillId="0" borderId="26" xfId="0" applyBorder="1" applyAlignment="1">
      <alignment horizontal="center" vertical="center" wrapText="1"/>
    </xf>
    <xf numFmtId="0" fontId="0" fillId="0" borderId="13" xfId="0" applyBorder="1" applyAlignment="1">
      <alignment horizontal="center" vertical="center"/>
    </xf>
    <xf numFmtId="0" fontId="9" fillId="0" borderId="71" xfId="3" applyFont="1" applyBorder="1" applyAlignment="1">
      <alignment horizontal="center" vertical="center"/>
    </xf>
    <xf numFmtId="38" fontId="9" fillId="0" borderId="57" xfId="1" applyFont="1" applyBorder="1" applyAlignment="1">
      <alignment vertical="center"/>
    </xf>
    <xf numFmtId="38" fontId="9" fillId="0" borderId="56" xfId="1" applyFont="1" applyBorder="1" applyAlignment="1">
      <alignment vertical="center"/>
    </xf>
    <xf numFmtId="38" fontId="9" fillId="0" borderId="71" xfId="1" applyFont="1" applyBorder="1" applyAlignment="1">
      <alignment vertical="center"/>
    </xf>
    <xf numFmtId="0" fontId="3" fillId="0" borderId="31" xfId="0" applyFont="1" applyBorder="1" applyAlignment="1">
      <alignment horizontal="center" vertical="center" shrinkToFit="1"/>
    </xf>
    <xf numFmtId="179" fontId="2" fillId="0" borderId="55" xfId="0" applyNumberFormat="1" applyFont="1" applyBorder="1" applyAlignment="1">
      <alignment shrinkToFit="1"/>
    </xf>
    <xf numFmtId="179" fontId="2" fillId="0" borderId="42" xfId="0" applyNumberFormat="1" applyFont="1" applyBorder="1" applyAlignment="1">
      <alignment shrinkToFit="1"/>
    </xf>
    <xf numFmtId="179" fontId="2" fillId="0" borderId="80" xfId="0" applyNumberFormat="1" applyFont="1" applyBorder="1" applyAlignment="1">
      <alignment shrinkToFit="1"/>
    </xf>
    <xf numFmtId="179" fontId="2" fillId="0" borderId="81" xfId="0" applyNumberFormat="1" applyFont="1" applyBorder="1" applyAlignment="1">
      <alignment shrinkToFit="1"/>
    </xf>
    <xf numFmtId="179" fontId="2" fillId="0" borderId="57" xfId="0" applyNumberFormat="1" applyFont="1" applyBorder="1" applyAlignment="1">
      <alignment shrinkToFit="1"/>
    </xf>
    <xf numFmtId="179" fontId="2" fillId="0" borderId="37" xfId="0" applyNumberFormat="1" applyFont="1" applyBorder="1" applyAlignment="1">
      <alignment shrinkToFit="1"/>
    </xf>
    <xf numFmtId="179" fontId="2" fillId="0" borderId="43" xfId="0" applyNumberFormat="1" applyFont="1" applyBorder="1" applyAlignment="1">
      <alignment shrinkToFit="1"/>
    </xf>
    <xf numFmtId="179" fontId="2" fillId="0" borderId="51" xfId="0" applyNumberFormat="1" applyFont="1" applyBorder="1" applyAlignment="1">
      <alignment shrinkToFit="1"/>
    </xf>
    <xf numFmtId="179" fontId="2" fillId="0" borderId="35" xfId="0" applyNumberFormat="1" applyFont="1" applyBorder="1" applyAlignment="1">
      <alignment shrinkToFit="1"/>
    </xf>
    <xf numFmtId="179" fontId="2" fillId="0" borderId="34" xfId="0" applyNumberFormat="1" applyFont="1" applyBorder="1" applyAlignment="1">
      <alignment shrinkToFit="1"/>
    </xf>
    <xf numFmtId="179" fontId="2" fillId="0" borderId="61" xfId="0" applyNumberFormat="1" applyFont="1" applyBorder="1" applyAlignment="1">
      <alignment shrinkToFit="1"/>
    </xf>
    <xf numFmtId="179" fontId="2" fillId="0" borderId="36" xfId="0" applyNumberFormat="1" applyFont="1" applyBorder="1" applyAlignment="1">
      <alignment shrinkToFit="1"/>
    </xf>
    <xf numFmtId="179" fontId="2" fillId="0" borderId="52" xfId="0" applyNumberFormat="1" applyFont="1" applyBorder="1" applyAlignment="1">
      <alignment shrinkToFit="1"/>
    </xf>
    <xf numFmtId="179" fontId="2" fillId="0" borderId="44" xfId="0" applyNumberFormat="1" applyFont="1" applyBorder="1" applyAlignment="1">
      <alignment shrinkToFit="1"/>
    </xf>
    <xf numFmtId="179" fontId="2" fillId="0" borderId="82" xfId="0" applyNumberFormat="1" applyFont="1" applyBorder="1" applyAlignment="1">
      <alignment shrinkToFit="1"/>
    </xf>
    <xf numFmtId="179" fontId="2" fillId="0" borderId="62" xfId="0" applyNumberFormat="1" applyFont="1" applyBorder="1" applyAlignment="1">
      <alignment shrinkToFit="1"/>
    </xf>
    <xf numFmtId="179" fontId="2" fillId="0" borderId="58" xfId="0" applyNumberFormat="1" applyFont="1" applyBorder="1" applyAlignment="1">
      <alignment shrinkToFit="1"/>
    </xf>
    <xf numFmtId="179" fontId="2" fillId="0" borderId="59" xfId="0" applyNumberFormat="1" applyFont="1" applyBorder="1" applyAlignment="1">
      <alignment shrinkToFit="1"/>
    </xf>
    <xf numFmtId="179" fontId="2" fillId="0" borderId="27" xfId="0" applyNumberFormat="1" applyFont="1" applyBorder="1" applyAlignment="1">
      <alignment shrinkToFit="1"/>
    </xf>
    <xf numFmtId="180" fontId="2" fillId="0" borderId="3" xfId="2" applyNumberFormat="1" applyFont="1" applyBorder="1" applyAlignment="1">
      <alignment vertical="center" shrinkToFit="1"/>
    </xf>
    <xf numFmtId="180" fontId="2" fillId="0" borderId="35" xfId="2" applyNumberFormat="1" applyFont="1" applyBorder="1" applyAlignment="1">
      <alignment vertical="center" shrinkToFit="1"/>
    </xf>
    <xf numFmtId="180" fontId="2" fillId="0" borderId="57" xfId="2" applyNumberFormat="1" applyFont="1" applyBorder="1" applyAlignment="1">
      <alignment vertical="center" shrinkToFit="1"/>
    </xf>
    <xf numFmtId="180" fontId="2" fillId="0" borderId="51" xfId="2" applyNumberFormat="1" applyFont="1" applyBorder="1" applyAlignment="1">
      <alignment vertical="center" shrinkToFit="1"/>
    </xf>
    <xf numFmtId="180" fontId="2" fillId="0" borderId="52" xfId="2" applyNumberFormat="1" applyFont="1" applyBorder="1" applyAlignment="1">
      <alignment vertical="center" shrinkToFit="1"/>
    </xf>
    <xf numFmtId="180" fontId="2" fillId="0" borderId="58" xfId="2" applyNumberFormat="1" applyFont="1" applyBorder="1" applyAlignment="1">
      <alignment vertical="center" shrinkToFit="1"/>
    </xf>
    <xf numFmtId="180" fontId="2" fillId="0" borderId="43" xfId="2" applyNumberFormat="1" applyFont="1" applyBorder="1" applyAlignment="1">
      <alignment vertical="center" shrinkToFit="1"/>
    </xf>
    <xf numFmtId="180" fontId="2" fillId="0" borderId="59" xfId="2" applyNumberFormat="1" applyFont="1" applyBorder="1" applyAlignment="1">
      <alignment vertical="center" shrinkToFit="1"/>
    </xf>
    <xf numFmtId="180" fontId="2" fillId="0" borderId="34" xfId="1" applyNumberFormat="1" applyFont="1" applyFill="1" applyBorder="1" applyAlignment="1">
      <alignment vertical="center" shrinkToFit="1"/>
    </xf>
    <xf numFmtId="180" fontId="2" fillId="0" borderId="35" xfId="1" applyNumberFormat="1" applyFont="1" applyFill="1" applyBorder="1" applyAlignment="1">
      <alignment vertical="center" shrinkToFit="1"/>
    </xf>
    <xf numFmtId="180" fontId="2" fillId="0" borderId="43" xfId="1" applyNumberFormat="1" applyFont="1" applyFill="1" applyBorder="1" applyAlignment="1">
      <alignment vertical="center" shrinkToFit="1"/>
    </xf>
    <xf numFmtId="180" fontId="2" fillId="0" borderId="60" xfId="1" applyNumberFormat="1" applyFont="1" applyFill="1" applyBorder="1" applyAlignment="1">
      <alignment vertical="center" shrinkToFit="1"/>
    </xf>
    <xf numFmtId="180" fontId="2" fillId="0" borderId="35" xfId="0" applyNumberFormat="1" applyFont="1" applyBorder="1" applyAlignment="1">
      <alignment shrinkToFit="1"/>
    </xf>
    <xf numFmtId="180" fontId="2" fillId="0" borderId="36" xfId="0" applyNumberFormat="1" applyFont="1" applyBorder="1" applyAlignment="1">
      <alignment shrinkToFit="1"/>
    </xf>
    <xf numFmtId="180" fontId="2" fillId="0" borderId="37" xfId="0" applyNumberFormat="1" applyFont="1" applyBorder="1" applyAlignment="1">
      <alignment shrinkToFit="1"/>
    </xf>
    <xf numFmtId="180" fontId="2" fillId="0" borderId="34" xfId="0" applyNumberFormat="1" applyFont="1" applyBorder="1" applyAlignment="1">
      <alignment shrinkToFit="1"/>
    </xf>
    <xf numFmtId="180" fontId="2" fillId="0" borderId="43" xfId="0" applyNumberFormat="1" applyFont="1" applyBorder="1" applyAlignment="1">
      <alignment shrinkToFit="1"/>
    </xf>
    <xf numFmtId="180" fontId="2" fillId="0" borderId="62" xfId="0" applyNumberFormat="1" applyFont="1" applyBorder="1" applyAlignment="1">
      <alignment shrinkToFit="1"/>
    </xf>
    <xf numFmtId="180" fontId="2" fillId="0" borderId="58" xfId="0" applyNumberFormat="1" applyFont="1" applyBorder="1" applyAlignment="1">
      <alignment shrinkToFit="1"/>
    </xf>
    <xf numFmtId="180" fontId="2" fillId="0" borderId="51" xfId="0" applyNumberFormat="1" applyFont="1" applyBorder="1" applyAlignment="1">
      <alignment shrinkToFit="1"/>
    </xf>
    <xf numFmtId="180" fontId="2" fillId="0" borderId="34" xfId="1" applyNumberFormat="1" applyFont="1" applyFill="1" applyBorder="1" applyAlignment="1">
      <alignment shrinkToFit="1"/>
    </xf>
    <xf numFmtId="180" fontId="2" fillId="0" borderId="52" xfId="0" applyNumberFormat="1" applyFont="1" applyBorder="1" applyAlignment="1">
      <alignment shrinkToFit="1"/>
    </xf>
    <xf numFmtId="180" fontId="2" fillId="0" borderId="45" xfId="0" applyNumberFormat="1" applyFont="1" applyBorder="1" applyAlignment="1">
      <alignment shrinkToFit="1"/>
    </xf>
    <xf numFmtId="180" fontId="2" fillId="0" borderId="63" xfId="1" applyNumberFormat="1" applyFont="1" applyFill="1" applyBorder="1" applyAlignment="1">
      <alignment vertical="center" shrinkToFit="1"/>
    </xf>
    <xf numFmtId="0" fontId="3" fillId="0" borderId="0" xfId="0" applyFont="1" applyAlignment="1">
      <alignment vertical="center" shrinkToFit="1"/>
    </xf>
    <xf numFmtId="176" fontId="3" fillId="0" borderId="32" xfId="0" applyNumberFormat="1" applyFont="1" applyBorder="1" applyAlignment="1">
      <alignment horizontal="center" vertical="center" shrinkToFit="1"/>
    </xf>
    <xf numFmtId="179" fontId="2" fillId="0" borderId="54" xfId="0" applyNumberFormat="1" applyFont="1" applyBorder="1" applyAlignment="1">
      <alignment shrinkToFit="1"/>
    </xf>
    <xf numFmtId="179" fontId="2" fillId="0" borderId="5" xfId="0" applyNumberFormat="1" applyFont="1" applyBorder="1" applyAlignment="1">
      <alignment shrinkToFit="1"/>
    </xf>
    <xf numFmtId="179" fontId="2" fillId="0" borderId="46" xfId="0" applyNumberFormat="1" applyFont="1" applyBorder="1" applyAlignment="1">
      <alignment shrinkToFit="1"/>
    </xf>
    <xf numFmtId="179" fontId="2" fillId="0" borderId="56" xfId="0" applyNumberFormat="1" applyFont="1" applyBorder="1" applyAlignment="1">
      <alignment shrinkToFit="1"/>
    </xf>
    <xf numFmtId="179" fontId="2" fillId="0" borderId="39" xfId="0" applyNumberFormat="1" applyFont="1" applyBorder="1" applyAlignment="1">
      <alignment shrinkToFit="1"/>
    </xf>
    <xf numFmtId="179" fontId="2" fillId="0" borderId="38" xfId="0" applyNumberFormat="1" applyFont="1" applyBorder="1" applyAlignment="1">
      <alignment shrinkToFit="1"/>
    </xf>
    <xf numFmtId="179" fontId="2" fillId="0" borderId="53" xfId="0" applyNumberFormat="1" applyFont="1" applyBorder="1" applyAlignment="1">
      <alignment shrinkToFit="1"/>
    </xf>
    <xf numFmtId="179" fontId="2" fillId="0" borderId="68" xfId="0" applyNumberFormat="1" applyFont="1" applyBorder="1" applyAlignment="1">
      <alignment shrinkToFit="1"/>
    </xf>
    <xf numFmtId="179" fontId="2" fillId="0" borderId="8" xfId="0" applyNumberFormat="1" applyFont="1" applyBorder="1" applyAlignment="1">
      <alignment shrinkToFit="1"/>
    </xf>
    <xf numFmtId="179" fontId="2" fillId="0" borderId="48" xfId="0" applyNumberFormat="1" applyFont="1" applyBorder="1" applyAlignment="1">
      <alignment shrinkToFit="1"/>
    </xf>
    <xf numFmtId="180" fontId="2" fillId="0" borderId="7" xfId="2" applyNumberFormat="1" applyFont="1" applyBorder="1" applyAlignment="1">
      <alignment vertical="center" shrinkToFit="1"/>
    </xf>
    <xf numFmtId="180" fontId="2" fillId="0" borderId="5" xfId="2" applyNumberFormat="1" applyFont="1" applyBorder="1" applyAlignment="1">
      <alignment vertical="center" shrinkToFit="1"/>
    </xf>
    <xf numFmtId="180" fontId="2" fillId="0" borderId="56" xfId="2" applyNumberFormat="1" applyFont="1" applyBorder="1" applyAlignment="1">
      <alignment vertical="center" shrinkToFit="1"/>
    </xf>
    <xf numFmtId="180" fontId="2" fillId="0" borderId="64" xfId="2" applyNumberFormat="1" applyFont="1" applyBorder="1" applyAlignment="1">
      <alignment vertical="center" shrinkToFit="1"/>
    </xf>
    <xf numFmtId="180" fontId="2" fillId="0" borderId="65" xfId="2" applyNumberFormat="1" applyFont="1" applyBorder="1" applyAlignment="1">
      <alignment vertical="center" shrinkToFit="1"/>
    </xf>
    <xf numFmtId="180" fontId="2" fillId="0" borderId="66" xfId="2" applyNumberFormat="1" applyFont="1" applyBorder="1" applyAlignment="1">
      <alignment vertical="center" shrinkToFit="1"/>
    </xf>
    <xf numFmtId="180" fontId="2" fillId="0" borderId="0" xfId="2" applyNumberFormat="1" applyFont="1" applyBorder="1" applyAlignment="1">
      <alignment vertical="center" shrinkToFit="1"/>
    </xf>
    <xf numFmtId="180" fontId="2" fillId="0" borderId="67" xfId="2" applyNumberFormat="1" applyFont="1" applyBorder="1" applyAlignment="1">
      <alignment vertical="center" shrinkToFit="1"/>
    </xf>
    <xf numFmtId="180" fontId="2" fillId="0" borderId="48" xfId="2" applyNumberFormat="1" applyFont="1" applyBorder="1" applyAlignment="1">
      <alignment vertical="center" shrinkToFit="1"/>
    </xf>
    <xf numFmtId="180" fontId="2" fillId="0" borderId="8" xfId="1" applyNumberFormat="1" applyFont="1" applyFill="1" applyBorder="1" applyAlignment="1">
      <alignment vertical="center" shrinkToFit="1"/>
    </xf>
    <xf numFmtId="180" fontId="2" fillId="0" borderId="5" xfId="1" applyNumberFormat="1" applyFont="1" applyFill="1" applyBorder="1" applyAlignment="1">
      <alignment vertical="center" shrinkToFit="1"/>
    </xf>
    <xf numFmtId="180" fontId="2" fillId="0" borderId="46" xfId="1" applyNumberFormat="1" applyFont="1" applyFill="1" applyBorder="1" applyAlignment="1">
      <alignment vertical="center" shrinkToFit="1"/>
    </xf>
    <xf numFmtId="180" fontId="2" fillId="0" borderId="68" xfId="1" applyNumberFormat="1" applyFont="1" applyFill="1" applyBorder="1" applyAlignment="1">
      <alignment vertical="center" shrinkToFit="1"/>
    </xf>
    <xf numFmtId="180" fontId="2" fillId="0" borderId="5" xfId="0" applyNumberFormat="1" applyFont="1" applyBorder="1" applyAlignment="1">
      <alignment shrinkToFit="1"/>
    </xf>
    <xf numFmtId="180" fontId="2" fillId="0" borderId="38" xfId="0" applyNumberFormat="1" applyFont="1" applyBorder="1" applyAlignment="1">
      <alignment shrinkToFit="1"/>
    </xf>
    <xf numFmtId="180" fontId="2" fillId="0" borderId="39" xfId="0" applyNumberFormat="1" applyFont="1" applyBorder="1" applyAlignment="1">
      <alignment shrinkToFit="1"/>
    </xf>
    <xf numFmtId="180" fontId="2" fillId="0" borderId="8" xfId="0" applyNumberFormat="1" applyFont="1" applyBorder="1" applyAlignment="1">
      <alignment shrinkToFit="1"/>
    </xf>
    <xf numFmtId="180" fontId="2" fillId="0" borderId="46" xfId="0" applyNumberFormat="1" applyFont="1" applyBorder="1" applyAlignment="1">
      <alignment shrinkToFit="1"/>
    </xf>
    <xf numFmtId="180" fontId="2" fillId="0" borderId="68" xfId="0" applyNumberFormat="1" applyFont="1" applyBorder="1" applyAlignment="1">
      <alignment shrinkToFit="1"/>
    </xf>
    <xf numFmtId="180" fontId="2" fillId="0" borderId="56" xfId="0" applyNumberFormat="1" applyFont="1" applyBorder="1" applyAlignment="1">
      <alignment shrinkToFit="1"/>
    </xf>
    <xf numFmtId="180" fontId="2" fillId="0" borderId="53" xfId="0" applyNumberFormat="1" applyFont="1" applyBorder="1" applyAlignment="1">
      <alignment shrinkToFit="1"/>
    </xf>
    <xf numFmtId="180" fontId="2" fillId="0" borderId="8" xfId="1" applyNumberFormat="1" applyFont="1" applyFill="1" applyBorder="1" applyAlignment="1">
      <alignment shrinkToFit="1"/>
    </xf>
    <xf numFmtId="180" fontId="2" fillId="0" borderId="54" xfId="0" applyNumberFormat="1" applyFont="1" applyBorder="1" applyAlignment="1">
      <alignment shrinkToFit="1"/>
    </xf>
    <xf numFmtId="180" fontId="2" fillId="0" borderId="48" xfId="0" applyNumberFormat="1" applyFont="1" applyBorder="1" applyAlignment="1">
      <alignment shrinkToFit="1"/>
    </xf>
    <xf numFmtId="180" fontId="2" fillId="0" borderId="70" xfId="1" applyNumberFormat="1" applyFont="1" applyFill="1" applyBorder="1" applyAlignment="1">
      <alignment vertical="center" shrinkToFit="1"/>
    </xf>
    <xf numFmtId="0" fontId="2" fillId="0" borderId="31" xfId="0" applyFont="1" applyBorder="1" applyAlignment="1">
      <alignment horizontal="center" vertical="center" shrinkToFit="1"/>
    </xf>
    <xf numFmtId="179" fontId="2" fillId="0" borderId="100" xfId="0" applyNumberFormat="1" applyFont="1" applyBorder="1" applyAlignment="1">
      <alignment shrinkToFit="1"/>
    </xf>
    <xf numFmtId="179" fontId="2" fillId="0" borderId="101" xfId="0" applyNumberFormat="1" applyFont="1" applyBorder="1" applyAlignment="1">
      <alignment shrinkToFit="1"/>
    </xf>
    <xf numFmtId="179" fontId="2" fillId="0" borderId="102" xfId="0" applyNumberFormat="1" applyFont="1" applyBorder="1" applyAlignment="1">
      <alignment shrinkToFit="1"/>
    </xf>
    <xf numFmtId="179" fontId="2" fillId="0" borderId="103" xfId="0" applyNumberFormat="1" applyFont="1" applyBorder="1" applyAlignment="1">
      <alignment shrinkToFit="1"/>
    </xf>
    <xf numFmtId="179" fontId="2" fillId="0" borderId="104" xfId="0" applyNumberFormat="1" applyFont="1" applyBorder="1" applyAlignment="1">
      <alignment shrinkToFit="1"/>
    </xf>
    <xf numFmtId="0" fontId="2" fillId="0" borderId="0" xfId="0" applyFont="1" applyAlignment="1">
      <alignment vertical="center" shrinkToFit="1"/>
    </xf>
    <xf numFmtId="176" fontId="2" fillId="0" borderId="32" xfId="0" applyNumberFormat="1" applyFont="1" applyBorder="1" applyAlignment="1">
      <alignment horizontal="center" vertical="center" shrinkToFit="1"/>
    </xf>
    <xf numFmtId="179" fontId="2" fillId="0" borderId="105" xfId="0" applyNumberFormat="1" applyFont="1" applyBorder="1" applyAlignment="1">
      <alignment shrinkToFit="1"/>
    </xf>
    <xf numFmtId="179" fontId="2" fillId="0" borderId="106" xfId="0" applyNumberFormat="1" applyFont="1" applyBorder="1" applyAlignment="1">
      <alignment shrinkToFit="1"/>
    </xf>
    <xf numFmtId="179" fontId="2" fillId="0" borderId="107" xfId="0" applyNumberFormat="1" applyFont="1" applyBorder="1" applyAlignment="1">
      <alignment shrinkToFit="1"/>
    </xf>
    <xf numFmtId="179" fontId="2" fillId="0" borderId="70" xfId="0" applyNumberFormat="1" applyFont="1" applyBorder="1" applyAlignment="1">
      <alignment shrinkToFit="1"/>
    </xf>
    <xf numFmtId="179" fontId="2" fillId="0" borderId="108" xfId="0" applyNumberFormat="1" applyFont="1" applyBorder="1" applyAlignment="1">
      <alignment shrinkToFit="1"/>
    </xf>
    <xf numFmtId="179" fontId="2" fillId="0" borderId="109" xfId="0" applyNumberFormat="1" applyFont="1" applyBorder="1" applyAlignment="1">
      <alignment shrinkToFit="1"/>
    </xf>
    <xf numFmtId="0" fontId="0" fillId="0" borderId="3" xfId="0" applyBorder="1" applyAlignment="1">
      <alignment vertical="center" shrinkToFit="1"/>
    </xf>
    <xf numFmtId="180" fontId="0" fillId="0" borderId="49" xfId="1" applyNumberFormat="1" applyFont="1" applyBorder="1" applyAlignment="1">
      <alignment vertical="center" shrinkToFit="1"/>
    </xf>
    <xf numFmtId="180" fontId="0" fillId="0" borderId="42" xfId="1" applyNumberFormat="1" applyFont="1" applyBorder="1" applyAlignment="1">
      <alignment vertical="center" shrinkToFit="1"/>
    </xf>
    <xf numFmtId="180" fontId="0" fillId="0" borderId="4" xfId="1" applyNumberFormat="1" applyFont="1" applyBorder="1" applyAlignment="1">
      <alignment vertical="center" shrinkToFit="1"/>
    </xf>
    <xf numFmtId="180" fontId="0" fillId="0" borderId="97" xfId="1" applyNumberFormat="1" applyFont="1" applyBorder="1" applyAlignment="1">
      <alignment vertical="center" shrinkToFit="1"/>
    </xf>
    <xf numFmtId="180" fontId="0" fillId="0" borderId="80" xfId="1" applyNumberFormat="1" applyFont="1" applyBorder="1" applyAlignment="1">
      <alignment vertical="center" shrinkToFit="1"/>
    </xf>
    <xf numFmtId="180" fontId="0" fillId="0" borderId="59" xfId="1" applyNumberFormat="1" applyFont="1" applyBorder="1" applyAlignment="1">
      <alignment vertical="center" shrinkToFit="1"/>
    </xf>
    <xf numFmtId="180" fontId="0" fillId="0" borderId="60" xfId="1" applyNumberFormat="1" applyFont="1" applyBorder="1" applyAlignment="1">
      <alignment vertical="center" shrinkToFit="1"/>
    </xf>
    <xf numFmtId="180" fontId="0" fillId="0" borderId="57" xfId="1" applyNumberFormat="1" applyFont="1" applyBorder="1" applyAlignment="1">
      <alignment vertical="center" shrinkToFit="1"/>
    </xf>
    <xf numFmtId="0" fontId="0" fillId="0" borderId="0" xfId="0" applyAlignment="1">
      <alignment vertical="center" shrinkToFit="1"/>
    </xf>
    <xf numFmtId="0" fontId="0" fillId="0" borderId="7" xfId="0" applyBorder="1" applyAlignment="1">
      <alignment vertical="center" shrinkToFit="1"/>
    </xf>
    <xf numFmtId="180" fontId="0" fillId="0" borderId="8" xfId="1" applyNumberFormat="1" applyFont="1" applyBorder="1" applyAlignment="1">
      <alignment vertical="center" shrinkToFit="1"/>
    </xf>
    <xf numFmtId="180" fontId="0" fillId="0" borderId="5" xfId="1" applyNumberFormat="1" applyFont="1" applyBorder="1" applyAlignment="1">
      <alignment vertical="center" shrinkToFit="1"/>
    </xf>
    <xf numFmtId="180" fontId="0" fillId="0" borderId="38" xfId="1" applyNumberFormat="1" applyFont="1" applyBorder="1" applyAlignment="1">
      <alignment vertical="center" shrinkToFit="1"/>
    </xf>
    <xf numFmtId="180" fontId="0" fillId="0" borderId="53" xfId="1" applyNumberFormat="1" applyFont="1" applyBorder="1" applyAlignment="1">
      <alignment vertical="center" shrinkToFit="1"/>
    </xf>
    <xf numFmtId="180" fontId="0" fillId="0" borderId="46" xfId="1" applyNumberFormat="1" applyFont="1" applyBorder="1" applyAlignment="1">
      <alignment vertical="center" shrinkToFit="1"/>
    </xf>
    <xf numFmtId="180" fontId="0" fillId="0" borderId="48" xfId="1" applyNumberFormat="1" applyFont="1" applyBorder="1" applyAlignment="1">
      <alignment vertical="center" shrinkToFit="1"/>
    </xf>
    <xf numFmtId="180" fontId="0" fillId="0" borderId="68" xfId="1" applyNumberFormat="1" applyFont="1" applyBorder="1" applyAlignment="1">
      <alignment vertical="center" shrinkToFit="1"/>
    </xf>
    <xf numFmtId="180" fontId="0" fillId="0" borderId="56" xfId="1" applyNumberFormat="1" applyFont="1" applyBorder="1" applyAlignment="1">
      <alignment vertical="center" shrinkToFit="1"/>
    </xf>
    <xf numFmtId="186" fontId="5" fillId="0" borderId="0" xfId="0" applyNumberFormat="1" applyFont="1" applyAlignment="1">
      <alignment vertical="center"/>
    </xf>
    <xf numFmtId="0" fontId="2" fillId="0" borderId="12" xfId="0" applyFont="1" applyBorder="1" applyAlignment="1">
      <alignment horizontal="center" vertical="center"/>
    </xf>
    <xf numFmtId="179" fontId="2" fillId="0" borderId="124" xfId="0" applyNumberFormat="1" applyFont="1" applyBorder="1" applyAlignment="1">
      <alignment shrinkToFit="1"/>
    </xf>
    <xf numFmtId="179" fontId="2" fillId="0" borderId="124" xfId="0" applyNumberFormat="1" applyFont="1" applyBorder="1"/>
    <xf numFmtId="179" fontId="2" fillId="0" borderId="125" xfId="0" applyNumberFormat="1" applyFont="1" applyBorder="1" applyAlignment="1">
      <alignment shrinkToFit="1"/>
    </xf>
    <xf numFmtId="179" fontId="2" fillId="0" borderId="126" xfId="0" applyNumberFormat="1" applyFont="1" applyBorder="1" applyAlignment="1">
      <alignment shrinkToFit="1"/>
    </xf>
    <xf numFmtId="179" fontId="2" fillId="0" borderId="63" xfId="0" applyNumberFormat="1" applyFont="1" applyBorder="1" applyAlignment="1">
      <alignment shrinkToFit="1"/>
    </xf>
    <xf numFmtId="179" fontId="2" fillId="0" borderId="127" xfId="0" applyNumberFormat="1" applyFont="1" applyBorder="1"/>
    <xf numFmtId="179" fontId="2" fillId="0" borderId="128" xfId="0" applyNumberFormat="1" applyFont="1" applyBorder="1" applyAlignment="1">
      <alignment shrinkToFit="1"/>
    </xf>
    <xf numFmtId="179" fontId="2" fillId="0" borderId="129" xfId="0" applyNumberFormat="1" applyFont="1" applyBorder="1" applyAlignment="1">
      <alignment shrinkToFit="1"/>
    </xf>
    <xf numFmtId="179" fontId="2" fillId="0" borderId="129" xfId="0" applyNumberFormat="1" applyFont="1" applyBorder="1"/>
    <xf numFmtId="183" fontId="5" fillId="0" borderId="0" xfId="0" applyNumberFormat="1" applyFont="1" applyAlignment="1">
      <alignment horizontal="left" vertical="center" shrinkToFit="1"/>
    </xf>
    <xf numFmtId="0" fontId="5" fillId="0" borderId="0" xfId="0" applyFont="1" applyAlignment="1">
      <alignment horizontal="center" vertical="center"/>
    </xf>
    <xf numFmtId="0" fontId="3" fillId="0" borderId="117" xfId="0" applyFont="1" applyBorder="1" applyAlignment="1">
      <alignment horizontal="center" vertical="center"/>
    </xf>
    <xf numFmtId="0" fontId="3" fillId="0" borderId="84" xfId="0" applyFont="1" applyBorder="1" applyAlignment="1">
      <alignment horizontal="center" vertical="center"/>
    </xf>
    <xf numFmtId="0" fontId="3" fillId="0" borderId="10" xfId="0" applyFont="1" applyBorder="1" applyAlignment="1">
      <alignment horizontal="center" vertical="center"/>
    </xf>
    <xf numFmtId="0" fontId="0" fillId="0" borderId="94" xfId="0" applyBorder="1" applyAlignment="1">
      <alignment horizontal="left" vertical="center"/>
    </xf>
    <xf numFmtId="0" fontId="0" fillId="0" borderId="95" xfId="0" applyBorder="1" applyAlignment="1">
      <alignment horizontal="left" vertical="center"/>
    </xf>
    <xf numFmtId="0" fontId="2" fillId="0" borderId="1" xfId="0" applyFont="1" applyBorder="1" applyAlignment="1">
      <alignment horizontal="left" vertical="center"/>
    </xf>
    <xf numFmtId="0" fontId="2" fillId="0" borderId="84" xfId="0" applyFont="1" applyBorder="1" applyAlignment="1">
      <alignment horizontal="left" vertical="center"/>
    </xf>
    <xf numFmtId="0" fontId="2" fillId="0" borderId="10" xfId="0" applyFont="1" applyBorder="1" applyAlignment="1">
      <alignment horizontal="left" vertical="center"/>
    </xf>
    <xf numFmtId="0" fontId="2" fillId="0" borderId="1" xfId="0" applyFont="1" applyBorder="1" applyAlignment="1">
      <alignment horizontal="center" vertical="center"/>
    </xf>
    <xf numFmtId="0" fontId="2" fillId="0" borderId="84" xfId="0" applyFont="1" applyBorder="1" applyAlignment="1">
      <alignment horizontal="center" vertical="center"/>
    </xf>
    <xf numFmtId="0" fontId="2" fillId="0" borderId="10" xfId="0" applyFont="1" applyBorder="1" applyAlignment="1">
      <alignment horizontal="center" vertical="center"/>
    </xf>
    <xf numFmtId="0" fontId="2" fillId="0" borderId="92" xfId="0" applyFont="1" applyBorder="1" applyAlignment="1">
      <alignment horizontal="center" vertical="center"/>
    </xf>
    <xf numFmtId="0" fontId="2" fillId="0" borderId="75" xfId="0" applyFont="1" applyBorder="1" applyAlignment="1">
      <alignment horizontal="center" vertical="center"/>
    </xf>
    <xf numFmtId="0" fontId="2" fillId="0" borderId="93" xfId="0" applyFont="1" applyBorder="1" applyAlignment="1">
      <alignment horizontal="center" vertical="center"/>
    </xf>
    <xf numFmtId="0" fontId="2" fillId="0" borderId="3" xfId="0" applyFont="1" applyBorder="1" applyAlignment="1">
      <alignment horizontal="center" vertical="center"/>
    </xf>
    <xf numFmtId="0" fontId="2" fillId="0" borderId="57" xfId="0" applyFont="1" applyBorder="1" applyAlignment="1">
      <alignment horizontal="center" vertical="center"/>
    </xf>
    <xf numFmtId="0" fontId="2" fillId="0" borderId="59" xfId="0" applyFont="1" applyBorder="1" applyAlignment="1">
      <alignment horizontal="center" vertical="center"/>
    </xf>
    <xf numFmtId="0" fontId="0" fillId="0" borderId="99" xfId="0" applyBorder="1" applyAlignment="1">
      <alignment horizontal="center" vertical="center"/>
    </xf>
    <xf numFmtId="0" fontId="2" fillId="0" borderId="94" xfId="0" applyFont="1" applyBorder="1" applyAlignment="1">
      <alignment horizontal="center" vertical="center"/>
    </xf>
    <xf numFmtId="0" fontId="2" fillId="0" borderId="95" xfId="0" applyFont="1" applyBorder="1" applyAlignment="1">
      <alignment horizontal="center" vertical="center"/>
    </xf>
    <xf numFmtId="0" fontId="2" fillId="0" borderId="28" xfId="0" applyFont="1" applyBorder="1" applyAlignment="1">
      <alignment horizontal="center" vertical="center"/>
    </xf>
    <xf numFmtId="185" fontId="2" fillId="0" borderId="0" xfId="0" applyNumberFormat="1" applyFont="1" applyBorder="1" applyAlignment="1">
      <alignment horizontal="center" vertical="center"/>
    </xf>
    <xf numFmtId="186" fontId="5" fillId="0" borderId="0" xfId="0" applyNumberFormat="1" applyFont="1" applyBorder="1" applyAlignment="1">
      <alignment horizontal="right" vertical="center"/>
    </xf>
    <xf numFmtId="0" fontId="2" fillId="0" borderId="16" xfId="0" applyFont="1" applyBorder="1" applyAlignment="1">
      <alignment horizontal="center" vertical="center"/>
    </xf>
    <xf numFmtId="0" fontId="2" fillId="0" borderId="2" xfId="0" applyFont="1" applyBorder="1" applyAlignment="1">
      <alignment horizontal="center" vertical="center"/>
    </xf>
    <xf numFmtId="0" fontId="2" fillId="0" borderId="87" xfId="0" applyFont="1" applyBorder="1" applyAlignment="1">
      <alignment horizontal="center" vertical="center"/>
    </xf>
    <xf numFmtId="182" fontId="2" fillId="0" borderId="0" xfId="0" applyNumberFormat="1" applyFont="1" applyAlignment="1">
      <alignment horizontal="center" vertical="center"/>
    </xf>
    <xf numFmtId="0" fontId="9" fillId="0" borderId="18" xfId="3" applyFont="1" applyBorder="1" applyAlignment="1">
      <alignment horizontal="center" vertical="center"/>
    </xf>
    <xf numFmtId="0" fontId="9" fillId="0" borderId="2" xfId="3" applyFont="1" applyBorder="1" applyAlignment="1">
      <alignment horizontal="center" vertical="center"/>
    </xf>
    <xf numFmtId="0" fontId="9" fillId="0" borderId="87" xfId="3" applyFont="1" applyBorder="1" applyAlignment="1">
      <alignment horizontal="center" vertical="center"/>
    </xf>
    <xf numFmtId="0" fontId="9" fillId="0" borderId="119" xfId="3" applyFont="1" applyBorder="1" applyAlignment="1">
      <alignment horizontal="center" vertical="center"/>
    </xf>
    <xf numFmtId="0" fontId="9" fillId="0" borderId="120" xfId="3" applyFont="1" applyBorder="1" applyAlignment="1">
      <alignment horizontal="center" vertical="center"/>
    </xf>
    <xf numFmtId="0" fontId="9" fillId="0" borderId="121" xfId="3" applyFont="1" applyBorder="1" applyAlignment="1">
      <alignment horizontal="center" vertical="center"/>
    </xf>
    <xf numFmtId="0" fontId="9" fillId="0" borderId="51" xfId="3" applyFont="1" applyBorder="1" applyAlignment="1">
      <alignment horizontal="center" vertical="center"/>
    </xf>
    <xf numFmtId="0" fontId="9" fillId="0" borderId="35" xfId="3" applyFont="1" applyBorder="1" applyAlignment="1">
      <alignment horizontal="center" vertical="center"/>
    </xf>
    <xf numFmtId="0" fontId="9" fillId="0" borderId="36" xfId="3" applyFont="1" applyBorder="1" applyAlignment="1">
      <alignment horizontal="center" vertical="center"/>
    </xf>
    <xf numFmtId="0" fontId="9" fillId="0" borderId="37" xfId="3" applyFont="1" applyBorder="1" applyAlignment="1">
      <alignment horizontal="center" vertical="center"/>
    </xf>
    <xf numFmtId="0" fontId="9" fillId="0" borderId="40" xfId="3" applyFont="1" applyBorder="1" applyAlignment="1">
      <alignment horizontal="center" vertical="center"/>
    </xf>
    <xf numFmtId="0" fontId="9" fillId="0" borderId="34" xfId="3" applyFont="1" applyBorder="1" applyAlignment="1">
      <alignment horizontal="center" vertical="center"/>
    </xf>
    <xf numFmtId="0" fontId="9" fillId="0" borderId="1" xfId="3" applyFont="1" applyBorder="1" applyAlignment="1">
      <alignment horizontal="center" vertical="center"/>
    </xf>
    <xf numFmtId="0" fontId="9" fillId="0" borderId="28" xfId="3" applyFont="1" applyBorder="1" applyAlignment="1">
      <alignment horizontal="center" vertical="center"/>
    </xf>
    <xf numFmtId="0" fontId="9" fillId="0" borderId="92" xfId="3" applyFont="1" applyBorder="1" applyAlignment="1">
      <alignment horizontal="center" vertical="center"/>
    </xf>
    <xf numFmtId="0" fontId="9" fillId="0" borderId="43" xfId="3" applyFont="1" applyBorder="1" applyAlignment="1">
      <alignment horizontal="center" vertical="center"/>
    </xf>
    <xf numFmtId="0" fontId="9" fillId="0" borderId="99" xfId="3" applyFont="1" applyBorder="1" applyAlignment="1">
      <alignment horizontal="center" vertical="center"/>
    </xf>
    <xf numFmtId="0" fontId="9" fillId="0" borderId="94" xfId="3" applyFont="1" applyBorder="1" applyAlignment="1">
      <alignment horizontal="center" vertical="center"/>
    </xf>
    <xf numFmtId="0" fontId="9" fillId="0" borderId="95" xfId="3" applyFont="1" applyBorder="1" applyAlignment="1">
      <alignment horizontal="center" vertical="center"/>
    </xf>
    <xf numFmtId="0" fontId="9" fillId="0" borderId="88" xfId="3" applyFont="1" applyBorder="1" applyAlignment="1">
      <alignment horizontal="center" vertical="center"/>
    </xf>
    <xf numFmtId="0" fontId="9" fillId="0" borderId="89" xfId="3" applyFont="1" applyBorder="1" applyAlignment="1">
      <alignment horizontal="center" vertical="center"/>
    </xf>
    <xf numFmtId="0" fontId="9" fillId="0" borderId="98" xfId="3" applyFont="1" applyBorder="1" applyAlignment="1">
      <alignment horizontal="center" vertical="center"/>
    </xf>
    <xf numFmtId="0" fontId="9" fillId="0" borderId="84" xfId="3" applyFont="1" applyBorder="1" applyAlignment="1">
      <alignment horizontal="center" vertical="center"/>
    </xf>
    <xf numFmtId="0" fontId="9" fillId="0" borderId="10" xfId="3" applyFont="1" applyBorder="1" applyAlignment="1">
      <alignment horizontal="center" vertical="center"/>
    </xf>
    <xf numFmtId="0" fontId="9" fillId="0" borderId="52" xfId="3" applyFont="1" applyBorder="1" applyAlignment="1">
      <alignment horizontal="center" vertical="center"/>
    </xf>
    <xf numFmtId="182" fontId="3" fillId="0" borderId="0" xfId="0" applyNumberFormat="1" applyFont="1" applyAlignment="1">
      <alignment horizontal="center" vertical="center"/>
    </xf>
    <xf numFmtId="0" fontId="3" fillId="0" borderId="16" xfId="0" applyFont="1" applyBorder="1" applyAlignment="1">
      <alignment horizontal="center" vertical="center"/>
    </xf>
    <xf numFmtId="0" fontId="3" fillId="0" borderId="2" xfId="0" applyFont="1" applyBorder="1" applyAlignment="1">
      <alignment horizontal="center" vertical="center"/>
    </xf>
    <xf numFmtId="0" fontId="3" fillId="0" borderId="87" xfId="0" applyFont="1" applyBorder="1" applyAlignment="1">
      <alignment horizontal="center" vertical="center"/>
    </xf>
    <xf numFmtId="0" fontId="9" fillId="0" borderId="115" xfId="3" applyFont="1" applyBorder="1" applyAlignment="1">
      <alignment horizontal="center" vertical="center"/>
    </xf>
    <xf numFmtId="0" fontId="9" fillId="0" borderId="91" xfId="3" applyFont="1" applyBorder="1" applyAlignment="1">
      <alignment horizontal="center" vertical="center"/>
    </xf>
    <xf numFmtId="0" fontId="9" fillId="0" borderId="61" xfId="3" applyFont="1" applyBorder="1" applyAlignment="1">
      <alignment horizontal="center" vertical="center"/>
    </xf>
    <xf numFmtId="0" fontId="9" fillId="0" borderId="58" xfId="3" applyFont="1" applyBorder="1" applyAlignment="1">
      <alignment horizontal="center" vertical="center"/>
    </xf>
    <xf numFmtId="0" fontId="9" fillId="0" borderId="44" xfId="3" applyFont="1" applyBorder="1" applyAlignment="1">
      <alignment horizontal="center" vertical="center"/>
    </xf>
    <xf numFmtId="0" fontId="9" fillId="0" borderId="27" xfId="3" applyFont="1" applyBorder="1" applyAlignment="1">
      <alignment horizontal="center" vertical="center"/>
    </xf>
    <xf numFmtId="0" fontId="9" fillId="0" borderId="8" xfId="3" applyFont="1" applyBorder="1" applyAlignment="1">
      <alignment horizontal="center" vertical="center"/>
    </xf>
    <xf numFmtId="0" fontId="9" fillId="0" borderId="9" xfId="3" applyFont="1" applyBorder="1" applyAlignment="1">
      <alignment horizontal="center" vertical="center"/>
    </xf>
    <xf numFmtId="0" fontId="9" fillId="0" borderId="86" xfId="3" applyFont="1" applyBorder="1" applyAlignment="1">
      <alignment horizontal="center" vertical="center"/>
    </xf>
    <xf numFmtId="0" fontId="9" fillId="0" borderId="5" xfId="3" applyFont="1" applyBorder="1" applyAlignment="1">
      <alignment horizontal="center" vertical="center"/>
    </xf>
    <xf numFmtId="0" fontId="9" fillId="0" borderId="46" xfId="3" applyFont="1" applyBorder="1" applyAlignment="1">
      <alignment horizontal="center" vertical="center"/>
    </xf>
    <xf numFmtId="0" fontId="9" fillId="0" borderId="54" xfId="3" applyFont="1" applyBorder="1" applyAlignment="1">
      <alignment horizontal="center" vertical="center"/>
    </xf>
    <xf numFmtId="0" fontId="9" fillId="0" borderId="38" xfId="3" applyFont="1" applyBorder="1" applyAlignment="1">
      <alignment horizontal="center" vertical="center"/>
    </xf>
    <xf numFmtId="0" fontId="9" fillId="0" borderId="39" xfId="3" applyFont="1" applyBorder="1" applyAlignment="1">
      <alignment horizontal="center" vertical="center"/>
    </xf>
    <xf numFmtId="0" fontId="3" fillId="0" borderId="8" xfId="0" applyFont="1" applyBorder="1" applyAlignment="1">
      <alignment horizontal="center" vertical="center"/>
    </xf>
    <xf numFmtId="0" fontId="3" fillId="0" borderId="5" xfId="0" applyFont="1" applyBorder="1" applyAlignment="1">
      <alignment horizontal="center" vertical="center"/>
    </xf>
    <xf numFmtId="0" fontId="3" fillId="0" borderId="38" xfId="0" applyFont="1" applyBorder="1" applyAlignment="1">
      <alignment horizontal="center" vertical="center"/>
    </xf>
    <xf numFmtId="0" fontId="3" fillId="0" borderId="69" xfId="0" applyFont="1" applyBorder="1" applyAlignment="1">
      <alignment horizontal="center" vertical="center"/>
    </xf>
    <xf numFmtId="0" fontId="3" fillId="0" borderId="56" xfId="0" applyFont="1" applyBorder="1" applyAlignment="1">
      <alignment horizontal="center" vertical="center"/>
    </xf>
    <xf numFmtId="0" fontId="3" fillId="0" borderId="47" xfId="0" applyFont="1" applyBorder="1" applyAlignment="1">
      <alignment horizontal="center" vertical="center"/>
    </xf>
    <xf numFmtId="0" fontId="3" fillId="0" borderId="48" xfId="0" applyFont="1" applyBorder="1" applyAlignment="1">
      <alignment horizontal="center" vertical="center" wrapText="1"/>
    </xf>
    <xf numFmtId="0" fontId="3" fillId="0" borderId="29" xfId="0" applyFont="1" applyBorder="1" applyAlignment="1">
      <alignment horizontal="center" vertical="center" wrapText="1"/>
    </xf>
    <xf numFmtId="0" fontId="3" fillId="0" borderId="59" xfId="0" applyFont="1" applyBorder="1" applyAlignment="1">
      <alignment horizontal="center" vertical="center" wrapText="1"/>
    </xf>
    <xf numFmtId="0" fontId="3" fillId="0" borderId="55" xfId="0" applyFont="1" applyBorder="1" applyAlignment="1">
      <alignment horizontal="center" vertical="center"/>
    </xf>
    <xf numFmtId="0" fontId="3" fillId="0" borderId="42" xfId="0" applyFont="1" applyBorder="1" applyAlignment="1">
      <alignment horizontal="center" vertical="center"/>
    </xf>
    <xf numFmtId="0" fontId="3" fillId="0" borderId="4" xfId="0" applyFont="1" applyBorder="1" applyAlignment="1">
      <alignment horizontal="center" vertical="center"/>
    </xf>
    <xf numFmtId="0" fontId="3" fillId="0" borderId="81" xfId="0" applyFont="1" applyBorder="1" applyAlignment="1">
      <alignment horizontal="center" vertical="center"/>
    </xf>
    <xf numFmtId="0" fontId="3" fillId="0" borderId="57" xfId="0" applyFont="1" applyBorder="1" applyAlignment="1">
      <alignment horizontal="center" vertical="center"/>
    </xf>
    <xf numFmtId="0" fontId="3" fillId="0" borderId="82" xfId="0" applyFont="1" applyBorder="1" applyAlignment="1">
      <alignment horizontal="center" vertical="center"/>
    </xf>
    <xf numFmtId="0" fontId="3" fillId="0" borderId="56" xfId="0" applyFont="1" applyBorder="1" applyAlignment="1">
      <alignment horizontal="center" vertical="center" wrapText="1"/>
    </xf>
    <xf numFmtId="0" fontId="3" fillId="0" borderId="83" xfId="0" applyFont="1" applyBorder="1" applyAlignment="1">
      <alignment horizontal="center" vertical="center" wrapText="1"/>
    </xf>
    <xf numFmtId="0" fontId="3" fillId="0" borderId="49" xfId="0" applyFont="1" applyBorder="1" applyAlignment="1">
      <alignment horizontal="center" vertical="center"/>
    </xf>
    <xf numFmtId="0" fontId="3" fillId="0" borderId="1" xfId="0" applyFont="1" applyBorder="1" applyAlignment="1">
      <alignment vertical="center"/>
    </xf>
    <xf numFmtId="0" fontId="3" fillId="0" borderId="84" xfId="0" applyFont="1" applyBorder="1" applyAlignment="1">
      <alignment vertical="center"/>
    </xf>
    <xf numFmtId="0" fontId="3" fillId="0" borderId="10" xfId="0" applyFont="1" applyBorder="1" applyAlignment="1">
      <alignment vertical="center"/>
    </xf>
    <xf numFmtId="0" fontId="3" fillId="0" borderId="1" xfId="0" applyFont="1" applyBorder="1" applyAlignment="1">
      <alignment horizontal="center" vertical="center"/>
    </xf>
    <xf numFmtId="0" fontId="3" fillId="0" borderId="3" xfId="0" applyFont="1" applyBorder="1" applyAlignment="1">
      <alignment horizontal="center" vertical="center"/>
    </xf>
    <xf numFmtId="0" fontId="3" fillId="0" borderId="59" xfId="0" applyFont="1" applyBorder="1" applyAlignment="1">
      <alignment horizontal="center" vertical="center"/>
    </xf>
    <xf numFmtId="0" fontId="3" fillId="0" borderId="99" xfId="0" applyFont="1" applyBorder="1" applyAlignment="1">
      <alignment horizontal="center" vertical="center"/>
    </xf>
    <xf numFmtId="0" fontId="3" fillId="0" borderId="94" xfId="0" applyFont="1" applyBorder="1" applyAlignment="1">
      <alignment horizontal="center" vertical="center"/>
    </xf>
    <xf numFmtId="0" fontId="3" fillId="0" borderId="95" xfId="0" applyFont="1" applyBorder="1" applyAlignment="1">
      <alignment horizontal="center" vertical="center"/>
    </xf>
    <xf numFmtId="0" fontId="0" fillId="0" borderId="1" xfId="0" applyFont="1" applyBorder="1" applyAlignment="1">
      <alignment vertical="center"/>
    </xf>
    <xf numFmtId="0" fontId="3" fillId="0" borderId="88" xfId="0" applyFont="1" applyBorder="1" applyAlignment="1">
      <alignment horizontal="center" vertical="center"/>
    </xf>
    <xf numFmtId="0" fontId="3" fillId="0" borderId="89" xfId="0" applyFont="1" applyBorder="1" applyAlignment="1">
      <alignment horizontal="center" vertical="center"/>
    </xf>
    <xf numFmtId="0" fontId="3" fillId="0" borderId="85" xfId="0" applyFont="1" applyBorder="1" applyAlignment="1">
      <alignment horizontal="center" vertical="center"/>
    </xf>
    <xf numFmtId="0" fontId="0" fillId="0" borderId="84" xfId="0" applyBorder="1" applyAlignment="1"/>
    <xf numFmtId="0" fontId="0" fillId="0" borderId="10" xfId="0" applyBorder="1" applyAlignment="1"/>
    <xf numFmtId="0" fontId="3" fillId="0" borderId="57" xfId="0" applyFont="1" applyBorder="1" applyAlignment="1">
      <alignment horizontal="center" vertical="center" wrapText="1"/>
    </xf>
    <xf numFmtId="182" fontId="3" fillId="0" borderId="0" xfId="0" applyNumberFormat="1" applyFont="1" applyAlignment="1">
      <alignment horizontal="left" vertical="center"/>
    </xf>
    <xf numFmtId="0" fontId="3" fillId="0" borderId="96" xfId="0" applyFont="1" applyBorder="1" applyAlignment="1">
      <alignment horizontal="center" vertical="center"/>
    </xf>
    <xf numFmtId="0" fontId="3" fillId="0" borderId="90" xfId="0" applyFont="1" applyBorder="1" applyAlignment="1">
      <alignment horizontal="center" vertical="center"/>
    </xf>
    <xf numFmtId="0" fontId="3" fillId="0" borderId="53" xfId="0" applyFont="1" applyBorder="1" applyAlignment="1">
      <alignment horizontal="center" vertical="center"/>
    </xf>
    <xf numFmtId="0" fontId="3" fillId="0" borderId="46" xfId="0" applyFont="1" applyBorder="1" applyAlignment="1">
      <alignment horizontal="center" vertical="center"/>
    </xf>
    <xf numFmtId="0" fontId="3" fillId="0" borderId="39" xfId="0" applyFont="1" applyBorder="1" applyAlignment="1">
      <alignment horizontal="center" vertical="center"/>
    </xf>
    <xf numFmtId="0" fontId="3" fillId="0" borderId="97" xfId="0" applyFont="1" applyBorder="1" applyAlignment="1">
      <alignment horizontal="center" vertical="center"/>
    </xf>
    <xf numFmtId="0" fontId="3" fillId="0" borderId="80" xfId="0" applyFont="1" applyBorder="1" applyAlignment="1">
      <alignment horizontal="center" vertical="center"/>
    </xf>
    <xf numFmtId="0" fontId="3" fillId="0" borderId="28" xfId="0" applyFont="1" applyBorder="1" applyAlignment="1">
      <alignment horizontal="center" vertical="center"/>
    </xf>
    <xf numFmtId="0" fontId="3" fillId="0" borderId="0" xfId="0" applyFont="1" applyBorder="1" applyAlignment="1">
      <alignment horizontal="center" vertical="center"/>
    </xf>
    <xf numFmtId="0" fontId="3" fillId="0" borderId="123" xfId="0" applyFont="1" applyBorder="1" applyAlignment="1">
      <alignment horizontal="center" vertical="center"/>
    </xf>
    <xf numFmtId="0" fontId="3" fillId="0" borderId="28" xfId="0" applyFont="1" applyFill="1" applyBorder="1" applyAlignment="1">
      <alignment horizontal="center" vertical="center"/>
    </xf>
    <xf numFmtId="0" fontId="3" fillId="0" borderId="0" xfId="0" applyFont="1" applyFill="1" applyBorder="1" applyAlignment="1">
      <alignment horizontal="center" vertical="center"/>
    </xf>
    <xf numFmtId="0" fontId="3" fillId="0" borderId="123"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57" xfId="0" applyFont="1" applyFill="1" applyBorder="1" applyAlignment="1">
      <alignment horizontal="center" vertical="center"/>
    </xf>
    <xf numFmtId="0" fontId="3" fillId="0" borderId="59" xfId="0" applyFont="1" applyFill="1" applyBorder="1" applyAlignment="1">
      <alignment horizontal="center" vertical="center"/>
    </xf>
    <xf numFmtId="0" fontId="0" fillId="0" borderId="1" xfId="0" applyBorder="1" applyAlignment="1">
      <alignment horizontal="center" vertical="center"/>
    </xf>
    <xf numFmtId="0" fontId="0" fillId="0" borderId="84" xfId="0" applyBorder="1" applyAlignment="1">
      <alignment horizontal="center" vertical="center"/>
    </xf>
    <xf numFmtId="0" fontId="0" fillId="0" borderId="10" xfId="0" applyBorder="1" applyAlignment="1">
      <alignment horizontal="center" vertical="center"/>
    </xf>
    <xf numFmtId="0" fontId="0" fillId="0" borderId="3" xfId="0" applyBorder="1" applyAlignment="1">
      <alignment horizontal="center" vertical="center"/>
    </xf>
    <xf numFmtId="0" fontId="0" fillId="0" borderId="57" xfId="0" applyBorder="1" applyAlignment="1">
      <alignment horizontal="center" vertical="center"/>
    </xf>
    <xf numFmtId="0" fontId="0" fillId="0" borderId="59" xfId="0" applyBorder="1" applyAlignment="1">
      <alignment horizontal="center" vertical="center"/>
    </xf>
    <xf numFmtId="0" fontId="3" fillId="0" borderId="1" xfId="0" applyFont="1" applyFill="1" applyBorder="1" applyAlignment="1">
      <alignment horizontal="center" vertical="center"/>
    </xf>
    <xf numFmtId="0" fontId="3" fillId="0" borderId="84" xfId="0" applyFont="1" applyFill="1" applyBorder="1" applyAlignment="1">
      <alignment horizontal="center" vertical="center"/>
    </xf>
    <xf numFmtId="0" fontId="3" fillId="0" borderId="10" xfId="0" applyFont="1" applyFill="1" applyBorder="1" applyAlignment="1">
      <alignment horizontal="center" vertical="center"/>
    </xf>
    <xf numFmtId="0" fontId="0" fillId="0" borderId="1" xfId="0" applyFill="1" applyBorder="1" applyAlignment="1">
      <alignment horizontal="center" vertical="center"/>
    </xf>
    <xf numFmtId="0" fontId="0" fillId="0" borderId="84" xfId="0" applyFill="1" applyBorder="1" applyAlignment="1">
      <alignment horizontal="center" vertical="center"/>
    </xf>
    <xf numFmtId="0" fontId="0" fillId="0" borderId="10" xfId="0" applyFill="1" applyBorder="1" applyAlignment="1">
      <alignment horizontal="center" vertical="center"/>
    </xf>
    <xf numFmtId="0" fontId="0" fillId="0" borderId="3" xfId="0" applyFill="1" applyBorder="1" applyAlignment="1">
      <alignment horizontal="center" vertical="center"/>
    </xf>
    <xf numFmtId="0" fontId="0" fillId="0" borderId="57" xfId="0" applyFill="1" applyBorder="1" applyAlignment="1">
      <alignment horizontal="center" vertical="center"/>
    </xf>
    <xf numFmtId="0" fontId="0" fillId="0" borderId="59" xfId="0" applyFill="1" applyBorder="1" applyAlignment="1">
      <alignment horizontal="center" vertical="center"/>
    </xf>
    <xf numFmtId="0" fontId="3" fillId="0" borderId="1" xfId="0" applyFont="1" applyBorder="1" applyAlignment="1">
      <alignment horizontal="left" vertical="center"/>
    </xf>
    <xf numFmtId="0" fontId="3" fillId="0" borderId="84" xfId="0" applyFont="1" applyBorder="1" applyAlignment="1">
      <alignment horizontal="left" vertical="center"/>
    </xf>
    <xf numFmtId="0" fontId="3" fillId="0" borderId="10" xfId="0" applyFont="1" applyBorder="1" applyAlignment="1">
      <alignment horizontal="left" vertical="center"/>
    </xf>
    <xf numFmtId="182" fontId="3" fillId="0" borderId="0" xfId="0" applyNumberFormat="1" applyFont="1" applyBorder="1" applyAlignment="1">
      <alignment horizontal="center" vertical="center"/>
    </xf>
    <xf numFmtId="0" fontId="0" fillId="0" borderId="1" xfId="0" applyFont="1" applyBorder="1" applyAlignment="1">
      <alignment horizontal="center" vertical="center"/>
    </xf>
    <xf numFmtId="0" fontId="0" fillId="0" borderId="84" xfId="0" applyFont="1" applyBorder="1" applyAlignment="1">
      <alignment horizontal="center" vertical="center"/>
    </xf>
    <xf numFmtId="0" fontId="0" fillId="0" borderId="10" xfId="0" applyFont="1" applyBorder="1" applyAlignment="1">
      <alignment horizontal="center" vertical="center"/>
    </xf>
    <xf numFmtId="0" fontId="0" fillId="0" borderId="3" xfId="0" applyFont="1" applyBorder="1" applyAlignment="1">
      <alignment horizontal="center" vertical="center"/>
    </xf>
    <xf numFmtId="0" fontId="0" fillId="0" borderId="57" xfId="0" applyFont="1" applyBorder="1" applyAlignment="1">
      <alignment horizontal="center" vertical="center"/>
    </xf>
    <xf numFmtId="0" fontId="0" fillId="0" borderId="59" xfId="0" applyFont="1" applyBorder="1" applyAlignment="1">
      <alignment horizontal="center" vertical="center"/>
    </xf>
    <xf numFmtId="0" fontId="3" fillId="0" borderId="29" xfId="0" applyFont="1" applyBorder="1" applyAlignment="1">
      <alignment horizontal="center" vertical="center"/>
    </xf>
    <xf numFmtId="0" fontId="3" fillId="0" borderId="71" xfId="0" applyFont="1" applyBorder="1" applyAlignment="1">
      <alignment horizontal="center" vertical="center"/>
    </xf>
    <xf numFmtId="0" fontId="3" fillId="0" borderId="40" xfId="0" applyFont="1" applyBorder="1" applyAlignment="1">
      <alignment horizontal="center" vertical="center"/>
    </xf>
    <xf numFmtId="0" fontId="3" fillId="0" borderId="30" xfId="0" applyFont="1" applyBorder="1" applyAlignment="1">
      <alignment horizontal="center" vertical="center"/>
    </xf>
    <xf numFmtId="0" fontId="3" fillId="0" borderId="116" xfId="0" applyFont="1" applyBorder="1" applyAlignment="1">
      <alignment horizontal="center" vertical="center"/>
    </xf>
    <xf numFmtId="0" fontId="3" fillId="0" borderId="91" xfId="0" applyFont="1" applyBorder="1" applyAlignment="1">
      <alignment horizontal="center" vertical="center"/>
    </xf>
    <xf numFmtId="182" fontId="2" fillId="0" borderId="0" xfId="0" applyNumberFormat="1"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9" xfId="0" applyFont="1" applyBorder="1" applyAlignment="1">
      <alignment horizontal="center" vertical="center"/>
    </xf>
    <xf numFmtId="0" fontId="3" fillId="0" borderId="84" xfId="0" applyFont="1" applyBorder="1" applyAlignment="1">
      <alignment vertical="top"/>
    </xf>
    <xf numFmtId="0" fontId="3" fillId="0" borderId="0" xfId="0" applyFont="1" applyBorder="1" applyAlignment="1">
      <alignment vertical="top"/>
    </xf>
    <xf numFmtId="0" fontId="3" fillId="0" borderId="57" xfId="0" applyFont="1" applyBorder="1" applyAlignment="1">
      <alignment vertical="top"/>
    </xf>
    <xf numFmtId="0" fontId="3" fillId="0" borderId="16" xfId="0" applyFont="1" applyBorder="1" applyAlignment="1">
      <alignment vertical="center"/>
    </xf>
    <xf numFmtId="0" fontId="3" fillId="0" borderId="2" xfId="0" applyFont="1" applyBorder="1" applyAlignment="1">
      <alignment vertical="center"/>
    </xf>
    <xf numFmtId="0" fontId="3" fillId="0" borderId="87" xfId="0" applyFont="1" applyBorder="1" applyAlignment="1">
      <alignment vertical="center"/>
    </xf>
    <xf numFmtId="0" fontId="3" fillId="0" borderId="34" xfId="0" applyFont="1" applyBorder="1" applyAlignment="1">
      <alignment horizontal="center" vertical="center"/>
    </xf>
    <xf numFmtId="0" fontId="3" fillId="0" borderId="35" xfId="0" applyFont="1" applyBorder="1" applyAlignment="1">
      <alignment horizontal="center" vertical="center"/>
    </xf>
    <xf numFmtId="0" fontId="3" fillId="0" borderId="86" xfId="0" applyFont="1" applyBorder="1" applyAlignment="1">
      <alignment horizontal="center" vertical="center"/>
    </xf>
    <xf numFmtId="0" fontId="3" fillId="0" borderId="9" xfId="0" applyFont="1" applyBorder="1" applyAlignment="1">
      <alignment horizontal="center" vertical="center"/>
    </xf>
    <xf numFmtId="0" fontId="3" fillId="0" borderId="12" xfId="0" applyFont="1" applyBorder="1" applyAlignment="1">
      <alignment horizontal="center" vertical="center"/>
    </xf>
    <xf numFmtId="0" fontId="3" fillId="0" borderId="41" xfId="0" applyFont="1" applyBorder="1" applyAlignment="1">
      <alignment horizontal="center" vertical="center"/>
    </xf>
    <xf numFmtId="0" fontId="3" fillId="0" borderId="78" xfId="0" applyFont="1" applyBorder="1" applyAlignment="1">
      <alignment horizontal="center" vertical="center"/>
    </xf>
    <xf numFmtId="0" fontId="3" fillId="0" borderId="7" xfId="0" applyFont="1" applyBorder="1" applyAlignment="1">
      <alignment horizontal="center" vertical="center"/>
    </xf>
    <xf numFmtId="0" fontId="3" fillId="0" borderId="119" xfId="0" applyFont="1" applyBorder="1" applyAlignment="1">
      <alignment horizontal="center" vertical="center"/>
    </xf>
    <xf numFmtId="0" fontId="3" fillId="0" borderId="120" xfId="0" applyFont="1" applyBorder="1" applyAlignment="1">
      <alignment horizontal="center" vertical="center"/>
    </xf>
    <xf numFmtId="0" fontId="3" fillId="0" borderId="121" xfId="0" applyFont="1" applyBorder="1" applyAlignment="1">
      <alignment horizontal="center" vertical="center"/>
    </xf>
    <xf numFmtId="0" fontId="0" fillId="0" borderId="119" xfId="0" applyFont="1" applyBorder="1" applyAlignment="1">
      <alignment horizontal="center" vertical="center"/>
    </xf>
    <xf numFmtId="0" fontId="3" fillId="0" borderId="48"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2" fillId="0" borderId="19" xfId="0" applyFont="1" applyBorder="1" applyAlignment="1">
      <alignment horizontal="center" vertical="center"/>
    </xf>
    <xf numFmtId="0" fontId="2" fillId="0" borderId="84" xfId="0" applyFont="1" applyBorder="1" applyAlignment="1">
      <alignment vertical="top"/>
    </xf>
    <xf numFmtId="0" fontId="2" fillId="0" borderId="0" xfId="0" applyFont="1" applyBorder="1" applyAlignment="1">
      <alignment vertical="top"/>
    </xf>
    <xf numFmtId="0" fontId="2" fillId="0" borderId="57" xfId="0" applyFont="1" applyBorder="1" applyAlignment="1">
      <alignment vertical="top"/>
    </xf>
    <xf numFmtId="0" fontId="2" fillId="0" borderId="84" xfId="0" applyFont="1" applyBorder="1" applyAlignment="1">
      <alignment vertical="center"/>
    </xf>
    <xf numFmtId="0" fontId="2" fillId="0" borderId="10" xfId="0" applyFont="1" applyBorder="1" applyAlignment="1">
      <alignment vertical="center"/>
    </xf>
    <xf numFmtId="0" fontId="2" fillId="0" borderId="16" xfId="0" applyFont="1" applyBorder="1" applyAlignment="1">
      <alignment vertical="center"/>
    </xf>
    <xf numFmtId="0" fontId="2" fillId="0" borderId="2" xfId="0" applyFont="1" applyBorder="1" applyAlignment="1">
      <alignment vertical="center"/>
    </xf>
    <xf numFmtId="0" fontId="2" fillId="0" borderId="87" xfId="0" applyFont="1" applyBorder="1" applyAlignment="1">
      <alignment vertical="center"/>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86" xfId="0" applyFont="1" applyBorder="1" applyAlignment="1">
      <alignment horizontal="center" vertical="center"/>
    </xf>
    <xf numFmtId="0" fontId="2" fillId="0" borderId="9" xfId="0" applyFont="1" applyBorder="1" applyAlignment="1">
      <alignment horizontal="center" vertical="center"/>
    </xf>
    <xf numFmtId="0" fontId="2" fillId="0" borderId="12" xfId="0" applyFont="1" applyBorder="1" applyAlignment="1">
      <alignment horizontal="center" vertical="center"/>
    </xf>
    <xf numFmtId="0" fontId="2" fillId="0" borderId="41" xfId="0" applyFont="1" applyBorder="1" applyAlignment="1">
      <alignment horizontal="center" vertical="center"/>
    </xf>
    <xf numFmtId="0" fontId="2" fillId="0" borderId="119" xfId="0" applyFont="1" applyBorder="1" applyAlignment="1">
      <alignment horizontal="center" vertical="center"/>
    </xf>
    <xf numFmtId="0" fontId="2" fillId="0" borderId="120" xfId="0" applyFont="1" applyBorder="1" applyAlignment="1">
      <alignment horizontal="center" vertical="center"/>
    </xf>
    <xf numFmtId="0" fontId="2" fillId="0" borderId="121" xfId="0" applyFont="1" applyBorder="1" applyAlignment="1">
      <alignment horizontal="center" vertical="center"/>
    </xf>
    <xf numFmtId="0" fontId="2" fillId="0" borderId="99" xfId="0" applyFont="1" applyBorder="1" applyAlignment="1">
      <alignment horizontal="center" vertical="center"/>
    </xf>
    <xf numFmtId="0" fontId="2" fillId="0" borderId="3" xfId="0" applyFont="1" applyFill="1" applyBorder="1" applyAlignment="1">
      <alignment horizontal="center" vertical="center"/>
    </xf>
    <xf numFmtId="0" fontId="2" fillId="0" borderId="57" xfId="0" applyFont="1" applyFill="1" applyBorder="1" applyAlignment="1">
      <alignment horizontal="center" vertical="center"/>
    </xf>
    <xf numFmtId="0" fontId="2" fillId="0" borderId="59" xfId="0" applyFont="1" applyFill="1" applyBorder="1" applyAlignment="1">
      <alignment horizontal="center" vertical="center"/>
    </xf>
    <xf numFmtId="0" fontId="2" fillId="0" borderId="56" xfId="0" applyFont="1" applyBorder="1" applyAlignment="1">
      <alignment horizontal="center" vertical="center"/>
    </xf>
    <xf numFmtId="0" fontId="2" fillId="0" borderId="69" xfId="0" applyFont="1" applyBorder="1" applyAlignment="1">
      <alignment horizontal="center" vertical="center"/>
    </xf>
    <xf numFmtId="0" fontId="2" fillId="0" borderId="78" xfId="0" applyFont="1" applyBorder="1" applyAlignment="1">
      <alignment horizontal="center" vertical="center"/>
    </xf>
    <xf numFmtId="0" fontId="2" fillId="0" borderId="7" xfId="0" applyFont="1" applyBorder="1" applyAlignment="1">
      <alignment horizontal="center" vertical="center"/>
    </xf>
    <xf numFmtId="0" fontId="2" fillId="0" borderId="47" xfId="0" applyFont="1" applyBorder="1" applyAlignment="1">
      <alignment horizontal="center" vertical="center"/>
    </xf>
    <xf numFmtId="0" fontId="2" fillId="0" borderId="97" xfId="0" applyFont="1" applyBorder="1" applyAlignment="1">
      <alignment horizontal="center" vertical="center"/>
    </xf>
    <xf numFmtId="0" fontId="2" fillId="0" borderId="42" xfId="0" applyFont="1" applyBorder="1" applyAlignment="1">
      <alignment horizontal="center" vertical="center"/>
    </xf>
    <xf numFmtId="0" fontId="2" fillId="0" borderId="80" xfId="0" applyFont="1" applyBorder="1" applyAlignment="1">
      <alignment horizontal="center" vertical="center"/>
    </xf>
    <xf numFmtId="0" fontId="2" fillId="0" borderId="39" xfId="0" applyFont="1" applyBorder="1" applyAlignment="1">
      <alignment horizontal="center" vertical="center"/>
    </xf>
    <xf numFmtId="0" fontId="2" fillId="0" borderId="40" xfId="0" applyFont="1" applyBorder="1" applyAlignment="1">
      <alignment horizontal="center" vertical="center"/>
    </xf>
    <xf numFmtId="0" fontId="2" fillId="0" borderId="82" xfId="0" applyFont="1" applyBorder="1" applyAlignment="1">
      <alignment horizontal="center" vertical="center"/>
    </xf>
    <xf numFmtId="0" fontId="2" fillId="0" borderId="81" xfId="0" applyFont="1" applyBorder="1" applyAlignment="1">
      <alignment horizontal="center" vertical="center"/>
    </xf>
    <xf numFmtId="0" fontId="2" fillId="0" borderId="30" xfId="0" applyFont="1" applyBorder="1" applyAlignment="1">
      <alignment horizontal="center" vertical="center"/>
    </xf>
    <xf numFmtId="0" fontId="2" fillId="0" borderId="49" xfId="0" applyFont="1" applyBorder="1" applyAlignment="1">
      <alignment horizontal="center" vertical="center"/>
    </xf>
    <xf numFmtId="0" fontId="2" fillId="0" borderId="4" xfId="0" applyFont="1" applyBorder="1" applyAlignment="1">
      <alignment horizontal="center" vertical="center"/>
    </xf>
    <xf numFmtId="0" fontId="2" fillId="0" borderId="8" xfId="0" applyFont="1" applyBorder="1" applyAlignment="1">
      <alignment horizontal="center" vertical="center"/>
    </xf>
    <xf numFmtId="0" fontId="2" fillId="0" borderId="5" xfId="0" applyFont="1" applyBorder="1" applyAlignment="1">
      <alignment horizontal="center" vertical="center"/>
    </xf>
    <xf numFmtId="0" fontId="2" fillId="0" borderId="38" xfId="0" applyFont="1" applyBorder="1" applyAlignment="1">
      <alignment horizontal="center" vertical="center"/>
    </xf>
    <xf numFmtId="0" fontId="2" fillId="0" borderId="53" xfId="0" applyFont="1" applyBorder="1" applyAlignment="1">
      <alignment horizontal="center" vertical="center"/>
    </xf>
    <xf numFmtId="0" fontId="2" fillId="0" borderId="46" xfId="0" applyFont="1" applyBorder="1" applyAlignment="1">
      <alignment horizontal="center" vertical="center"/>
    </xf>
    <xf numFmtId="0" fontId="2" fillId="0" borderId="96" xfId="0" applyFont="1" applyBorder="1" applyAlignment="1">
      <alignment horizontal="center" vertical="center"/>
    </xf>
    <xf numFmtId="0" fontId="2" fillId="0" borderId="116" xfId="0" applyFont="1" applyBorder="1" applyAlignment="1">
      <alignment horizontal="center" vertical="center"/>
    </xf>
    <xf numFmtId="0" fontId="2" fillId="0" borderId="91" xfId="0" applyFont="1" applyBorder="1" applyAlignment="1">
      <alignment horizontal="center" vertical="center"/>
    </xf>
    <xf numFmtId="0" fontId="2" fillId="0" borderId="71" xfId="0" applyFont="1" applyBorder="1" applyAlignment="1">
      <alignment horizontal="center" vertical="center"/>
    </xf>
    <xf numFmtId="0" fontId="0" fillId="0" borderId="30" xfId="0" applyBorder="1" applyAlignment="1">
      <alignment horizontal="center" vertical="center"/>
    </xf>
    <xf numFmtId="0" fontId="0" fillId="0" borderId="49" xfId="0" applyBorder="1" applyAlignment="1">
      <alignment horizontal="center" vertical="center"/>
    </xf>
    <xf numFmtId="0" fontId="0" fillId="0" borderId="42" xfId="0" applyBorder="1" applyAlignment="1">
      <alignment horizontal="center" vertical="center"/>
    </xf>
    <xf numFmtId="0" fontId="0" fillId="0" borderId="4" xfId="0" applyBorder="1" applyAlignment="1">
      <alignment horizontal="center" vertical="center"/>
    </xf>
    <xf numFmtId="0" fontId="0" fillId="0" borderId="97" xfId="0" applyBorder="1" applyAlignment="1">
      <alignment horizontal="center" vertical="center"/>
    </xf>
    <xf numFmtId="0" fontId="0" fillId="0" borderId="80" xfId="0" applyBorder="1" applyAlignment="1">
      <alignment horizontal="center" vertical="center"/>
    </xf>
    <xf numFmtId="0" fontId="0" fillId="0" borderId="8" xfId="0" applyBorder="1" applyAlignment="1">
      <alignment horizontal="center" vertical="center"/>
    </xf>
    <xf numFmtId="0" fontId="0" fillId="0" borderId="5" xfId="0" applyBorder="1" applyAlignment="1">
      <alignment horizontal="center" vertical="center"/>
    </xf>
    <xf numFmtId="0" fontId="0" fillId="0" borderId="38" xfId="0" applyBorder="1" applyAlignment="1">
      <alignment horizontal="center" vertical="center"/>
    </xf>
    <xf numFmtId="0" fontId="0" fillId="0" borderId="53" xfId="0" applyBorder="1" applyAlignment="1">
      <alignment horizontal="center" vertical="center"/>
    </xf>
    <xf numFmtId="0" fontId="0" fillId="0" borderId="46" xfId="0" applyBorder="1" applyAlignment="1">
      <alignment horizontal="center" vertical="center"/>
    </xf>
    <xf numFmtId="0" fontId="0" fillId="0" borderId="56" xfId="0" applyBorder="1" applyAlignment="1">
      <alignment horizontal="center" vertical="center"/>
    </xf>
    <xf numFmtId="0" fontId="0" fillId="0" borderId="71" xfId="0" applyBorder="1" applyAlignment="1">
      <alignment horizontal="center" vertical="center"/>
    </xf>
    <xf numFmtId="0" fontId="0" fillId="0" borderId="27" xfId="0" applyBorder="1" applyAlignment="1">
      <alignment horizontal="center" vertical="center"/>
    </xf>
    <xf numFmtId="0" fontId="0" fillId="0" borderId="7" xfId="0" applyBorder="1" applyAlignment="1">
      <alignment horizontal="center" vertical="center"/>
    </xf>
    <xf numFmtId="0" fontId="0" fillId="0" borderId="14" xfId="0" applyBorder="1" applyAlignment="1">
      <alignment horizontal="center" vertical="center"/>
    </xf>
    <xf numFmtId="0" fontId="0" fillId="0" borderId="119" xfId="0" applyBorder="1" applyAlignment="1">
      <alignment horizontal="center" vertical="center"/>
    </xf>
    <xf numFmtId="0" fontId="0" fillId="0" borderId="120" xfId="0" applyBorder="1" applyAlignment="1">
      <alignment horizontal="center" vertical="center"/>
    </xf>
    <xf numFmtId="0" fontId="0" fillId="0" borderId="121" xfId="0" applyBorder="1" applyAlignment="1">
      <alignment horizontal="center" vertical="center"/>
    </xf>
    <xf numFmtId="0" fontId="0" fillId="0" borderId="48" xfId="0" applyBorder="1" applyAlignment="1">
      <alignment horizontal="center" vertical="center"/>
    </xf>
    <xf numFmtId="0" fontId="0" fillId="0" borderId="34" xfId="0" applyBorder="1" applyAlignment="1">
      <alignment horizontal="center" vertical="center"/>
    </xf>
    <xf numFmtId="0" fontId="0" fillId="0" borderId="35" xfId="0" applyBorder="1" applyAlignment="1">
      <alignment horizontal="center" vertical="center"/>
    </xf>
    <xf numFmtId="0" fontId="0" fillId="0" borderId="86" xfId="0" applyBorder="1" applyAlignment="1">
      <alignment horizontal="center" vertical="center"/>
    </xf>
    <xf numFmtId="0" fontId="0" fillId="0" borderId="9" xfId="0" applyBorder="1" applyAlignment="1">
      <alignment horizontal="center" vertical="center"/>
    </xf>
    <xf numFmtId="0" fontId="0" fillId="0" borderId="12" xfId="0" applyBorder="1" applyAlignment="1">
      <alignment horizontal="center" vertical="center"/>
    </xf>
    <xf numFmtId="0" fontId="0" fillId="0" borderId="41" xfId="0" applyBorder="1" applyAlignment="1">
      <alignment horizontal="center" vertical="center"/>
    </xf>
    <xf numFmtId="0" fontId="0" fillId="0" borderId="1" xfId="0" applyBorder="1" applyAlignment="1">
      <alignment horizontal="left" vertical="center"/>
    </xf>
    <xf numFmtId="0" fontId="0" fillId="0" borderId="84" xfId="0" applyBorder="1" applyAlignment="1">
      <alignment horizontal="left" vertical="center"/>
    </xf>
    <xf numFmtId="0" fontId="0" fillId="0" borderId="10" xfId="0" applyBorder="1" applyAlignment="1">
      <alignment horizontal="left" vertical="center"/>
    </xf>
    <xf numFmtId="0" fontId="0" fillId="0" borderId="122" xfId="0" applyBorder="1" applyAlignment="1">
      <alignment horizontal="center" vertical="center"/>
    </xf>
    <xf numFmtId="38" fontId="10" fillId="0" borderId="0" xfId="4" applyFont="1" applyAlignment="1">
      <alignment vertical="center"/>
    </xf>
    <xf numFmtId="183" fontId="5" fillId="0" borderId="0" xfId="0" applyNumberFormat="1" applyFont="1" applyBorder="1" applyAlignment="1">
      <alignment horizontal="left" vertical="center" shrinkToFit="1"/>
    </xf>
  </cellXfs>
  <cellStyles count="5">
    <cellStyle name="桁区切り" xfId="1" builtinId="6"/>
    <cellStyle name="桁区切り 2" xfId="4"/>
    <cellStyle name="標準" xfId="0" builtinId="0"/>
    <cellStyle name="標準 2" xfId="3"/>
    <cellStyle name="標準_Sheet1"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worksheet" Target="worksheets/sheet25.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29"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worksheet" Target="worksheets/sheet24.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worksheet" Target="worksheets/sheet23.xml"/><Relationship Id="rId28" Type="http://schemas.openxmlformats.org/officeDocument/2006/relationships/sharedStrings" Target="sharedStrings.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23.xml.rels><?xml version="1.0" encoding="UTF-8" standalone="yes"?>
<Relationships xmlns="http://schemas.openxmlformats.org/package/2006/relationships"><Relationship Id="rId1" Type="http://schemas.openxmlformats.org/officeDocument/2006/relationships/printerSettings" Target="../printerSettings/printerSettings23.bin"/></Relationships>
</file>

<file path=xl/worksheets/_rels/sheet24.xml.rels><?xml version="1.0" encoding="UTF-8" standalone="yes"?>
<Relationships xmlns="http://schemas.openxmlformats.org/package/2006/relationships"><Relationship Id="rId1" Type="http://schemas.openxmlformats.org/officeDocument/2006/relationships/printerSettings" Target="../printerSettings/printerSettings24.bin"/></Relationships>
</file>

<file path=xl/worksheets/_rels/sheet25.xml.rels><?xml version="1.0" encoding="UTF-8" standalone="yes"?>
<Relationships xmlns="http://schemas.openxmlformats.org/package/2006/relationships"><Relationship Id="rId1" Type="http://schemas.openxmlformats.org/officeDocument/2006/relationships/printerSettings" Target="../printerSettings/printerSettings25.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M41"/>
  <sheetViews>
    <sheetView tabSelected="1" zoomScaleNormal="100" workbookViewId="0">
      <pane xSplit="5" ySplit="8" topLeftCell="F9" activePane="bottomRight" state="frozen"/>
      <selection activeCell="F37" sqref="F37"/>
      <selection pane="topRight" activeCell="F37" sqref="F37"/>
      <selection pane="bottomLeft" activeCell="F37" sqref="F37"/>
      <selection pane="bottomRight" activeCell="E1" sqref="E1:H1"/>
    </sheetView>
  </sheetViews>
  <sheetFormatPr defaultColWidth="9" defaultRowHeight="13.2" x14ac:dyDescent="0.2"/>
  <cols>
    <col min="1" max="1" width="3.88671875" style="1" customWidth="1"/>
    <col min="2" max="2" width="3.109375" style="1" customWidth="1"/>
    <col min="3" max="3" width="3" style="1" customWidth="1"/>
    <col min="4" max="4" width="6.77734375" style="1" customWidth="1"/>
    <col min="5" max="5" width="11.6640625" style="1" customWidth="1"/>
    <col min="6" max="6" width="13.109375" style="1" customWidth="1"/>
    <col min="7" max="9" width="12.44140625" style="1" customWidth="1"/>
    <col min="10" max="10" width="9.77734375" style="1" customWidth="1"/>
    <col min="11" max="16384" width="9" style="1"/>
  </cols>
  <sheetData>
    <row r="1" spans="1:13" ht="24" customHeight="1" x14ac:dyDescent="0.2">
      <c r="B1" s="2"/>
      <c r="C1" s="2"/>
      <c r="D1" s="2"/>
      <c r="E1" s="512" t="s">
        <v>0</v>
      </c>
      <c r="F1" s="512"/>
      <c r="G1" s="512"/>
      <c r="H1" s="512"/>
      <c r="I1" s="2"/>
      <c r="J1" s="2"/>
      <c r="K1" s="2"/>
      <c r="L1" s="2"/>
    </row>
    <row r="2" spans="1:13" ht="24" customHeight="1" x14ac:dyDescent="0.2">
      <c r="A2" s="2"/>
      <c r="B2" s="2"/>
      <c r="C2" s="2"/>
      <c r="D2" s="2"/>
      <c r="E2" s="2"/>
      <c r="F2" s="366">
        <v>4</v>
      </c>
      <c r="G2" s="246">
        <v>12</v>
      </c>
      <c r="H2" s="2"/>
      <c r="I2" s="2"/>
      <c r="J2" s="2"/>
      <c r="K2" s="2"/>
      <c r="L2" s="2"/>
      <c r="M2" s="2"/>
    </row>
    <row r="3" spans="1:13" ht="24" customHeight="1" x14ac:dyDescent="0.2"/>
    <row r="4" spans="1:13" ht="20.25" customHeight="1" x14ac:dyDescent="0.2">
      <c r="D4" s="3"/>
      <c r="E4" s="4" t="s">
        <v>1</v>
      </c>
      <c r="F4" s="3"/>
      <c r="H4" s="253">
        <f>G2</f>
        <v>12</v>
      </c>
    </row>
    <row r="5" spans="1:13" ht="10.5" customHeight="1" thickBot="1" x14ac:dyDescent="0.25">
      <c r="E5" s="5"/>
    </row>
    <row r="6" spans="1:13" ht="21" customHeight="1" x14ac:dyDescent="0.2">
      <c r="E6" s="342"/>
      <c r="F6" s="513" t="s">
        <v>2</v>
      </c>
      <c r="G6" s="514"/>
      <c r="H6" s="514"/>
      <c r="I6" s="515"/>
    </row>
    <row r="7" spans="1:13" ht="21" customHeight="1" x14ac:dyDescent="0.2">
      <c r="E7" s="7"/>
      <c r="F7" s="8"/>
      <c r="G7" s="9" t="s">
        <v>3</v>
      </c>
      <c r="H7" s="345" t="s">
        <v>150</v>
      </c>
      <c r="I7" s="346" t="s">
        <v>149</v>
      </c>
    </row>
    <row r="8" spans="1:13" ht="21" customHeight="1" x14ac:dyDescent="0.2">
      <c r="E8" s="343" t="s">
        <v>4</v>
      </c>
      <c r="F8" s="373">
        <v>2340836</v>
      </c>
      <c r="G8" s="373">
        <v>1060923</v>
      </c>
      <c r="H8" s="373">
        <v>884290</v>
      </c>
      <c r="I8" s="374">
        <v>395623</v>
      </c>
    </row>
    <row r="9" spans="1:13" ht="21" customHeight="1" x14ac:dyDescent="0.2">
      <c r="E9" s="10" t="s">
        <v>5</v>
      </c>
      <c r="F9" s="375">
        <v>934075</v>
      </c>
      <c r="G9" s="375">
        <v>421052</v>
      </c>
      <c r="H9" s="375">
        <v>348614</v>
      </c>
      <c r="I9" s="376">
        <v>164409</v>
      </c>
    </row>
    <row r="10" spans="1:13" ht="21" customHeight="1" x14ac:dyDescent="0.2">
      <c r="E10" s="10" t="s">
        <v>6</v>
      </c>
      <c r="F10" s="375">
        <v>307090</v>
      </c>
      <c r="G10" s="375">
        <v>144752</v>
      </c>
      <c r="H10" s="375">
        <v>110572</v>
      </c>
      <c r="I10" s="376">
        <v>51766</v>
      </c>
    </row>
    <row r="11" spans="1:13" ht="21" customHeight="1" x14ac:dyDescent="0.2">
      <c r="E11" s="10" t="s">
        <v>14</v>
      </c>
      <c r="F11" s="375">
        <v>188097</v>
      </c>
      <c r="G11" s="375">
        <v>86716</v>
      </c>
      <c r="H11" s="375">
        <v>73374</v>
      </c>
      <c r="I11" s="376">
        <v>28007</v>
      </c>
    </row>
    <row r="12" spans="1:13" ht="21" customHeight="1" x14ac:dyDescent="0.2">
      <c r="E12" s="10" t="s">
        <v>7</v>
      </c>
      <c r="F12" s="375">
        <v>125708</v>
      </c>
      <c r="G12" s="375">
        <v>54212</v>
      </c>
      <c r="H12" s="375">
        <v>49260</v>
      </c>
      <c r="I12" s="376">
        <v>22236</v>
      </c>
    </row>
    <row r="13" spans="1:13" ht="21" customHeight="1" x14ac:dyDescent="0.2">
      <c r="E13" s="10" t="s">
        <v>8</v>
      </c>
      <c r="F13" s="375">
        <v>73295</v>
      </c>
      <c r="G13" s="375">
        <v>33939</v>
      </c>
      <c r="H13" s="375">
        <v>27644</v>
      </c>
      <c r="I13" s="376">
        <v>11712</v>
      </c>
    </row>
    <row r="14" spans="1:13" ht="21" customHeight="1" x14ac:dyDescent="0.2">
      <c r="E14" s="10" t="s">
        <v>9</v>
      </c>
      <c r="F14" s="375">
        <v>53582</v>
      </c>
      <c r="G14" s="375">
        <v>21131</v>
      </c>
      <c r="H14" s="375">
        <v>20791</v>
      </c>
      <c r="I14" s="376">
        <v>11660</v>
      </c>
    </row>
    <row r="15" spans="1:13" ht="21" customHeight="1" x14ac:dyDescent="0.2">
      <c r="E15" s="10" t="s">
        <v>10</v>
      </c>
      <c r="F15" s="375">
        <v>108277</v>
      </c>
      <c r="G15" s="375">
        <v>47988</v>
      </c>
      <c r="H15" s="375">
        <v>41259</v>
      </c>
      <c r="I15" s="376">
        <v>19030</v>
      </c>
    </row>
    <row r="16" spans="1:13" ht="21" customHeight="1" x14ac:dyDescent="0.2">
      <c r="E16" s="10" t="s">
        <v>11</v>
      </c>
      <c r="F16" s="375">
        <v>57329</v>
      </c>
      <c r="G16" s="375">
        <v>26084</v>
      </c>
      <c r="H16" s="375">
        <v>21280</v>
      </c>
      <c r="I16" s="376">
        <v>9965</v>
      </c>
    </row>
    <row r="17" spans="5:13" ht="21" customHeight="1" x14ac:dyDescent="0.2">
      <c r="E17" s="10" t="s">
        <v>12</v>
      </c>
      <c r="F17" s="375">
        <v>65510</v>
      </c>
      <c r="G17" s="375">
        <v>28946</v>
      </c>
      <c r="H17" s="375">
        <v>25071</v>
      </c>
      <c r="I17" s="376">
        <v>11493</v>
      </c>
    </row>
    <row r="18" spans="5:13" ht="21" customHeight="1" x14ac:dyDescent="0.2">
      <c r="E18" s="10" t="s">
        <v>13</v>
      </c>
      <c r="F18" s="375">
        <v>18579</v>
      </c>
      <c r="G18" s="375">
        <v>7277</v>
      </c>
      <c r="H18" s="375">
        <v>7237</v>
      </c>
      <c r="I18" s="376">
        <v>4065</v>
      </c>
      <c r="M18" s="1" t="s">
        <v>87</v>
      </c>
    </row>
    <row r="19" spans="5:13" ht="21" customHeight="1" x14ac:dyDescent="0.2">
      <c r="E19" s="10" t="s">
        <v>15</v>
      </c>
      <c r="F19" s="375">
        <v>16262</v>
      </c>
      <c r="G19" s="375">
        <v>7362</v>
      </c>
      <c r="H19" s="375">
        <v>6033</v>
      </c>
      <c r="I19" s="376">
        <v>2867</v>
      </c>
    </row>
    <row r="20" spans="5:13" ht="21" customHeight="1" x14ac:dyDescent="0.2">
      <c r="E20" s="10" t="s">
        <v>16</v>
      </c>
      <c r="F20" s="375">
        <v>49342</v>
      </c>
      <c r="G20" s="375">
        <v>23926</v>
      </c>
      <c r="H20" s="375">
        <v>18503</v>
      </c>
      <c r="I20" s="376">
        <v>6913</v>
      </c>
    </row>
    <row r="21" spans="5:13" ht="21" customHeight="1" x14ac:dyDescent="0.2">
      <c r="E21" s="10" t="s">
        <v>17</v>
      </c>
      <c r="F21" s="375">
        <v>58569</v>
      </c>
      <c r="G21" s="375">
        <v>28029</v>
      </c>
      <c r="H21" s="375">
        <v>22672</v>
      </c>
      <c r="I21" s="376">
        <v>7868</v>
      </c>
    </row>
    <row r="22" spans="5:13" ht="21" customHeight="1" x14ac:dyDescent="0.2">
      <c r="E22" s="10" t="s">
        <v>18</v>
      </c>
      <c r="F22" s="375">
        <v>58103</v>
      </c>
      <c r="G22" s="375">
        <v>26354</v>
      </c>
      <c r="H22" s="375">
        <v>22954</v>
      </c>
      <c r="I22" s="376">
        <v>8795</v>
      </c>
    </row>
    <row r="23" spans="5:13" ht="21" customHeight="1" x14ac:dyDescent="0.2">
      <c r="E23" s="10" t="s">
        <v>19</v>
      </c>
      <c r="F23" s="375">
        <v>26639</v>
      </c>
      <c r="G23" s="375">
        <v>12262</v>
      </c>
      <c r="H23" s="375">
        <v>10310</v>
      </c>
      <c r="I23" s="376">
        <v>4067</v>
      </c>
    </row>
    <row r="24" spans="5:13" ht="21" customHeight="1" x14ac:dyDescent="0.2">
      <c r="E24" s="10" t="s">
        <v>20</v>
      </c>
      <c r="F24" s="375">
        <v>34057</v>
      </c>
      <c r="G24" s="375">
        <v>15983</v>
      </c>
      <c r="H24" s="375">
        <v>13288</v>
      </c>
      <c r="I24" s="376">
        <v>4786</v>
      </c>
    </row>
    <row r="25" spans="5:13" ht="21" customHeight="1" x14ac:dyDescent="0.2">
      <c r="E25" s="10" t="s">
        <v>21</v>
      </c>
      <c r="F25" s="375">
        <v>34222</v>
      </c>
      <c r="G25" s="375">
        <v>15869</v>
      </c>
      <c r="H25" s="375">
        <v>13377</v>
      </c>
      <c r="I25" s="376">
        <v>4976</v>
      </c>
    </row>
    <row r="26" spans="5:13" ht="21" customHeight="1" x14ac:dyDescent="0.2">
      <c r="E26" s="10" t="s">
        <v>22</v>
      </c>
      <c r="F26" s="375">
        <v>13633</v>
      </c>
      <c r="G26" s="375">
        <v>5934</v>
      </c>
      <c r="H26" s="375">
        <v>5372</v>
      </c>
      <c r="I26" s="376">
        <v>2327</v>
      </c>
    </row>
    <row r="27" spans="5:13" ht="21" customHeight="1" x14ac:dyDescent="0.2">
      <c r="E27" s="10" t="s">
        <v>23</v>
      </c>
      <c r="F27" s="375">
        <v>22886</v>
      </c>
      <c r="G27" s="375">
        <v>10051</v>
      </c>
      <c r="H27" s="375">
        <v>9746</v>
      </c>
      <c r="I27" s="376">
        <v>3089</v>
      </c>
    </row>
    <row r="28" spans="5:13" ht="21" customHeight="1" x14ac:dyDescent="0.2">
      <c r="E28" s="10" t="s">
        <v>24</v>
      </c>
      <c r="F28" s="375">
        <v>10200</v>
      </c>
      <c r="G28" s="375">
        <v>4060</v>
      </c>
      <c r="H28" s="375">
        <v>4123</v>
      </c>
      <c r="I28" s="376">
        <v>2017</v>
      </c>
    </row>
    <row r="29" spans="5:13" ht="21" customHeight="1" x14ac:dyDescent="0.2">
      <c r="E29" s="10" t="s">
        <v>25</v>
      </c>
      <c r="F29" s="375">
        <v>13412</v>
      </c>
      <c r="G29" s="375">
        <v>6396</v>
      </c>
      <c r="H29" s="375">
        <v>5222</v>
      </c>
      <c r="I29" s="376">
        <v>1794</v>
      </c>
    </row>
    <row r="30" spans="5:13" ht="21" customHeight="1" x14ac:dyDescent="0.2">
      <c r="E30" s="10" t="s">
        <v>26</v>
      </c>
      <c r="F30" s="375">
        <v>11128</v>
      </c>
      <c r="G30" s="375">
        <v>4841</v>
      </c>
      <c r="H30" s="375">
        <v>4399</v>
      </c>
      <c r="I30" s="376">
        <v>1888</v>
      </c>
    </row>
    <row r="31" spans="5:13" ht="21" customHeight="1" x14ac:dyDescent="0.2">
      <c r="E31" s="10" t="s">
        <v>27</v>
      </c>
      <c r="F31" s="375">
        <v>9836</v>
      </c>
      <c r="G31" s="375">
        <v>4070</v>
      </c>
      <c r="H31" s="375">
        <v>3893</v>
      </c>
      <c r="I31" s="376">
        <v>1873</v>
      </c>
    </row>
    <row r="32" spans="5:13" ht="21" customHeight="1" x14ac:dyDescent="0.2">
      <c r="E32" s="10" t="s">
        <v>28</v>
      </c>
      <c r="F32" s="375">
        <v>3228</v>
      </c>
      <c r="G32" s="375">
        <v>1554</v>
      </c>
      <c r="H32" s="375">
        <v>1238</v>
      </c>
      <c r="I32" s="376">
        <v>436</v>
      </c>
    </row>
    <row r="33" spans="5:9" ht="21" customHeight="1" x14ac:dyDescent="0.2">
      <c r="E33" s="10" t="s">
        <v>29</v>
      </c>
      <c r="F33" s="375">
        <v>4975</v>
      </c>
      <c r="G33" s="375">
        <v>2300</v>
      </c>
      <c r="H33" s="375">
        <v>1944</v>
      </c>
      <c r="I33" s="376">
        <v>731</v>
      </c>
    </row>
    <row r="34" spans="5:9" ht="21" customHeight="1" x14ac:dyDescent="0.2">
      <c r="E34" s="10" t="s">
        <v>30</v>
      </c>
      <c r="F34" s="375">
        <v>3721</v>
      </c>
      <c r="G34" s="375">
        <v>1640</v>
      </c>
      <c r="H34" s="375">
        <v>1393</v>
      </c>
      <c r="I34" s="376">
        <v>688</v>
      </c>
    </row>
    <row r="35" spans="5:9" ht="21" customHeight="1" x14ac:dyDescent="0.2">
      <c r="E35" s="10" t="s">
        <v>31</v>
      </c>
      <c r="F35" s="375">
        <v>4019</v>
      </c>
      <c r="G35" s="375">
        <v>1925</v>
      </c>
      <c r="H35" s="375">
        <v>1345</v>
      </c>
      <c r="I35" s="376">
        <v>749</v>
      </c>
    </row>
    <row r="36" spans="5:9" ht="21" customHeight="1" x14ac:dyDescent="0.2">
      <c r="E36" s="10" t="s">
        <v>32</v>
      </c>
      <c r="F36" s="375">
        <v>4637</v>
      </c>
      <c r="G36" s="375">
        <v>2112</v>
      </c>
      <c r="H36" s="375">
        <v>1765</v>
      </c>
      <c r="I36" s="376">
        <v>760</v>
      </c>
    </row>
    <row r="37" spans="5:9" ht="21" customHeight="1" x14ac:dyDescent="0.2">
      <c r="E37" s="10" t="s">
        <v>33</v>
      </c>
      <c r="F37" s="375">
        <v>4124</v>
      </c>
      <c r="G37" s="375">
        <v>1866</v>
      </c>
      <c r="H37" s="375">
        <v>1579</v>
      </c>
      <c r="I37" s="376">
        <v>679</v>
      </c>
    </row>
    <row r="38" spans="5:9" ht="21" customHeight="1" x14ac:dyDescent="0.2">
      <c r="E38" s="10" t="s">
        <v>34</v>
      </c>
      <c r="F38" s="375">
        <v>3028</v>
      </c>
      <c r="G38" s="375">
        <v>1322</v>
      </c>
      <c r="H38" s="375">
        <v>1165</v>
      </c>
      <c r="I38" s="376">
        <v>541</v>
      </c>
    </row>
    <row r="39" spans="5:9" ht="21" customHeight="1" x14ac:dyDescent="0.2">
      <c r="E39" s="10" t="s">
        <v>35</v>
      </c>
      <c r="F39" s="375">
        <v>9870</v>
      </c>
      <c r="G39" s="375">
        <v>4209</v>
      </c>
      <c r="H39" s="375">
        <v>3895</v>
      </c>
      <c r="I39" s="376">
        <v>1766</v>
      </c>
    </row>
    <row r="40" spans="5:9" ht="21" customHeight="1" x14ac:dyDescent="0.2">
      <c r="E40" s="10" t="s">
        <v>36</v>
      </c>
      <c r="F40" s="375">
        <v>12337</v>
      </c>
      <c r="G40" s="375">
        <v>6206</v>
      </c>
      <c r="H40" s="375">
        <v>4611</v>
      </c>
      <c r="I40" s="376">
        <v>1520</v>
      </c>
    </row>
    <row r="41" spans="5:9" ht="21" customHeight="1" thickBot="1" x14ac:dyDescent="0.25">
      <c r="E41" s="11" t="s">
        <v>37</v>
      </c>
      <c r="F41" s="377">
        <v>1066</v>
      </c>
      <c r="G41" s="377">
        <v>555</v>
      </c>
      <c r="H41" s="377">
        <v>361</v>
      </c>
      <c r="I41" s="378">
        <v>150</v>
      </c>
    </row>
  </sheetData>
  <mergeCells count="2">
    <mergeCell ref="E1:H1"/>
    <mergeCell ref="F6:I6"/>
  </mergeCells>
  <phoneticPr fontId="4"/>
  <pageMargins left="0.78740157480314965" right="0.78740157480314965" top="0.98425196850393704" bottom="0.98425196850393704" header="0.51181102362204722" footer="0.51181102362204722"/>
  <pageSetup paperSize="9" orientation="portrait" r:id="rId1"/>
  <headerFooter alignWithMargins="0">
    <oddFooter>&amp;L&amp;A</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6.777343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290" t="s">
        <v>123</v>
      </c>
      <c r="J1" s="535">
        <f>第１表!F2</f>
        <v>4</v>
      </c>
      <c r="K1" s="535"/>
      <c r="L1" s="248">
        <f>第１表!G2</f>
        <v>12</v>
      </c>
      <c r="M1" s="539">
        <f>IF(L1&lt;3,L1+12-2,L1-2)</f>
        <v>10</v>
      </c>
      <c r="N1" s="539"/>
    </row>
    <row r="2" spans="2:112" ht="24" customHeight="1" thickBot="1" x14ac:dyDescent="0.25">
      <c r="B2" s="290" t="s">
        <v>131</v>
      </c>
    </row>
    <row r="3" spans="2:112" ht="21" customHeight="1" thickBot="1" x14ac:dyDescent="0.25">
      <c r="B3" s="559"/>
      <c r="C3" s="562" t="s">
        <v>112</v>
      </c>
      <c r="D3" s="562"/>
      <c r="E3" s="562"/>
      <c r="F3" s="562"/>
      <c r="G3" s="562"/>
      <c r="H3" s="562"/>
      <c r="I3" s="562"/>
      <c r="J3" s="562"/>
      <c r="K3" s="562"/>
      <c r="L3" s="562"/>
      <c r="M3" s="563"/>
      <c r="N3" s="557" t="s">
        <v>111</v>
      </c>
      <c r="O3" s="557"/>
      <c r="P3" s="557"/>
      <c r="Q3" s="557"/>
      <c r="R3" s="557"/>
      <c r="S3" s="557"/>
      <c r="T3" s="557"/>
      <c r="U3" s="557"/>
      <c r="V3" s="557"/>
      <c r="W3" s="557"/>
      <c r="X3" s="558"/>
      <c r="Y3" s="556" t="s">
        <v>110</v>
      </c>
      <c r="Z3" s="557"/>
      <c r="AA3" s="557"/>
      <c r="AB3" s="557"/>
      <c r="AC3" s="557"/>
      <c r="AD3" s="557"/>
      <c r="AE3" s="557"/>
      <c r="AF3" s="557"/>
      <c r="AG3" s="557"/>
      <c r="AH3" s="557"/>
      <c r="AI3" s="558"/>
      <c r="AJ3" s="556" t="s">
        <v>109</v>
      </c>
      <c r="AK3" s="557"/>
      <c r="AL3" s="557"/>
      <c r="AM3" s="557"/>
      <c r="AN3" s="557"/>
      <c r="AO3" s="557"/>
      <c r="AP3" s="557"/>
      <c r="AQ3" s="557"/>
      <c r="AR3" s="557"/>
      <c r="AS3" s="557"/>
      <c r="AT3" s="558"/>
      <c r="AU3" s="556" t="s">
        <v>108</v>
      </c>
      <c r="AV3" s="557"/>
      <c r="AW3" s="557"/>
      <c r="AX3" s="557"/>
      <c r="AY3" s="557"/>
      <c r="AZ3" s="557"/>
      <c r="BA3" s="557"/>
      <c r="BB3" s="557"/>
      <c r="BC3" s="557"/>
      <c r="BD3" s="557"/>
      <c r="BE3" s="558"/>
      <c r="BF3" s="556" t="s">
        <v>107</v>
      </c>
      <c r="BG3" s="557"/>
      <c r="BH3" s="557"/>
      <c r="BI3" s="557"/>
      <c r="BJ3" s="557"/>
      <c r="BK3" s="557"/>
      <c r="BL3" s="557"/>
      <c r="BM3" s="557"/>
      <c r="BN3" s="557"/>
      <c r="BO3" s="557"/>
      <c r="BP3" s="558"/>
      <c r="BQ3" s="556" t="s">
        <v>106</v>
      </c>
      <c r="BR3" s="557"/>
      <c r="BS3" s="557"/>
      <c r="BT3" s="557"/>
      <c r="BU3" s="557"/>
      <c r="BV3" s="557"/>
      <c r="BW3" s="557"/>
      <c r="BX3" s="557"/>
      <c r="BY3" s="557"/>
      <c r="BZ3" s="557"/>
      <c r="CA3" s="558"/>
      <c r="CB3" s="556" t="s">
        <v>128</v>
      </c>
      <c r="CC3" s="557"/>
      <c r="CD3" s="557"/>
      <c r="CE3" s="557"/>
      <c r="CF3" s="557"/>
      <c r="CG3" s="557"/>
      <c r="CH3" s="557"/>
      <c r="CI3" s="557"/>
      <c r="CJ3" s="557"/>
      <c r="CK3" s="557"/>
      <c r="CL3" s="558"/>
      <c r="CM3" s="556" t="s">
        <v>161</v>
      </c>
      <c r="CN3" s="557"/>
      <c r="CO3" s="557"/>
      <c r="CP3" s="557"/>
      <c r="CQ3" s="557"/>
      <c r="CR3" s="557"/>
      <c r="CS3" s="557"/>
      <c r="CT3" s="557"/>
      <c r="CU3" s="557"/>
      <c r="CV3" s="557"/>
      <c r="CW3" s="558"/>
      <c r="CX3" s="556" t="s">
        <v>157</v>
      </c>
      <c r="CY3" s="557"/>
      <c r="CZ3" s="557"/>
      <c r="DA3" s="557"/>
      <c r="DB3" s="557"/>
      <c r="DC3" s="557"/>
      <c r="DD3" s="557"/>
      <c r="DE3" s="557"/>
      <c r="DF3" s="557"/>
      <c r="DG3" s="557"/>
      <c r="DH3" s="558"/>
    </row>
    <row r="4" spans="2:112" ht="21" customHeight="1" x14ac:dyDescent="0.2">
      <c r="B4" s="560"/>
      <c r="C4" s="564" t="s">
        <v>61</v>
      </c>
      <c r="D4" s="547"/>
      <c r="E4" s="548"/>
      <c r="F4" s="546" t="s">
        <v>62</v>
      </c>
      <c r="G4" s="547"/>
      <c r="H4" s="547"/>
      <c r="I4" s="547"/>
      <c r="J4" s="547"/>
      <c r="K4" s="547"/>
      <c r="L4" s="555"/>
      <c r="M4" s="549" t="s">
        <v>52</v>
      </c>
      <c r="N4" s="564" t="s">
        <v>61</v>
      </c>
      <c r="O4" s="547"/>
      <c r="P4" s="548"/>
      <c r="Q4" s="546" t="s">
        <v>62</v>
      </c>
      <c r="R4" s="547"/>
      <c r="S4" s="547"/>
      <c r="T4" s="547"/>
      <c r="U4" s="547"/>
      <c r="V4" s="547"/>
      <c r="W4" s="548"/>
      <c r="X4" s="549" t="s">
        <v>52</v>
      </c>
      <c r="Y4" s="551" t="s">
        <v>61</v>
      </c>
      <c r="Z4" s="547"/>
      <c r="AA4" s="555"/>
      <c r="AB4" s="546" t="s">
        <v>62</v>
      </c>
      <c r="AC4" s="547"/>
      <c r="AD4" s="547"/>
      <c r="AE4" s="547"/>
      <c r="AF4" s="547"/>
      <c r="AG4" s="547"/>
      <c r="AH4" s="548"/>
      <c r="AI4" s="549" t="s">
        <v>52</v>
      </c>
      <c r="AJ4" s="551" t="s">
        <v>61</v>
      </c>
      <c r="AK4" s="547"/>
      <c r="AL4" s="548"/>
      <c r="AM4" s="546" t="s">
        <v>62</v>
      </c>
      <c r="AN4" s="547"/>
      <c r="AO4" s="547"/>
      <c r="AP4" s="547"/>
      <c r="AQ4" s="547"/>
      <c r="AR4" s="547"/>
      <c r="AS4" s="548"/>
      <c r="AT4" s="549" t="s">
        <v>52</v>
      </c>
      <c r="AU4" s="551" t="s">
        <v>61</v>
      </c>
      <c r="AV4" s="547"/>
      <c r="AW4" s="555"/>
      <c r="AX4" s="546" t="s">
        <v>62</v>
      </c>
      <c r="AY4" s="547"/>
      <c r="AZ4" s="547"/>
      <c r="BA4" s="547"/>
      <c r="BB4" s="547"/>
      <c r="BC4" s="547"/>
      <c r="BD4" s="555"/>
      <c r="BE4" s="549" t="s">
        <v>52</v>
      </c>
      <c r="BF4" s="551" t="s">
        <v>61</v>
      </c>
      <c r="BG4" s="547"/>
      <c r="BH4" s="548"/>
      <c r="BI4" s="546" t="s">
        <v>62</v>
      </c>
      <c r="BJ4" s="547"/>
      <c r="BK4" s="547"/>
      <c r="BL4" s="547"/>
      <c r="BM4" s="547"/>
      <c r="BN4" s="547"/>
      <c r="BO4" s="548"/>
      <c r="BP4" s="549" t="s">
        <v>52</v>
      </c>
      <c r="BQ4" s="551" t="s">
        <v>61</v>
      </c>
      <c r="BR4" s="547"/>
      <c r="BS4" s="548"/>
      <c r="BT4" s="546" t="s">
        <v>62</v>
      </c>
      <c r="BU4" s="547"/>
      <c r="BV4" s="547"/>
      <c r="BW4" s="547"/>
      <c r="BX4" s="547"/>
      <c r="BY4" s="547"/>
      <c r="BZ4" s="548"/>
      <c r="CA4" s="549" t="s">
        <v>52</v>
      </c>
      <c r="CB4" s="551" t="s">
        <v>61</v>
      </c>
      <c r="CC4" s="547"/>
      <c r="CD4" s="548"/>
      <c r="CE4" s="546" t="s">
        <v>62</v>
      </c>
      <c r="CF4" s="547"/>
      <c r="CG4" s="547"/>
      <c r="CH4" s="547"/>
      <c r="CI4" s="547"/>
      <c r="CJ4" s="547"/>
      <c r="CK4" s="548"/>
      <c r="CL4" s="549" t="s">
        <v>52</v>
      </c>
      <c r="CM4" s="551" t="s">
        <v>61</v>
      </c>
      <c r="CN4" s="547"/>
      <c r="CO4" s="548"/>
      <c r="CP4" s="546" t="s">
        <v>62</v>
      </c>
      <c r="CQ4" s="547"/>
      <c r="CR4" s="547"/>
      <c r="CS4" s="547"/>
      <c r="CT4" s="547"/>
      <c r="CU4" s="547"/>
      <c r="CV4" s="548"/>
      <c r="CW4" s="549" t="s">
        <v>52</v>
      </c>
      <c r="CX4" s="551" t="s">
        <v>61</v>
      </c>
      <c r="CY4" s="547"/>
      <c r="CZ4" s="548"/>
      <c r="DA4" s="546" t="s">
        <v>62</v>
      </c>
      <c r="DB4" s="547"/>
      <c r="DC4" s="547"/>
      <c r="DD4" s="547"/>
      <c r="DE4" s="547"/>
      <c r="DF4" s="547"/>
      <c r="DG4" s="548"/>
      <c r="DH4" s="549" t="s">
        <v>52</v>
      </c>
    </row>
    <row r="5" spans="2:112" ht="30" customHeight="1" thickBot="1" x14ac:dyDescent="0.25">
      <c r="B5" s="561"/>
      <c r="C5" s="264" t="s">
        <v>43</v>
      </c>
      <c r="D5" s="259" t="s">
        <v>44</v>
      </c>
      <c r="E5" s="382" t="s">
        <v>45</v>
      </c>
      <c r="F5" s="267" t="s">
        <v>83</v>
      </c>
      <c r="G5" s="259" t="s">
        <v>47</v>
      </c>
      <c r="H5" s="259" t="s">
        <v>48</v>
      </c>
      <c r="I5" s="259" t="s">
        <v>49</v>
      </c>
      <c r="J5" s="259" t="s">
        <v>50</v>
      </c>
      <c r="K5" s="259" t="s">
        <v>51</v>
      </c>
      <c r="L5" s="268" t="s">
        <v>45</v>
      </c>
      <c r="M5" s="550"/>
      <c r="N5" s="264" t="s">
        <v>43</v>
      </c>
      <c r="O5" s="259" t="s">
        <v>44</v>
      </c>
      <c r="P5" s="265" t="s">
        <v>45</v>
      </c>
      <c r="Q5" s="267" t="s">
        <v>83</v>
      </c>
      <c r="R5" s="259" t="s">
        <v>47</v>
      </c>
      <c r="S5" s="259" t="s">
        <v>48</v>
      </c>
      <c r="T5" s="259" t="s">
        <v>49</v>
      </c>
      <c r="U5" s="259" t="s">
        <v>50</v>
      </c>
      <c r="V5" s="259" t="s">
        <v>51</v>
      </c>
      <c r="W5" s="265" t="s">
        <v>45</v>
      </c>
      <c r="X5" s="550"/>
      <c r="Y5" s="323" t="s">
        <v>43</v>
      </c>
      <c r="Z5" s="259" t="s">
        <v>44</v>
      </c>
      <c r="AA5" s="268" t="s">
        <v>45</v>
      </c>
      <c r="AB5" s="267" t="s">
        <v>83</v>
      </c>
      <c r="AC5" s="259" t="s">
        <v>47</v>
      </c>
      <c r="AD5" s="259" t="s">
        <v>48</v>
      </c>
      <c r="AE5" s="259" t="s">
        <v>49</v>
      </c>
      <c r="AF5" s="259" t="s">
        <v>50</v>
      </c>
      <c r="AG5" s="259" t="s">
        <v>51</v>
      </c>
      <c r="AH5" s="265" t="s">
        <v>45</v>
      </c>
      <c r="AI5" s="550"/>
      <c r="AJ5" s="323" t="s">
        <v>43</v>
      </c>
      <c r="AK5" s="259" t="s">
        <v>44</v>
      </c>
      <c r="AL5" s="265" t="s">
        <v>45</v>
      </c>
      <c r="AM5" s="267" t="s">
        <v>83</v>
      </c>
      <c r="AN5" s="259" t="s">
        <v>47</v>
      </c>
      <c r="AO5" s="259" t="s">
        <v>48</v>
      </c>
      <c r="AP5" s="259" t="s">
        <v>49</v>
      </c>
      <c r="AQ5" s="259" t="s">
        <v>50</v>
      </c>
      <c r="AR5" s="259" t="s">
        <v>51</v>
      </c>
      <c r="AS5" s="265" t="s">
        <v>45</v>
      </c>
      <c r="AT5" s="550"/>
      <c r="AU5" s="323" t="s">
        <v>43</v>
      </c>
      <c r="AV5" s="259" t="s">
        <v>44</v>
      </c>
      <c r="AW5" s="268" t="s">
        <v>45</v>
      </c>
      <c r="AX5" s="267" t="s">
        <v>83</v>
      </c>
      <c r="AY5" s="259" t="s">
        <v>47</v>
      </c>
      <c r="AZ5" s="259" t="s">
        <v>48</v>
      </c>
      <c r="BA5" s="259" t="s">
        <v>49</v>
      </c>
      <c r="BB5" s="259" t="s">
        <v>50</v>
      </c>
      <c r="BC5" s="259" t="s">
        <v>51</v>
      </c>
      <c r="BD5" s="268" t="s">
        <v>45</v>
      </c>
      <c r="BE5" s="550"/>
      <c r="BF5" s="323" t="s">
        <v>43</v>
      </c>
      <c r="BG5" s="259" t="s">
        <v>44</v>
      </c>
      <c r="BH5" s="265" t="s">
        <v>45</v>
      </c>
      <c r="BI5" s="267" t="s">
        <v>83</v>
      </c>
      <c r="BJ5" s="259" t="s">
        <v>47</v>
      </c>
      <c r="BK5" s="259" t="s">
        <v>48</v>
      </c>
      <c r="BL5" s="259" t="s">
        <v>49</v>
      </c>
      <c r="BM5" s="259" t="s">
        <v>50</v>
      </c>
      <c r="BN5" s="259" t="s">
        <v>51</v>
      </c>
      <c r="BO5" s="265" t="s">
        <v>45</v>
      </c>
      <c r="BP5" s="550"/>
      <c r="BQ5" s="323" t="s">
        <v>43</v>
      </c>
      <c r="BR5" s="259" t="s">
        <v>44</v>
      </c>
      <c r="BS5" s="265" t="s">
        <v>45</v>
      </c>
      <c r="BT5" s="267" t="s">
        <v>83</v>
      </c>
      <c r="BU5" s="259" t="s">
        <v>47</v>
      </c>
      <c r="BV5" s="259" t="s">
        <v>48</v>
      </c>
      <c r="BW5" s="259" t="s">
        <v>49</v>
      </c>
      <c r="BX5" s="259" t="s">
        <v>50</v>
      </c>
      <c r="BY5" s="259" t="s">
        <v>51</v>
      </c>
      <c r="BZ5" s="265" t="s">
        <v>45</v>
      </c>
      <c r="CA5" s="550"/>
      <c r="CB5" s="323" t="s">
        <v>43</v>
      </c>
      <c r="CC5" s="259" t="s">
        <v>44</v>
      </c>
      <c r="CD5" s="265" t="s">
        <v>45</v>
      </c>
      <c r="CE5" s="267" t="s">
        <v>83</v>
      </c>
      <c r="CF5" s="259" t="s">
        <v>47</v>
      </c>
      <c r="CG5" s="259" t="s">
        <v>48</v>
      </c>
      <c r="CH5" s="259" t="s">
        <v>49</v>
      </c>
      <c r="CI5" s="259" t="s">
        <v>50</v>
      </c>
      <c r="CJ5" s="259" t="s">
        <v>51</v>
      </c>
      <c r="CK5" s="265" t="s">
        <v>45</v>
      </c>
      <c r="CL5" s="550"/>
      <c r="CM5" s="323" t="s">
        <v>43</v>
      </c>
      <c r="CN5" s="259" t="s">
        <v>44</v>
      </c>
      <c r="CO5" s="265" t="s">
        <v>45</v>
      </c>
      <c r="CP5" s="267" t="s">
        <v>83</v>
      </c>
      <c r="CQ5" s="259" t="s">
        <v>47</v>
      </c>
      <c r="CR5" s="259" t="s">
        <v>48</v>
      </c>
      <c r="CS5" s="259" t="s">
        <v>49</v>
      </c>
      <c r="CT5" s="259" t="s">
        <v>50</v>
      </c>
      <c r="CU5" s="259" t="s">
        <v>51</v>
      </c>
      <c r="CV5" s="265" t="s">
        <v>45</v>
      </c>
      <c r="CW5" s="550"/>
      <c r="CX5" s="365" t="s">
        <v>43</v>
      </c>
      <c r="CY5" s="259" t="s">
        <v>44</v>
      </c>
      <c r="CZ5" s="265" t="s">
        <v>45</v>
      </c>
      <c r="DA5" s="267" t="s">
        <v>83</v>
      </c>
      <c r="DB5" s="259" t="s">
        <v>47</v>
      </c>
      <c r="DC5" s="259" t="s">
        <v>48</v>
      </c>
      <c r="DD5" s="259" t="s">
        <v>49</v>
      </c>
      <c r="DE5" s="259" t="s">
        <v>50</v>
      </c>
      <c r="DF5" s="259" t="s">
        <v>51</v>
      </c>
      <c r="DG5" s="265" t="s">
        <v>45</v>
      </c>
      <c r="DH5" s="550"/>
    </row>
    <row r="6" spans="2:112" ht="21" customHeight="1" x14ac:dyDescent="0.2">
      <c r="B6" s="260" t="s">
        <v>4</v>
      </c>
      <c r="C6" s="269">
        <v>0</v>
      </c>
      <c r="D6" s="273">
        <v>0</v>
      </c>
      <c r="E6" s="383">
        <v>0</v>
      </c>
      <c r="F6" s="272">
        <v>0</v>
      </c>
      <c r="G6" s="273">
        <v>14056</v>
      </c>
      <c r="H6" s="273">
        <v>19026</v>
      </c>
      <c r="I6" s="273">
        <v>20568</v>
      </c>
      <c r="J6" s="273">
        <v>23382</v>
      </c>
      <c r="K6" s="273">
        <v>20599</v>
      </c>
      <c r="L6" s="274">
        <v>97631</v>
      </c>
      <c r="M6" s="275">
        <v>97631</v>
      </c>
      <c r="N6" s="269">
        <v>2</v>
      </c>
      <c r="O6" s="273">
        <v>5</v>
      </c>
      <c r="P6" s="270">
        <v>7</v>
      </c>
      <c r="Q6" s="272">
        <v>0</v>
      </c>
      <c r="R6" s="273">
        <v>15</v>
      </c>
      <c r="S6" s="273">
        <v>152</v>
      </c>
      <c r="T6" s="273">
        <v>250</v>
      </c>
      <c r="U6" s="273">
        <v>604</v>
      </c>
      <c r="V6" s="273">
        <v>1066</v>
      </c>
      <c r="W6" s="270">
        <v>2087</v>
      </c>
      <c r="X6" s="275">
        <v>2094</v>
      </c>
      <c r="Y6" s="269">
        <v>966</v>
      </c>
      <c r="Z6" s="273">
        <v>2790</v>
      </c>
      <c r="AA6" s="270">
        <v>3756</v>
      </c>
      <c r="AB6" s="272">
        <v>0</v>
      </c>
      <c r="AC6" s="273">
        <v>8350</v>
      </c>
      <c r="AD6" s="273">
        <v>11509</v>
      </c>
      <c r="AE6" s="273">
        <v>8282</v>
      </c>
      <c r="AF6" s="273">
        <v>6865</v>
      </c>
      <c r="AG6" s="273">
        <v>4861</v>
      </c>
      <c r="AH6" s="270">
        <v>39867</v>
      </c>
      <c r="AI6" s="275">
        <v>43623</v>
      </c>
      <c r="AJ6" s="269">
        <v>116</v>
      </c>
      <c r="AK6" s="273">
        <v>512</v>
      </c>
      <c r="AL6" s="270">
        <v>628</v>
      </c>
      <c r="AM6" s="272">
        <v>0</v>
      </c>
      <c r="AN6" s="273">
        <v>753</v>
      </c>
      <c r="AO6" s="273">
        <v>1535</v>
      </c>
      <c r="AP6" s="273">
        <v>860</v>
      </c>
      <c r="AQ6" s="273">
        <v>973</v>
      </c>
      <c r="AR6" s="273">
        <v>343</v>
      </c>
      <c r="AS6" s="270">
        <v>4464</v>
      </c>
      <c r="AT6" s="275">
        <v>5092</v>
      </c>
      <c r="AU6" s="269">
        <v>0</v>
      </c>
      <c r="AV6" s="273">
        <v>0</v>
      </c>
      <c r="AW6" s="270">
        <v>0</v>
      </c>
      <c r="AX6" s="272">
        <v>0</v>
      </c>
      <c r="AY6" s="273">
        <v>13437</v>
      </c>
      <c r="AZ6" s="273">
        <v>12491</v>
      </c>
      <c r="BA6" s="273">
        <v>7972</v>
      </c>
      <c r="BB6" s="273">
        <v>3614</v>
      </c>
      <c r="BC6" s="273">
        <v>1409</v>
      </c>
      <c r="BD6" s="274">
        <v>38923</v>
      </c>
      <c r="BE6" s="275">
        <v>38923</v>
      </c>
      <c r="BF6" s="269">
        <v>0</v>
      </c>
      <c r="BG6" s="273">
        <v>0</v>
      </c>
      <c r="BH6" s="270">
        <v>0</v>
      </c>
      <c r="BI6" s="272">
        <v>0</v>
      </c>
      <c r="BJ6" s="273">
        <v>2664</v>
      </c>
      <c r="BK6" s="273">
        <v>3960</v>
      </c>
      <c r="BL6" s="273">
        <v>2349</v>
      </c>
      <c r="BM6" s="273">
        <v>1339</v>
      </c>
      <c r="BN6" s="273">
        <v>376</v>
      </c>
      <c r="BO6" s="270">
        <v>10688</v>
      </c>
      <c r="BP6" s="275">
        <v>10688</v>
      </c>
      <c r="BQ6" s="269">
        <v>35</v>
      </c>
      <c r="BR6" s="273">
        <v>130</v>
      </c>
      <c r="BS6" s="270">
        <v>165</v>
      </c>
      <c r="BT6" s="272">
        <v>0</v>
      </c>
      <c r="BU6" s="273">
        <v>1166</v>
      </c>
      <c r="BV6" s="273">
        <v>1902</v>
      </c>
      <c r="BW6" s="273">
        <v>3242</v>
      </c>
      <c r="BX6" s="273">
        <v>3012</v>
      </c>
      <c r="BY6" s="273">
        <v>1040</v>
      </c>
      <c r="BZ6" s="270">
        <v>10362</v>
      </c>
      <c r="CA6" s="275">
        <v>10527</v>
      </c>
      <c r="CB6" s="269">
        <v>0</v>
      </c>
      <c r="CC6" s="273">
        <v>9</v>
      </c>
      <c r="CD6" s="270">
        <v>9</v>
      </c>
      <c r="CE6" s="272">
        <v>0</v>
      </c>
      <c r="CF6" s="273">
        <v>149</v>
      </c>
      <c r="CG6" s="273">
        <v>268</v>
      </c>
      <c r="CH6" s="273">
        <v>391</v>
      </c>
      <c r="CI6" s="273">
        <v>354</v>
      </c>
      <c r="CJ6" s="273">
        <v>124</v>
      </c>
      <c r="CK6" s="270">
        <v>1286</v>
      </c>
      <c r="CL6" s="275">
        <v>1295</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0</v>
      </c>
      <c r="E7" s="384">
        <v>0</v>
      </c>
      <c r="F7" s="279">
        <v>0</v>
      </c>
      <c r="G7" s="280">
        <v>5157</v>
      </c>
      <c r="H7" s="280">
        <v>8367</v>
      </c>
      <c r="I7" s="280">
        <v>8511</v>
      </c>
      <c r="J7" s="280">
        <v>8996</v>
      </c>
      <c r="K7" s="280">
        <v>8284</v>
      </c>
      <c r="L7" s="281">
        <v>39315</v>
      </c>
      <c r="M7" s="282">
        <v>39315</v>
      </c>
      <c r="N7" s="276">
        <v>0</v>
      </c>
      <c r="O7" s="280">
        <v>4</v>
      </c>
      <c r="P7" s="277">
        <v>4</v>
      </c>
      <c r="Q7" s="279">
        <v>0</v>
      </c>
      <c r="R7" s="280">
        <v>2</v>
      </c>
      <c r="S7" s="280">
        <v>60</v>
      </c>
      <c r="T7" s="280">
        <v>95</v>
      </c>
      <c r="U7" s="280">
        <v>256</v>
      </c>
      <c r="V7" s="280">
        <v>510</v>
      </c>
      <c r="W7" s="277">
        <v>923</v>
      </c>
      <c r="X7" s="282">
        <v>927</v>
      </c>
      <c r="Y7" s="276">
        <v>447</v>
      </c>
      <c r="Z7" s="280">
        <v>1681</v>
      </c>
      <c r="AA7" s="277">
        <v>2128</v>
      </c>
      <c r="AB7" s="279">
        <v>0</v>
      </c>
      <c r="AC7" s="280">
        <v>3133</v>
      </c>
      <c r="AD7" s="280">
        <v>6114</v>
      </c>
      <c r="AE7" s="280">
        <v>4157</v>
      </c>
      <c r="AF7" s="280">
        <v>3336</v>
      </c>
      <c r="AG7" s="280">
        <v>2343</v>
      </c>
      <c r="AH7" s="277">
        <v>19083</v>
      </c>
      <c r="AI7" s="282">
        <v>21211</v>
      </c>
      <c r="AJ7" s="276">
        <v>56</v>
      </c>
      <c r="AK7" s="280">
        <v>297</v>
      </c>
      <c r="AL7" s="277">
        <v>353</v>
      </c>
      <c r="AM7" s="279">
        <v>0</v>
      </c>
      <c r="AN7" s="280">
        <v>146</v>
      </c>
      <c r="AO7" s="280">
        <v>638</v>
      </c>
      <c r="AP7" s="280">
        <v>353</v>
      </c>
      <c r="AQ7" s="280">
        <v>353</v>
      </c>
      <c r="AR7" s="280">
        <v>161</v>
      </c>
      <c r="AS7" s="277">
        <v>1651</v>
      </c>
      <c r="AT7" s="282">
        <v>2004</v>
      </c>
      <c r="AU7" s="276">
        <v>0</v>
      </c>
      <c r="AV7" s="280">
        <v>0</v>
      </c>
      <c r="AW7" s="277">
        <v>0</v>
      </c>
      <c r="AX7" s="279">
        <v>0</v>
      </c>
      <c r="AY7" s="280">
        <v>4806</v>
      </c>
      <c r="AZ7" s="280">
        <v>5642</v>
      </c>
      <c r="BA7" s="280">
        <v>3131</v>
      </c>
      <c r="BB7" s="280">
        <v>1170</v>
      </c>
      <c r="BC7" s="280">
        <v>544</v>
      </c>
      <c r="BD7" s="281">
        <v>15293</v>
      </c>
      <c r="BE7" s="282">
        <v>15293</v>
      </c>
      <c r="BF7" s="276">
        <v>0</v>
      </c>
      <c r="BG7" s="280">
        <v>0</v>
      </c>
      <c r="BH7" s="277">
        <v>0</v>
      </c>
      <c r="BI7" s="279">
        <v>0</v>
      </c>
      <c r="BJ7" s="280">
        <v>860</v>
      </c>
      <c r="BK7" s="280">
        <v>1754</v>
      </c>
      <c r="BL7" s="280">
        <v>1148</v>
      </c>
      <c r="BM7" s="280">
        <v>587</v>
      </c>
      <c r="BN7" s="280">
        <v>180</v>
      </c>
      <c r="BO7" s="277">
        <v>4529</v>
      </c>
      <c r="BP7" s="282">
        <v>4529</v>
      </c>
      <c r="BQ7" s="276">
        <v>4</v>
      </c>
      <c r="BR7" s="280">
        <v>70</v>
      </c>
      <c r="BS7" s="277">
        <v>74</v>
      </c>
      <c r="BT7" s="279">
        <v>0</v>
      </c>
      <c r="BU7" s="280">
        <v>441</v>
      </c>
      <c r="BV7" s="280">
        <v>890</v>
      </c>
      <c r="BW7" s="280">
        <v>1388</v>
      </c>
      <c r="BX7" s="280">
        <v>1187</v>
      </c>
      <c r="BY7" s="280">
        <v>509</v>
      </c>
      <c r="BZ7" s="277">
        <v>4415</v>
      </c>
      <c r="CA7" s="282">
        <v>4489</v>
      </c>
      <c r="CB7" s="276">
        <v>0</v>
      </c>
      <c r="CC7" s="280">
        <v>0</v>
      </c>
      <c r="CD7" s="277">
        <v>0</v>
      </c>
      <c r="CE7" s="279">
        <v>0</v>
      </c>
      <c r="CF7" s="280">
        <v>84</v>
      </c>
      <c r="CG7" s="280">
        <v>155</v>
      </c>
      <c r="CH7" s="280">
        <v>287</v>
      </c>
      <c r="CI7" s="280">
        <v>248</v>
      </c>
      <c r="CJ7" s="280">
        <v>102</v>
      </c>
      <c r="CK7" s="277">
        <v>876</v>
      </c>
      <c r="CL7" s="282">
        <v>876</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4">
        <v>0</v>
      </c>
      <c r="F8" s="279">
        <v>0</v>
      </c>
      <c r="G8" s="280">
        <v>1725</v>
      </c>
      <c r="H8" s="280">
        <v>1877</v>
      </c>
      <c r="I8" s="280">
        <v>2374</v>
      </c>
      <c r="J8" s="280">
        <v>2911</v>
      </c>
      <c r="K8" s="280">
        <v>3067</v>
      </c>
      <c r="L8" s="281">
        <v>11954</v>
      </c>
      <c r="M8" s="282">
        <v>11954</v>
      </c>
      <c r="N8" s="276">
        <v>0</v>
      </c>
      <c r="O8" s="280">
        <v>0</v>
      </c>
      <c r="P8" s="277">
        <v>0</v>
      </c>
      <c r="Q8" s="279">
        <v>0</v>
      </c>
      <c r="R8" s="280">
        <v>5</v>
      </c>
      <c r="S8" s="280">
        <v>21</v>
      </c>
      <c r="T8" s="280">
        <v>23</v>
      </c>
      <c r="U8" s="280">
        <v>53</v>
      </c>
      <c r="V8" s="280">
        <v>139</v>
      </c>
      <c r="W8" s="277">
        <v>241</v>
      </c>
      <c r="X8" s="282">
        <v>241</v>
      </c>
      <c r="Y8" s="276">
        <v>144</v>
      </c>
      <c r="Z8" s="280">
        <v>385</v>
      </c>
      <c r="AA8" s="277">
        <v>529</v>
      </c>
      <c r="AB8" s="279">
        <v>0</v>
      </c>
      <c r="AC8" s="280">
        <v>1311</v>
      </c>
      <c r="AD8" s="280">
        <v>1522</v>
      </c>
      <c r="AE8" s="280">
        <v>1106</v>
      </c>
      <c r="AF8" s="280">
        <v>1145</v>
      </c>
      <c r="AG8" s="280">
        <v>779</v>
      </c>
      <c r="AH8" s="277">
        <v>5863</v>
      </c>
      <c r="AI8" s="282">
        <v>6392</v>
      </c>
      <c r="AJ8" s="276">
        <v>24</v>
      </c>
      <c r="AK8" s="280">
        <v>0</v>
      </c>
      <c r="AL8" s="277">
        <v>24</v>
      </c>
      <c r="AM8" s="279">
        <v>0</v>
      </c>
      <c r="AN8" s="280">
        <v>93</v>
      </c>
      <c r="AO8" s="280">
        <v>157</v>
      </c>
      <c r="AP8" s="280">
        <v>96</v>
      </c>
      <c r="AQ8" s="280">
        <v>151</v>
      </c>
      <c r="AR8" s="280">
        <v>57</v>
      </c>
      <c r="AS8" s="277">
        <v>554</v>
      </c>
      <c r="AT8" s="282">
        <v>578</v>
      </c>
      <c r="AU8" s="276">
        <v>0</v>
      </c>
      <c r="AV8" s="280">
        <v>0</v>
      </c>
      <c r="AW8" s="277">
        <v>0</v>
      </c>
      <c r="AX8" s="279">
        <v>0</v>
      </c>
      <c r="AY8" s="280">
        <v>1906</v>
      </c>
      <c r="AZ8" s="280">
        <v>1237</v>
      </c>
      <c r="BA8" s="280">
        <v>808</v>
      </c>
      <c r="BB8" s="280">
        <v>538</v>
      </c>
      <c r="BC8" s="280">
        <v>215</v>
      </c>
      <c r="BD8" s="281">
        <v>4704</v>
      </c>
      <c r="BE8" s="282">
        <v>4704</v>
      </c>
      <c r="BF8" s="276">
        <v>0</v>
      </c>
      <c r="BG8" s="280">
        <v>0</v>
      </c>
      <c r="BH8" s="277">
        <v>0</v>
      </c>
      <c r="BI8" s="279">
        <v>0</v>
      </c>
      <c r="BJ8" s="280">
        <v>345</v>
      </c>
      <c r="BK8" s="280">
        <v>401</v>
      </c>
      <c r="BL8" s="280">
        <v>298</v>
      </c>
      <c r="BM8" s="280">
        <v>125</v>
      </c>
      <c r="BN8" s="280">
        <v>69</v>
      </c>
      <c r="BO8" s="277">
        <v>1238</v>
      </c>
      <c r="BP8" s="282">
        <v>1238</v>
      </c>
      <c r="BQ8" s="276">
        <v>12</v>
      </c>
      <c r="BR8" s="280">
        <v>9</v>
      </c>
      <c r="BS8" s="277">
        <v>21</v>
      </c>
      <c r="BT8" s="279">
        <v>0</v>
      </c>
      <c r="BU8" s="280">
        <v>127</v>
      </c>
      <c r="BV8" s="280">
        <v>200</v>
      </c>
      <c r="BW8" s="280">
        <v>228</v>
      </c>
      <c r="BX8" s="280">
        <v>141</v>
      </c>
      <c r="BY8" s="280">
        <v>114</v>
      </c>
      <c r="BZ8" s="277">
        <v>810</v>
      </c>
      <c r="CA8" s="282">
        <v>831</v>
      </c>
      <c r="CB8" s="276">
        <v>0</v>
      </c>
      <c r="CC8" s="280">
        <v>6</v>
      </c>
      <c r="CD8" s="277">
        <v>6</v>
      </c>
      <c r="CE8" s="279">
        <v>0</v>
      </c>
      <c r="CF8" s="280">
        <v>24</v>
      </c>
      <c r="CG8" s="280">
        <v>20</v>
      </c>
      <c r="CH8" s="280">
        <v>56</v>
      </c>
      <c r="CI8" s="280">
        <v>65</v>
      </c>
      <c r="CJ8" s="280">
        <v>6</v>
      </c>
      <c r="CK8" s="277">
        <v>171</v>
      </c>
      <c r="CL8" s="282">
        <v>177</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4">
        <v>0</v>
      </c>
      <c r="F9" s="279">
        <v>0</v>
      </c>
      <c r="G9" s="280">
        <v>985</v>
      </c>
      <c r="H9" s="280">
        <v>1791</v>
      </c>
      <c r="I9" s="280">
        <v>1672</v>
      </c>
      <c r="J9" s="280">
        <v>1268</v>
      </c>
      <c r="K9" s="280">
        <v>1192</v>
      </c>
      <c r="L9" s="281">
        <v>6908</v>
      </c>
      <c r="M9" s="282">
        <v>6908</v>
      </c>
      <c r="N9" s="276">
        <v>0</v>
      </c>
      <c r="O9" s="280">
        <v>1</v>
      </c>
      <c r="P9" s="277">
        <v>1</v>
      </c>
      <c r="Q9" s="279">
        <v>0</v>
      </c>
      <c r="R9" s="280">
        <v>0</v>
      </c>
      <c r="S9" s="280">
        <v>0</v>
      </c>
      <c r="T9" s="280">
        <v>5</v>
      </c>
      <c r="U9" s="280">
        <v>23</v>
      </c>
      <c r="V9" s="280">
        <v>48</v>
      </c>
      <c r="W9" s="277">
        <v>76</v>
      </c>
      <c r="X9" s="282">
        <v>77</v>
      </c>
      <c r="Y9" s="276">
        <v>9</v>
      </c>
      <c r="Z9" s="280">
        <v>159</v>
      </c>
      <c r="AA9" s="277">
        <v>168</v>
      </c>
      <c r="AB9" s="279">
        <v>0</v>
      </c>
      <c r="AC9" s="280">
        <v>451</v>
      </c>
      <c r="AD9" s="280">
        <v>942</v>
      </c>
      <c r="AE9" s="280">
        <v>777</v>
      </c>
      <c r="AF9" s="280">
        <v>411</v>
      </c>
      <c r="AG9" s="280">
        <v>300</v>
      </c>
      <c r="AH9" s="277">
        <v>2881</v>
      </c>
      <c r="AI9" s="282">
        <v>3049</v>
      </c>
      <c r="AJ9" s="276">
        <v>0</v>
      </c>
      <c r="AK9" s="280">
        <v>38</v>
      </c>
      <c r="AL9" s="277">
        <v>38</v>
      </c>
      <c r="AM9" s="279">
        <v>0</v>
      </c>
      <c r="AN9" s="280">
        <v>18</v>
      </c>
      <c r="AO9" s="280">
        <v>20</v>
      </c>
      <c r="AP9" s="280">
        <v>6</v>
      </c>
      <c r="AQ9" s="280">
        <v>58</v>
      </c>
      <c r="AR9" s="280">
        <v>22</v>
      </c>
      <c r="AS9" s="277">
        <v>124</v>
      </c>
      <c r="AT9" s="282">
        <v>162</v>
      </c>
      <c r="AU9" s="276">
        <v>0</v>
      </c>
      <c r="AV9" s="280">
        <v>0</v>
      </c>
      <c r="AW9" s="277">
        <v>0</v>
      </c>
      <c r="AX9" s="279">
        <v>0</v>
      </c>
      <c r="AY9" s="280">
        <v>1059</v>
      </c>
      <c r="AZ9" s="280">
        <v>1033</v>
      </c>
      <c r="BA9" s="280">
        <v>827</v>
      </c>
      <c r="BB9" s="280">
        <v>383</v>
      </c>
      <c r="BC9" s="280">
        <v>109</v>
      </c>
      <c r="BD9" s="281">
        <v>3411</v>
      </c>
      <c r="BE9" s="282">
        <v>3411</v>
      </c>
      <c r="BF9" s="276">
        <v>0</v>
      </c>
      <c r="BG9" s="280">
        <v>0</v>
      </c>
      <c r="BH9" s="277">
        <v>0</v>
      </c>
      <c r="BI9" s="279">
        <v>0</v>
      </c>
      <c r="BJ9" s="280">
        <v>96</v>
      </c>
      <c r="BK9" s="280">
        <v>224</v>
      </c>
      <c r="BL9" s="280">
        <v>106</v>
      </c>
      <c r="BM9" s="280">
        <v>113</v>
      </c>
      <c r="BN9" s="280">
        <v>6</v>
      </c>
      <c r="BO9" s="277">
        <v>545</v>
      </c>
      <c r="BP9" s="282">
        <v>545</v>
      </c>
      <c r="BQ9" s="276">
        <v>2</v>
      </c>
      <c r="BR9" s="280">
        <v>9</v>
      </c>
      <c r="BS9" s="277">
        <v>11</v>
      </c>
      <c r="BT9" s="279">
        <v>0</v>
      </c>
      <c r="BU9" s="280">
        <v>44</v>
      </c>
      <c r="BV9" s="280">
        <v>114</v>
      </c>
      <c r="BW9" s="280">
        <v>249</v>
      </c>
      <c r="BX9" s="280">
        <v>176</v>
      </c>
      <c r="BY9" s="280">
        <v>38</v>
      </c>
      <c r="BZ9" s="277">
        <v>621</v>
      </c>
      <c r="CA9" s="282">
        <v>632</v>
      </c>
      <c r="CB9" s="276">
        <v>0</v>
      </c>
      <c r="CC9" s="280">
        <v>0</v>
      </c>
      <c r="CD9" s="277">
        <v>0</v>
      </c>
      <c r="CE9" s="279">
        <v>0</v>
      </c>
      <c r="CF9" s="280">
        <v>0</v>
      </c>
      <c r="CG9" s="280">
        <v>17</v>
      </c>
      <c r="CH9" s="280">
        <v>5</v>
      </c>
      <c r="CI9" s="280">
        <v>0</v>
      </c>
      <c r="CJ9" s="280">
        <v>0</v>
      </c>
      <c r="CK9" s="277">
        <v>22</v>
      </c>
      <c r="CL9" s="282">
        <v>22</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4">
        <v>0</v>
      </c>
      <c r="F10" s="279">
        <v>0</v>
      </c>
      <c r="G10" s="280">
        <v>1500</v>
      </c>
      <c r="H10" s="280">
        <v>1501</v>
      </c>
      <c r="I10" s="280">
        <v>1598</v>
      </c>
      <c r="J10" s="280">
        <v>1953</v>
      </c>
      <c r="K10" s="280">
        <v>1399</v>
      </c>
      <c r="L10" s="281">
        <v>7951</v>
      </c>
      <c r="M10" s="282">
        <v>7951</v>
      </c>
      <c r="N10" s="276">
        <v>0</v>
      </c>
      <c r="O10" s="280">
        <v>0</v>
      </c>
      <c r="P10" s="277">
        <v>0</v>
      </c>
      <c r="Q10" s="279">
        <v>0</v>
      </c>
      <c r="R10" s="280">
        <v>4</v>
      </c>
      <c r="S10" s="280">
        <v>38</v>
      </c>
      <c r="T10" s="280">
        <v>47</v>
      </c>
      <c r="U10" s="280">
        <v>75</v>
      </c>
      <c r="V10" s="280">
        <v>64</v>
      </c>
      <c r="W10" s="277">
        <v>228</v>
      </c>
      <c r="X10" s="282">
        <v>228</v>
      </c>
      <c r="Y10" s="276">
        <v>8</v>
      </c>
      <c r="Z10" s="280">
        <v>28</v>
      </c>
      <c r="AA10" s="277">
        <v>36</v>
      </c>
      <c r="AB10" s="279">
        <v>0</v>
      </c>
      <c r="AC10" s="280">
        <v>463</v>
      </c>
      <c r="AD10" s="280">
        <v>422</v>
      </c>
      <c r="AE10" s="280">
        <v>296</v>
      </c>
      <c r="AF10" s="280">
        <v>211</v>
      </c>
      <c r="AG10" s="280">
        <v>198</v>
      </c>
      <c r="AH10" s="277">
        <v>1590</v>
      </c>
      <c r="AI10" s="282">
        <v>1626</v>
      </c>
      <c r="AJ10" s="276">
        <v>0</v>
      </c>
      <c r="AK10" s="280">
        <v>0</v>
      </c>
      <c r="AL10" s="277">
        <v>0</v>
      </c>
      <c r="AM10" s="279">
        <v>0</v>
      </c>
      <c r="AN10" s="280">
        <v>100</v>
      </c>
      <c r="AO10" s="280">
        <v>35</v>
      </c>
      <c r="AP10" s="280">
        <v>107</v>
      </c>
      <c r="AQ10" s="280">
        <v>35</v>
      </c>
      <c r="AR10" s="280">
        <v>0</v>
      </c>
      <c r="AS10" s="277">
        <v>277</v>
      </c>
      <c r="AT10" s="282">
        <v>277</v>
      </c>
      <c r="AU10" s="276">
        <v>0</v>
      </c>
      <c r="AV10" s="280">
        <v>0</v>
      </c>
      <c r="AW10" s="277">
        <v>0</v>
      </c>
      <c r="AX10" s="279">
        <v>0</v>
      </c>
      <c r="AY10" s="280">
        <v>1215</v>
      </c>
      <c r="AZ10" s="280">
        <v>809</v>
      </c>
      <c r="BA10" s="280">
        <v>466</v>
      </c>
      <c r="BB10" s="280">
        <v>166</v>
      </c>
      <c r="BC10" s="280">
        <v>108</v>
      </c>
      <c r="BD10" s="281">
        <v>2764</v>
      </c>
      <c r="BE10" s="282">
        <v>2764</v>
      </c>
      <c r="BF10" s="276">
        <v>0</v>
      </c>
      <c r="BG10" s="280">
        <v>0</v>
      </c>
      <c r="BH10" s="277">
        <v>0</v>
      </c>
      <c r="BI10" s="279">
        <v>0</v>
      </c>
      <c r="BJ10" s="280">
        <v>168</v>
      </c>
      <c r="BK10" s="280">
        <v>190</v>
      </c>
      <c r="BL10" s="280">
        <v>103</v>
      </c>
      <c r="BM10" s="280">
        <v>51</v>
      </c>
      <c r="BN10" s="280">
        <v>0</v>
      </c>
      <c r="BO10" s="277">
        <v>512</v>
      </c>
      <c r="BP10" s="282">
        <v>512</v>
      </c>
      <c r="BQ10" s="276">
        <v>0</v>
      </c>
      <c r="BR10" s="280">
        <v>0</v>
      </c>
      <c r="BS10" s="277">
        <v>0</v>
      </c>
      <c r="BT10" s="279">
        <v>0</v>
      </c>
      <c r="BU10" s="280">
        <v>153</v>
      </c>
      <c r="BV10" s="280">
        <v>199</v>
      </c>
      <c r="BW10" s="280">
        <v>225</v>
      </c>
      <c r="BX10" s="280">
        <v>209</v>
      </c>
      <c r="BY10" s="280">
        <v>70</v>
      </c>
      <c r="BZ10" s="277">
        <v>856</v>
      </c>
      <c r="CA10" s="282">
        <v>856</v>
      </c>
      <c r="CB10" s="276">
        <v>0</v>
      </c>
      <c r="CC10" s="280">
        <v>0</v>
      </c>
      <c r="CD10" s="277">
        <v>0</v>
      </c>
      <c r="CE10" s="279">
        <v>0</v>
      </c>
      <c r="CF10" s="280">
        <v>9</v>
      </c>
      <c r="CG10" s="280">
        <v>23</v>
      </c>
      <c r="CH10" s="280">
        <v>0</v>
      </c>
      <c r="CI10" s="280">
        <v>0</v>
      </c>
      <c r="CJ10" s="280">
        <v>0</v>
      </c>
      <c r="CK10" s="277">
        <v>32</v>
      </c>
      <c r="CL10" s="282">
        <v>32</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4">
        <v>0</v>
      </c>
      <c r="F11" s="279">
        <v>0</v>
      </c>
      <c r="G11" s="280">
        <v>415</v>
      </c>
      <c r="H11" s="280">
        <v>698</v>
      </c>
      <c r="I11" s="280">
        <v>467</v>
      </c>
      <c r="J11" s="280">
        <v>337</v>
      </c>
      <c r="K11" s="280">
        <v>592</v>
      </c>
      <c r="L11" s="281">
        <v>2509</v>
      </c>
      <c r="M11" s="282">
        <v>2509</v>
      </c>
      <c r="N11" s="276">
        <v>0</v>
      </c>
      <c r="O11" s="280">
        <v>0</v>
      </c>
      <c r="P11" s="277">
        <v>0</v>
      </c>
      <c r="Q11" s="279">
        <v>0</v>
      </c>
      <c r="R11" s="280">
        <v>0</v>
      </c>
      <c r="S11" s="280">
        <v>0</v>
      </c>
      <c r="T11" s="280">
        <v>9</v>
      </c>
      <c r="U11" s="280">
        <v>12</v>
      </c>
      <c r="V11" s="280">
        <v>27</v>
      </c>
      <c r="W11" s="277">
        <v>48</v>
      </c>
      <c r="X11" s="282">
        <v>48</v>
      </c>
      <c r="Y11" s="276">
        <v>8</v>
      </c>
      <c r="Z11" s="280">
        <v>28</v>
      </c>
      <c r="AA11" s="277">
        <v>36</v>
      </c>
      <c r="AB11" s="279">
        <v>0</v>
      </c>
      <c r="AC11" s="280">
        <v>166</v>
      </c>
      <c r="AD11" s="280">
        <v>144</v>
      </c>
      <c r="AE11" s="280">
        <v>190</v>
      </c>
      <c r="AF11" s="280">
        <v>127</v>
      </c>
      <c r="AG11" s="280">
        <v>82</v>
      </c>
      <c r="AH11" s="277">
        <v>709</v>
      </c>
      <c r="AI11" s="282">
        <v>745</v>
      </c>
      <c r="AJ11" s="276">
        <v>0</v>
      </c>
      <c r="AK11" s="280">
        <v>8</v>
      </c>
      <c r="AL11" s="277">
        <v>8</v>
      </c>
      <c r="AM11" s="279">
        <v>0</v>
      </c>
      <c r="AN11" s="280">
        <v>20</v>
      </c>
      <c r="AO11" s="280">
        <v>23</v>
      </c>
      <c r="AP11" s="280">
        <v>51</v>
      </c>
      <c r="AQ11" s="280">
        <v>27</v>
      </c>
      <c r="AR11" s="280">
        <v>8</v>
      </c>
      <c r="AS11" s="277">
        <v>129</v>
      </c>
      <c r="AT11" s="282">
        <v>137</v>
      </c>
      <c r="AU11" s="276">
        <v>0</v>
      </c>
      <c r="AV11" s="280">
        <v>0</v>
      </c>
      <c r="AW11" s="277">
        <v>0</v>
      </c>
      <c r="AX11" s="279">
        <v>0</v>
      </c>
      <c r="AY11" s="280">
        <v>271</v>
      </c>
      <c r="AZ11" s="280">
        <v>430</v>
      </c>
      <c r="BA11" s="280">
        <v>270</v>
      </c>
      <c r="BB11" s="280">
        <v>182</v>
      </c>
      <c r="BC11" s="280">
        <v>34</v>
      </c>
      <c r="BD11" s="281">
        <v>1187</v>
      </c>
      <c r="BE11" s="282">
        <v>1187</v>
      </c>
      <c r="BF11" s="276">
        <v>0</v>
      </c>
      <c r="BG11" s="280">
        <v>0</v>
      </c>
      <c r="BH11" s="277">
        <v>0</v>
      </c>
      <c r="BI11" s="279">
        <v>0</v>
      </c>
      <c r="BJ11" s="280">
        <v>71</v>
      </c>
      <c r="BK11" s="280">
        <v>88</v>
      </c>
      <c r="BL11" s="280">
        <v>52</v>
      </c>
      <c r="BM11" s="280">
        <v>44</v>
      </c>
      <c r="BN11" s="280">
        <v>0</v>
      </c>
      <c r="BO11" s="277">
        <v>255</v>
      </c>
      <c r="BP11" s="282">
        <v>255</v>
      </c>
      <c r="BQ11" s="276">
        <v>10</v>
      </c>
      <c r="BR11" s="280">
        <v>0</v>
      </c>
      <c r="BS11" s="277">
        <v>10</v>
      </c>
      <c r="BT11" s="279">
        <v>0</v>
      </c>
      <c r="BU11" s="280">
        <v>46</v>
      </c>
      <c r="BV11" s="280">
        <v>10</v>
      </c>
      <c r="BW11" s="280">
        <v>94</v>
      </c>
      <c r="BX11" s="280">
        <v>41</v>
      </c>
      <c r="BY11" s="280">
        <v>37</v>
      </c>
      <c r="BZ11" s="277">
        <v>228</v>
      </c>
      <c r="CA11" s="282">
        <v>238</v>
      </c>
      <c r="CB11" s="276">
        <v>0</v>
      </c>
      <c r="CC11" s="280">
        <v>0</v>
      </c>
      <c r="CD11" s="277">
        <v>0</v>
      </c>
      <c r="CE11" s="279">
        <v>0</v>
      </c>
      <c r="CF11" s="280">
        <v>0</v>
      </c>
      <c r="CG11" s="280">
        <v>1</v>
      </c>
      <c r="CH11" s="280">
        <v>0</v>
      </c>
      <c r="CI11" s="280">
        <v>0</v>
      </c>
      <c r="CJ11" s="280">
        <v>0</v>
      </c>
      <c r="CK11" s="277">
        <v>1</v>
      </c>
      <c r="CL11" s="282">
        <v>1</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4">
        <v>0</v>
      </c>
      <c r="F12" s="279">
        <v>0</v>
      </c>
      <c r="G12" s="280">
        <v>666</v>
      </c>
      <c r="H12" s="280">
        <v>761</v>
      </c>
      <c r="I12" s="280">
        <v>935</v>
      </c>
      <c r="J12" s="280">
        <v>1741</v>
      </c>
      <c r="K12" s="280">
        <v>1099</v>
      </c>
      <c r="L12" s="281">
        <v>5202</v>
      </c>
      <c r="M12" s="282">
        <v>5202</v>
      </c>
      <c r="N12" s="276">
        <v>0</v>
      </c>
      <c r="O12" s="280">
        <v>0</v>
      </c>
      <c r="P12" s="277">
        <v>0</v>
      </c>
      <c r="Q12" s="279">
        <v>0</v>
      </c>
      <c r="R12" s="280">
        <v>0</v>
      </c>
      <c r="S12" s="280">
        <v>0</v>
      </c>
      <c r="T12" s="280">
        <v>12</v>
      </c>
      <c r="U12" s="280">
        <v>10</v>
      </c>
      <c r="V12" s="280">
        <v>28</v>
      </c>
      <c r="W12" s="277">
        <v>50</v>
      </c>
      <c r="X12" s="282">
        <v>50</v>
      </c>
      <c r="Y12" s="276">
        <v>22</v>
      </c>
      <c r="Z12" s="280">
        <v>52</v>
      </c>
      <c r="AA12" s="277">
        <v>74</v>
      </c>
      <c r="AB12" s="279">
        <v>0</v>
      </c>
      <c r="AC12" s="280">
        <v>434</v>
      </c>
      <c r="AD12" s="280">
        <v>230</v>
      </c>
      <c r="AE12" s="280">
        <v>269</v>
      </c>
      <c r="AF12" s="280">
        <v>319</v>
      </c>
      <c r="AG12" s="280">
        <v>247</v>
      </c>
      <c r="AH12" s="277">
        <v>1499</v>
      </c>
      <c r="AI12" s="282">
        <v>1573</v>
      </c>
      <c r="AJ12" s="276">
        <v>0</v>
      </c>
      <c r="AK12" s="280">
        <v>0</v>
      </c>
      <c r="AL12" s="277">
        <v>0</v>
      </c>
      <c r="AM12" s="279">
        <v>0</v>
      </c>
      <c r="AN12" s="280">
        <v>4</v>
      </c>
      <c r="AO12" s="280">
        <v>56</v>
      </c>
      <c r="AP12" s="280">
        <v>57</v>
      </c>
      <c r="AQ12" s="280">
        <v>91</v>
      </c>
      <c r="AR12" s="280">
        <v>13</v>
      </c>
      <c r="AS12" s="277">
        <v>221</v>
      </c>
      <c r="AT12" s="282">
        <v>221</v>
      </c>
      <c r="AU12" s="276">
        <v>0</v>
      </c>
      <c r="AV12" s="280">
        <v>0</v>
      </c>
      <c r="AW12" s="277">
        <v>0</v>
      </c>
      <c r="AX12" s="279">
        <v>0</v>
      </c>
      <c r="AY12" s="280">
        <v>338</v>
      </c>
      <c r="AZ12" s="280">
        <v>318</v>
      </c>
      <c r="BA12" s="280">
        <v>278</v>
      </c>
      <c r="BB12" s="280">
        <v>227</v>
      </c>
      <c r="BC12" s="280">
        <v>53</v>
      </c>
      <c r="BD12" s="281">
        <v>1214</v>
      </c>
      <c r="BE12" s="282">
        <v>1214</v>
      </c>
      <c r="BF12" s="276">
        <v>0</v>
      </c>
      <c r="BG12" s="280">
        <v>0</v>
      </c>
      <c r="BH12" s="277">
        <v>0</v>
      </c>
      <c r="BI12" s="279">
        <v>0</v>
      </c>
      <c r="BJ12" s="280">
        <v>149</v>
      </c>
      <c r="BK12" s="280">
        <v>125</v>
      </c>
      <c r="BL12" s="280">
        <v>84</v>
      </c>
      <c r="BM12" s="280">
        <v>70</v>
      </c>
      <c r="BN12" s="280">
        <v>15</v>
      </c>
      <c r="BO12" s="277">
        <v>443</v>
      </c>
      <c r="BP12" s="282">
        <v>443</v>
      </c>
      <c r="BQ12" s="276">
        <v>0</v>
      </c>
      <c r="BR12" s="280">
        <v>0</v>
      </c>
      <c r="BS12" s="277">
        <v>0</v>
      </c>
      <c r="BT12" s="279">
        <v>0</v>
      </c>
      <c r="BU12" s="280">
        <v>36</v>
      </c>
      <c r="BV12" s="280">
        <v>31</v>
      </c>
      <c r="BW12" s="280">
        <v>92</v>
      </c>
      <c r="BX12" s="280">
        <v>78</v>
      </c>
      <c r="BY12" s="280">
        <v>35</v>
      </c>
      <c r="BZ12" s="277">
        <v>272</v>
      </c>
      <c r="CA12" s="282">
        <v>272</v>
      </c>
      <c r="CB12" s="276">
        <v>0</v>
      </c>
      <c r="CC12" s="280">
        <v>0</v>
      </c>
      <c r="CD12" s="277">
        <v>0</v>
      </c>
      <c r="CE12" s="279">
        <v>0</v>
      </c>
      <c r="CF12" s="280">
        <v>0</v>
      </c>
      <c r="CG12" s="280">
        <v>3</v>
      </c>
      <c r="CH12" s="280">
        <v>0</v>
      </c>
      <c r="CI12" s="280">
        <v>5</v>
      </c>
      <c r="CJ12" s="280">
        <v>2</v>
      </c>
      <c r="CK12" s="277">
        <v>10</v>
      </c>
      <c r="CL12" s="282">
        <v>10</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4">
        <v>0</v>
      </c>
      <c r="F13" s="279">
        <v>0</v>
      </c>
      <c r="G13" s="280">
        <v>1248</v>
      </c>
      <c r="H13" s="280">
        <v>973</v>
      </c>
      <c r="I13" s="280">
        <v>1152</v>
      </c>
      <c r="J13" s="280">
        <v>1055</v>
      </c>
      <c r="K13" s="280">
        <v>974</v>
      </c>
      <c r="L13" s="281">
        <v>5402</v>
      </c>
      <c r="M13" s="282">
        <v>5402</v>
      </c>
      <c r="N13" s="276">
        <v>0</v>
      </c>
      <c r="O13" s="280">
        <v>0</v>
      </c>
      <c r="P13" s="277">
        <v>0</v>
      </c>
      <c r="Q13" s="279">
        <v>0</v>
      </c>
      <c r="R13" s="280">
        <v>0</v>
      </c>
      <c r="S13" s="280">
        <v>0</v>
      </c>
      <c r="T13" s="280">
        <v>6</v>
      </c>
      <c r="U13" s="280">
        <v>78</v>
      </c>
      <c r="V13" s="280">
        <v>64</v>
      </c>
      <c r="W13" s="277">
        <v>148</v>
      </c>
      <c r="X13" s="282">
        <v>148</v>
      </c>
      <c r="Y13" s="276">
        <v>80</v>
      </c>
      <c r="Z13" s="280">
        <v>97</v>
      </c>
      <c r="AA13" s="277">
        <v>177</v>
      </c>
      <c r="AB13" s="279">
        <v>0</v>
      </c>
      <c r="AC13" s="280">
        <v>724</v>
      </c>
      <c r="AD13" s="280">
        <v>355</v>
      </c>
      <c r="AE13" s="280">
        <v>316</v>
      </c>
      <c r="AF13" s="280">
        <v>273</v>
      </c>
      <c r="AG13" s="280">
        <v>146</v>
      </c>
      <c r="AH13" s="277">
        <v>1814</v>
      </c>
      <c r="AI13" s="282">
        <v>1991</v>
      </c>
      <c r="AJ13" s="276">
        <v>10</v>
      </c>
      <c r="AK13" s="280">
        <v>25</v>
      </c>
      <c r="AL13" s="277">
        <v>35</v>
      </c>
      <c r="AM13" s="279">
        <v>0</v>
      </c>
      <c r="AN13" s="280">
        <v>96</v>
      </c>
      <c r="AO13" s="280">
        <v>81</v>
      </c>
      <c r="AP13" s="280">
        <v>12</v>
      </c>
      <c r="AQ13" s="280">
        <v>33</v>
      </c>
      <c r="AR13" s="280">
        <v>89</v>
      </c>
      <c r="AS13" s="277">
        <v>311</v>
      </c>
      <c r="AT13" s="282">
        <v>346</v>
      </c>
      <c r="AU13" s="276">
        <v>0</v>
      </c>
      <c r="AV13" s="280">
        <v>0</v>
      </c>
      <c r="AW13" s="277">
        <v>0</v>
      </c>
      <c r="AX13" s="279">
        <v>0</v>
      </c>
      <c r="AY13" s="280">
        <v>966</v>
      </c>
      <c r="AZ13" s="280">
        <v>680</v>
      </c>
      <c r="BA13" s="280">
        <v>379</v>
      </c>
      <c r="BB13" s="280">
        <v>177</v>
      </c>
      <c r="BC13" s="280">
        <v>53</v>
      </c>
      <c r="BD13" s="281">
        <v>2255</v>
      </c>
      <c r="BE13" s="282">
        <v>2255</v>
      </c>
      <c r="BF13" s="276">
        <v>0</v>
      </c>
      <c r="BG13" s="280">
        <v>0</v>
      </c>
      <c r="BH13" s="277">
        <v>0</v>
      </c>
      <c r="BI13" s="279">
        <v>0</v>
      </c>
      <c r="BJ13" s="280">
        <v>140</v>
      </c>
      <c r="BK13" s="280">
        <v>62</v>
      </c>
      <c r="BL13" s="280">
        <v>53</v>
      </c>
      <c r="BM13" s="280">
        <v>33</v>
      </c>
      <c r="BN13" s="280">
        <v>8</v>
      </c>
      <c r="BO13" s="277">
        <v>296</v>
      </c>
      <c r="BP13" s="282">
        <v>296</v>
      </c>
      <c r="BQ13" s="276">
        <v>0</v>
      </c>
      <c r="BR13" s="280">
        <v>0</v>
      </c>
      <c r="BS13" s="277">
        <v>0</v>
      </c>
      <c r="BT13" s="279">
        <v>0</v>
      </c>
      <c r="BU13" s="280">
        <v>43</v>
      </c>
      <c r="BV13" s="280">
        <v>101</v>
      </c>
      <c r="BW13" s="280">
        <v>282</v>
      </c>
      <c r="BX13" s="280">
        <v>182</v>
      </c>
      <c r="BY13" s="280">
        <v>6</v>
      </c>
      <c r="BZ13" s="277">
        <v>614</v>
      </c>
      <c r="CA13" s="282">
        <v>614</v>
      </c>
      <c r="CB13" s="276">
        <v>0</v>
      </c>
      <c r="CC13" s="280">
        <v>0</v>
      </c>
      <c r="CD13" s="277">
        <v>0</v>
      </c>
      <c r="CE13" s="279">
        <v>0</v>
      </c>
      <c r="CF13" s="280">
        <v>6</v>
      </c>
      <c r="CG13" s="280">
        <v>17</v>
      </c>
      <c r="CH13" s="280">
        <v>10</v>
      </c>
      <c r="CI13" s="280">
        <v>9</v>
      </c>
      <c r="CJ13" s="280">
        <v>0</v>
      </c>
      <c r="CK13" s="277">
        <v>42</v>
      </c>
      <c r="CL13" s="282">
        <v>42</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4">
        <v>0</v>
      </c>
      <c r="F14" s="279">
        <v>0</v>
      </c>
      <c r="G14" s="280">
        <v>84</v>
      </c>
      <c r="H14" s="280">
        <v>187</v>
      </c>
      <c r="I14" s="280">
        <v>567</v>
      </c>
      <c r="J14" s="280">
        <v>360</v>
      </c>
      <c r="K14" s="280">
        <v>565</v>
      </c>
      <c r="L14" s="281">
        <v>1763</v>
      </c>
      <c r="M14" s="282">
        <v>1763</v>
      </c>
      <c r="N14" s="276">
        <v>0</v>
      </c>
      <c r="O14" s="280">
        <v>0</v>
      </c>
      <c r="P14" s="277">
        <v>0</v>
      </c>
      <c r="Q14" s="279">
        <v>0</v>
      </c>
      <c r="R14" s="280">
        <v>0</v>
      </c>
      <c r="S14" s="280">
        <v>8</v>
      </c>
      <c r="T14" s="280">
        <v>11</v>
      </c>
      <c r="U14" s="280">
        <v>19</v>
      </c>
      <c r="V14" s="280">
        <v>20</v>
      </c>
      <c r="W14" s="277">
        <v>58</v>
      </c>
      <c r="X14" s="282">
        <v>58</v>
      </c>
      <c r="Y14" s="276">
        <v>18</v>
      </c>
      <c r="Z14" s="280">
        <v>17</v>
      </c>
      <c r="AA14" s="277">
        <v>35</v>
      </c>
      <c r="AB14" s="279">
        <v>0</v>
      </c>
      <c r="AC14" s="280">
        <v>220</v>
      </c>
      <c r="AD14" s="280">
        <v>176</v>
      </c>
      <c r="AE14" s="280">
        <v>105</v>
      </c>
      <c r="AF14" s="280">
        <v>156</v>
      </c>
      <c r="AG14" s="280">
        <v>138</v>
      </c>
      <c r="AH14" s="277">
        <v>795</v>
      </c>
      <c r="AI14" s="282">
        <v>830</v>
      </c>
      <c r="AJ14" s="276">
        <v>0</v>
      </c>
      <c r="AK14" s="280">
        <v>20</v>
      </c>
      <c r="AL14" s="277">
        <v>20</v>
      </c>
      <c r="AM14" s="279">
        <v>0</v>
      </c>
      <c r="AN14" s="280">
        <v>34</v>
      </c>
      <c r="AO14" s="280">
        <v>16</v>
      </c>
      <c r="AP14" s="280">
        <v>0</v>
      </c>
      <c r="AQ14" s="280">
        <v>69</v>
      </c>
      <c r="AR14" s="280">
        <v>0</v>
      </c>
      <c r="AS14" s="277">
        <v>119</v>
      </c>
      <c r="AT14" s="282">
        <v>139</v>
      </c>
      <c r="AU14" s="276">
        <v>0</v>
      </c>
      <c r="AV14" s="280">
        <v>0</v>
      </c>
      <c r="AW14" s="277">
        <v>0</v>
      </c>
      <c r="AX14" s="279">
        <v>0</v>
      </c>
      <c r="AY14" s="280">
        <v>301</v>
      </c>
      <c r="AZ14" s="280">
        <v>150</v>
      </c>
      <c r="BA14" s="280">
        <v>266</v>
      </c>
      <c r="BB14" s="280">
        <v>143</v>
      </c>
      <c r="BC14" s="280">
        <v>13</v>
      </c>
      <c r="BD14" s="281">
        <v>873</v>
      </c>
      <c r="BE14" s="282">
        <v>873</v>
      </c>
      <c r="BF14" s="276">
        <v>0</v>
      </c>
      <c r="BG14" s="280">
        <v>0</v>
      </c>
      <c r="BH14" s="277">
        <v>0</v>
      </c>
      <c r="BI14" s="279">
        <v>0</v>
      </c>
      <c r="BJ14" s="280">
        <v>115</v>
      </c>
      <c r="BK14" s="280">
        <v>63</v>
      </c>
      <c r="BL14" s="280">
        <v>28</v>
      </c>
      <c r="BM14" s="280">
        <v>65</v>
      </c>
      <c r="BN14" s="280">
        <v>8</v>
      </c>
      <c r="BO14" s="277">
        <v>279</v>
      </c>
      <c r="BP14" s="282">
        <v>279</v>
      </c>
      <c r="BQ14" s="276">
        <v>2</v>
      </c>
      <c r="BR14" s="280">
        <v>18</v>
      </c>
      <c r="BS14" s="277">
        <v>20</v>
      </c>
      <c r="BT14" s="279">
        <v>0</v>
      </c>
      <c r="BU14" s="280">
        <v>52</v>
      </c>
      <c r="BV14" s="280">
        <v>37</v>
      </c>
      <c r="BW14" s="280">
        <v>80</v>
      </c>
      <c r="BX14" s="280">
        <v>41</v>
      </c>
      <c r="BY14" s="280">
        <v>0</v>
      </c>
      <c r="BZ14" s="277">
        <v>210</v>
      </c>
      <c r="CA14" s="282">
        <v>230</v>
      </c>
      <c r="CB14" s="276">
        <v>0</v>
      </c>
      <c r="CC14" s="280">
        <v>0</v>
      </c>
      <c r="CD14" s="277">
        <v>0</v>
      </c>
      <c r="CE14" s="279">
        <v>0</v>
      </c>
      <c r="CF14" s="280">
        <v>0</v>
      </c>
      <c r="CG14" s="280">
        <v>13</v>
      </c>
      <c r="CH14" s="280">
        <v>0</v>
      </c>
      <c r="CI14" s="280">
        <v>0</v>
      </c>
      <c r="CJ14" s="280">
        <v>0</v>
      </c>
      <c r="CK14" s="277">
        <v>13</v>
      </c>
      <c r="CL14" s="282">
        <v>13</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4">
        <v>0</v>
      </c>
      <c r="F15" s="279">
        <v>0</v>
      </c>
      <c r="G15" s="280">
        <v>469</v>
      </c>
      <c r="H15" s="280">
        <v>582</v>
      </c>
      <c r="I15" s="280">
        <v>636</v>
      </c>
      <c r="J15" s="280">
        <v>1536</v>
      </c>
      <c r="K15" s="280">
        <v>706</v>
      </c>
      <c r="L15" s="281">
        <v>3929</v>
      </c>
      <c r="M15" s="282">
        <v>3929</v>
      </c>
      <c r="N15" s="276">
        <v>0</v>
      </c>
      <c r="O15" s="280">
        <v>0</v>
      </c>
      <c r="P15" s="277">
        <v>0</v>
      </c>
      <c r="Q15" s="279">
        <v>0</v>
      </c>
      <c r="R15" s="280">
        <v>0</v>
      </c>
      <c r="S15" s="280">
        <v>4</v>
      </c>
      <c r="T15" s="280">
        <v>7</v>
      </c>
      <c r="U15" s="280">
        <v>12</v>
      </c>
      <c r="V15" s="280">
        <v>12</v>
      </c>
      <c r="W15" s="277">
        <v>35</v>
      </c>
      <c r="X15" s="282">
        <v>35</v>
      </c>
      <c r="Y15" s="276">
        <v>72</v>
      </c>
      <c r="Z15" s="280">
        <v>112</v>
      </c>
      <c r="AA15" s="277">
        <v>184</v>
      </c>
      <c r="AB15" s="279">
        <v>0</v>
      </c>
      <c r="AC15" s="280">
        <v>175</v>
      </c>
      <c r="AD15" s="280">
        <v>254</v>
      </c>
      <c r="AE15" s="280">
        <v>178</v>
      </c>
      <c r="AF15" s="280">
        <v>126</v>
      </c>
      <c r="AG15" s="280">
        <v>38</v>
      </c>
      <c r="AH15" s="277">
        <v>771</v>
      </c>
      <c r="AI15" s="282">
        <v>955</v>
      </c>
      <c r="AJ15" s="276">
        <v>0</v>
      </c>
      <c r="AK15" s="280">
        <v>0</v>
      </c>
      <c r="AL15" s="277">
        <v>0</v>
      </c>
      <c r="AM15" s="279">
        <v>0</v>
      </c>
      <c r="AN15" s="280">
        <v>0</v>
      </c>
      <c r="AO15" s="280">
        <v>63</v>
      </c>
      <c r="AP15" s="280">
        <v>64</v>
      </c>
      <c r="AQ15" s="280">
        <v>14</v>
      </c>
      <c r="AR15" s="280">
        <v>8</v>
      </c>
      <c r="AS15" s="277">
        <v>149</v>
      </c>
      <c r="AT15" s="282">
        <v>149</v>
      </c>
      <c r="AU15" s="276">
        <v>0</v>
      </c>
      <c r="AV15" s="280">
        <v>0</v>
      </c>
      <c r="AW15" s="277">
        <v>0</v>
      </c>
      <c r="AX15" s="279">
        <v>0</v>
      </c>
      <c r="AY15" s="280">
        <v>415</v>
      </c>
      <c r="AZ15" s="280">
        <v>265</v>
      </c>
      <c r="BA15" s="280">
        <v>211</v>
      </c>
      <c r="BB15" s="280">
        <v>96</v>
      </c>
      <c r="BC15" s="280">
        <v>22</v>
      </c>
      <c r="BD15" s="281">
        <v>1009</v>
      </c>
      <c r="BE15" s="282">
        <v>1009</v>
      </c>
      <c r="BF15" s="276">
        <v>0</v>
      </c>
      <c r="BG15" s="280">
        <v>0</v>
      </c>
      <c r="BH15" s="277">
        <v>0</v>
      </c>
      <c r="BI15" s="279">
        <v>0</v>
      </c>
      <c r="BJ15" s="280">
        <v>47</v>
      </c>
      <c r="BK15" s="280">
        <v>115</v>
      </c>
      <c r="BL15" s="280">
        <v>81</v>
      </c>
      <c r="BM15" s="280">
        <v>49</v>
      </c>
      <c r="BN15" s="280">
        <v>20</v>
      </c>
      <c r="BO15" s="277">
        <v>312</v>
      </c>
      <c r="BP15" s="282">
        <v>312</v>
      </c>
      <c r="BQ15" s="276">
        <v>0</v>
      </c>
      <c r="BR15" s="280">
        <v>12</v>
      </c>
      <c r="BS15" s="277">
        <v>12</v>
      </c>
      <c r="BT15" s="279">
        <v>0</v>
      </c>
      <c r="BU15" s="280">
        <v>67</v>
      </c>
      <c r="BV15" s="280">
        <v>20</v>
      </c>
      <c r="BW15" s="280">
        <v>46</v>
      </c>
      <c r="BX15" s="280">
        <v>148</v>
      </c>
      <c r="BY15" s="280">
        <v>22</v>
      </c>
      <c r="BZ15" s="277">
        <v>303</v>
      </c>
      <c r="CA15" s="282">
        <v>315</v>
      </c>
      <c r="CB15" s="276">
        <v>0</v>
      </c>
      <c r="CC15" s="280">
        <v>0</v>
      </c>
      <c r="CD15" s="277">
        <v>0</v>
      </c>
      <c r="CE15" s="279">
        <v>0</v>
      </c>
      <c r="CF15" s="280">
        <v>0</v>
      </c>
      <c r="CG15" s="280">
        <v>7</v>
      </c>
      <c r="CH15" s="280">
        <v>10</v>
      </c>
      <c r="CI15" s="280">
        <v>4</v>
      </c>
      <c r="CJ15" s="280">
        <v>0</v>
      </c>
      <c r="CK15" s="277">
        <v>21</v>
      </c>
      <c r="CL15" s="282">
        <v>21</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4">
        <v>0</v>
      </c>
      <c r="F16" s="279">
        <v>0</v>
      </c>
      <c r="G16" s="280">
        <v>157</v>
      </c>
      <c r="H16" s="280">
        <v>318</v>
      </c>
      <c r="I16" s="280">
        <v>283</v>
      </c>
      <c r="J16" s="280">
        <v>387</v>
      </c>
      <c r="K16" s="280">
        <v>408</v>
      </c>
      <c r="L16" s="281">
        <v>1553</v>
      </c>
      <c r="M16" s="282">
        <v>1553</v>
      </c>
      <c r="N16" s="276">
        <v>0</v>
      </c>
      <c r="O16" s="280">
        <v>0</v>
      </c>
      <c r="P16" s="277">
        <v>0</v>
      </c>
      <c r="Q16" s="279">
        <v>0</v>
      </c>
      <c r="R16" s="280">
        <v>0</v>
      </c>
      <c r="S16" s="280">
        <v>4</v>
      </c>
      <c r="T16" s="280">
        <v>0</v>
      </c>
      <c r="U16" s="280">
        <v>4</v>
      </c>
      <c r="V16" s="280">
        <v>30</v>
      </c>
      <c r="W16" s="277">
        <v>38</v>
      </c>
      <c r="X16" s="282">
        <v>38</v>
      </c>
      <c r="Y16" s="276">
        <v>0</v>
      </c>
      <c r="Z16" s="280">
        <v>12</v>
      </c>
      <c r="AA16" s="277">
        <v>12</v>
      </c>
      <c r="AB16" s="279">
        <v>0</v>
      </c>
      <c r="AC16" s="280">
        <v>116</v>
      </c>
      <c r="AD16" s="280">
        <v>140</v>
      </c>
      <c r="AE16" s="280">
        <v>121</v>
      </c>
      <c r="AF16" s="280">
        <v>88</v>
      </c>
      <c r="AG16" s="280">
        <v>76</v>
      </c>
      <c r="AH16" s="277">
        <v>541</v>
      </c>
      <c r="AI16" s="282">
        <v>553</v>
      </c>
      <c r="AJ16" s="276">
        <v>12</v>
      </c>
      <c r="AK16" s="280">
        <v>6</v>
      </c>
      <c r="AL16" s="277">
        <v>18</v>
      </c>
      <c r="AM16" s="279">
        <v>0</v>
      </c>
      <c r="AN16" s="280">
        <v>16</v>
      </c>
      <c r="AO16" s="280">
        <v>0</v>
      </c>
      <c r="AP16" s="280">
        <v>0</v>
      </c>
      <c r="AQ16" s="280">
        <v>5</v>
      </c>
      <c r="AR16" s="280">
        <v>8</v>
      </c>
      <c r="AS16" s="277">
        <v>29</v>
      </c>
      <c r="AT16" s="282">
        <v>47</v>
      </c>
      <c r="AU16" s="276">
        <v>0</v>
      </c>
      <c r="AV16" s="280">
        <v>0</v>
      </c>
      <c r="AW16" s="277">
        <v>0</v>
      </c>
      <c r="AX16" s="279">
        <v>0</v>
      </c>
      <c r="AY16" s="280">
        <v>127</v>
      </c>
      <c r="AZ16" s="280">
        <v>148</v>
      </c>
      <c r="BA16" s="280">
        <v>118</v>
      </c>
      <c r="BB16" s="280">
        <v>54</v>
      </c>
      <c r="BC16" s="280">
        <v>43</v>
      </c>
      <c r="BD16" s="281">
        <v>490</v>
      </c>
      <c r="BE16" s="282">
        <v>490</v>
      </c>
      <c r="BF16" s="276">
        <v>0</v>
      </c>
      <c r="BG16" s="280">
        <v>0</v>
      </c>
      <c r="BH16" s="277">
        <v>0</v>
      </c>
      <c r="BI16" s="279">
        <v>0</v>
      </c>
      <c r="BJ16" s="280">
        <v>17</v>
      </c>
      <c r="BK16" s="280">
        <v>41</v>
      </c>
      <c r="BL16" s="280">
        <v>14</v>
      </c>
      <c r="BM16" s="280">
        <v>28</v>
      </c>
      <c r="BN16" s="280">
        <v>5</v>
      </c>
      <c r="BO16" s="277">
        <v>105</v>
      </c>
      <c r="BP16" s="282">
        <v>105</v>
      </c>
      <c r="BQ16" s="276">
        <v>5</v>
      </c>
      <c r="BR16" s="280">
        <v>0</v>
      </c>
      <c r="BS16" s="277">
        <v>5</v>
      </c>
      <c r="BT16" s="279">
        <v>0</v>
      </c>
      <c r="BU16" s="280">
        <v>3</v>
      </c>
      <c r="BV16" s="280">
        <v>5</v>
      </c>
      <c r="BW16" s="280">
        <v>50</v>
      </c>
      <c r="BX16" s="280">
        <v>98</v>
      </c>
      <c r="BY16" s="280">
        <v>13</v>
      </c>
      <c r="BZ16" s="277">
        <v>169</v>
      </c>
      <c r="CA16" s="282">
        <v>174</v>
      </c>
      <c r="CB16" s="276">
        <v>0</v>
      </c>
      <c r="CC16" s="280">
        <v>0</v>
      </c>
      <c r="CD16" s="277">
        <v>0</v>
      </c>
      <c r="CE16" s="279">
        <v>0</v>
      </c>
      <c r="CF16" s="280">
        <v>0</v>
      </c>
      <c r="CG16" s="280">
        <v>0</v>
      </c>
      <c r="CH16" s="280">
        <v>4</v>
      </c>
      <c r="CI16" s="280">
        <v>0</v>
      </c>
      <c r="CJ16" s="280">
        <v>0</v>
      </c>
      <c r="CK16" s="277">
        <v>4</v>
      </c>
      <c r="CL16" s="282">
        <v>4</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4">
        <v>0</v>
      </c>
      <c r="F17" s="279">
        <v>0</v>
      </c>
      <c r="G17" s="280">
        <v>53</v>
      </c>
      <c r="H17" s="280">
        <v>91</v>
      </c>
      <c r="I17" s="280">
        <v>115</v>
      </c>
      <c r="J17" s="280">
        <v>141</v>
      </c>
      <c r="K17" s="280">
        <v>106</v>
      </c>
      <c r="L17" s="281">
        <v>506</v>
      </c>
      <c r="M17" s="282">
        <v>506</v>
      </c>
      <c r="N17" s="276">
        <v>0</v>
      </c>
      <c r="O17" s="280">
        <v>0</v>
      </c>
      <c r="P17" s="277">
        <v>0</v>
      </c>
      <c r="Q17" s="279">
        <v>0</v>
      </c>
      <c r="R17" s="280">
        <v>0</v>
      </c>
      <c r="S17" s="280">
        <v>0</v>
      </c>
      <c r="T17" s="280">
        <v>0</v>
      </c>
      <c r="U17" s="280">
        <v>4</v>
      </c>
      <c r="V17" s="280">
        <v>0</v>
      </c>
      <c r="W17" s="277">
        <v>4</v>
      </c>
      <c r="X17" s="282">
        <v>4</v>
      </c>
      <c r="Y17" s="276">
        <v>0</v>
      </c>
      <c r="Z17" s="280">
        <v>9</v>
      </c>
      <c r="AA17" s="277">
        <v>9</v>
      </c>
      <c r="AB17" s="279">
        <v>0</v>
      </c>
      <c r="AC17" s="280">
        <v>18</v>
      </c>
      <c r="AD17" s="280">
        <v>47</v>
      </c>
      <c r="AE17" s="280">
        <v>5</v>
      </c>
      <c r="AF17" s="280">
        <v>17</v>
      </c>
      <c r="AG17" s="280">
        <v>3</v>
      </c>
      <c r="AH17" s="277">
        <v>90</v>
      </c>
      <c r="AI17" s="282">
        <v>99</v>
      </c>
      <c r="AJ17" s="276">
        <v>0</v>
      </c>
      <c r="AK17" s="280">
        <v>0</v>
      </c>
      <c r="AL17" s="277">
        <v>0</v>
      </c>
      <c r="AM17" s="279">
        <v>0</v>
      </c>
      <c r="AN17" s="280">
        <v>6</v>
      </c>
      <c r="AO17" s="280">
        <v>12</v>
      </c>
      <c r="AP17" s="280">
        <v>0</v>
      </c>
      <c r="AQ17" s="280">
        <v>0</v>
      </c>
      <c r="AR17" s="280">
        <v>6</v>
      </c>
      <c r="AS17" s="277">
        <v>24</v>
      </c>
      <c r="AT17" s="282">
        <v>24</v>
      </c>
      <c r="AU17" s="276">
        <v>0</v>
      </c>
      <c r="AV17" s="280">
        <v>0</v>
      </c>
      <c r="AW17" s="277">
        <v>0</v>
      </c>
      <c r="AX17" s="279">
        <v>0</v>
      </c>
      <c r="AY17" s="280">
        <v>23</v>
      </c>
      <c r="AZ17" s="280">
        <v>38</v>
      </c>
      <c r="BA17" s="280">
        <v>20</v>
      </c>
      <c r="BB17" s="280">
        <v>0</v>
      </c>
      <c r="BC17" s="280">
        <v>0</v>
      </c>
      <c r="BD17" s="281">
        <v>81</v>
      </c>
      <c r="BE17" s="282">
        <v>81</v>
      </c>
      <c r="BF17" s="276">
        <v>0</v>
      </c>
      <c r="BG17" s="280">
        <v>0</v>
      </c>
      <c r="BH17" s="277">
        <v>0</v>
      </c>
      <c r="BI17" s="279">
        <v>0</v>
      </c>
      <c r="BJ17" s="280">
        <v>0</v>
      </c>
      <c r="BK17" s="280">
        <v>21</v>
      </c>
      <c r="BL17" s="280">
        <v>56</v>
      </c>
      <c r="BM17" s="280">
        <v>0</v>
      </c>
      <c r="BN17" s="280">
        <v>0</v>
      </c>
      <c r="BO17" s="277">
        <v>77</v>
      </c>
      <c r="BP17" s="282">
        <v>77</v>
      </c>
      <c r="BQ17" s="276">
        <v>0</v>
      </c>
      <c r="BR17" s="280">
        <v>0</v>
      </c>
      <c r="BS17" s="277">
        <v>0</v>
      </c>
      <c r="BT17" s="279">
        <v>0</v>
      </c>
      <c r="BU17" s="280">
        <v>0</v>
      </c>
      <c r="BV17" s="280">
        <v>3</v>
      </c>
      <c r="BW17" s="280">
        <v>30</v>
      </c>
      <c r="BX17" s="280">
        <v>82</v>
      </c>
      <c r="BY17" s="280">
        <v>35</v>
      </c>
      <c r="BZ17" s="277">
        <v>150</v>
      </c>
      <c r="CA17" s="282">
        <v>150</v>
      </c>
      <c r="CB17" s="276">
        <v>0</v>
      </c>
      <c r="CC17" s="280">
        <v>0</v>
      </c>
      <c r="CD17" s="277">
        <v>0</v>
      </c>
      <c r="CE17" s="279">
        <v>0</v>
      </c>
      <c r="CF17" s="280">
        <v>0</v>
      </c>
      <c r="CG17" s="280">
        <v>0</v>
      </c>
      <c r="CH17" s="280">
        <v>6</v>
      </c>
      <c r="CI17" s="280">
        <v>0</v>
      </c>
      <c r="CJ17" s="280">
        <v>0</v>
      </c>
      <c r="CK17" s="277">
        <v>6</v>
      </c>
      <c r="CL17" s="282">
        <v>6</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4">
        <v>0</v>
      </c>
      <c r="F18" s="279">
        <v>0</v>
      </c>
      <c r="G18" s="280">
        <v>89</v>
      </c>
      <c r="H18" s="280">
        <v>88</v>
      </c>
      <c r="I18" s="280">
        <v>162</v>
      </c>
      <c r="J18" s="280">
        <v>17</v>
      </c>
      <c r="K18" s="280">
        <v>77</v>
      </c>
      <c r="L18" s="281">
        <v>433</v>
      </c>
      <c r="M18" s="282">
        <v>433</v>
      </c>
      <c r="N18" s="276">
        <v>0</v>
      </c>
      <c r="O18" s="280">
        <v>0</v>
      </c>
      <c r="P18" s="277">
        <v>0</v>
      </c>
      <c r="Q18" s="279">
        <v>0</v>
      </c>
      <c r="R18" s="280">
        <v>0</v>
      </c>
      <c r="S18" s="280">
        <v>5</v>
      </c>
      <c r="T18" s="280">
        <v>0</v>
      </c>
      <c r="U18" s="280">
        <v>5</v>
      </c>
      <c r="V18" s="280">
        <v>6</v>
      </c>
      <c r="W18" s="277">
        <v>16</v>
      </c>
      <c r="X18" s="282">
        <v>16</v>
      </c>
      <c r="Y18" s="276">
        <v>14</v>
      </c>
      <c r="Z18" s="280">
        <v>11</v>
      </c>
      <c r="AA18" s="277">
        <v>25</v>
      </c>
      <c r="AB18" s="279">
        <v>0</v>
      </c>
      <c r="AC18" s="280">
        <v>131</v>
      </c>
      <c r="AD18" s="280">
        <v>112</v>
      </c>
      <c r="AE18" s="280">
        <v>71</v>
      </c>
      <c r="AF18" s="280">
        <v>99</v>
      </c>
      <c r="AG18" s="280">
        <v>65</v>
      </c>
      <c r="AH18" s="277">
        <v>478</v>
      </c>
      <c r="AI18" s="282">
        <v>503</v>
      </c>
      <c r="AJ18" s="276">
        <v>0</v>
      </c>
      <c r="AK18" s="280">
        <v>0</v>
      </c>
      <c r="AL18" s="277">
        <v>0</v>
      </c>
      <c r="AM18" s="279">
        <v>0</v>
      </c>
      <c r="AN18" s="280">
        <v>27</v>
      </c>
      <c r="AO18" s="280">
        <v>6</v>
      </c>
      <c r="AP18" s="280">
        <v>6</v>
      </c>
      <c r="AQ18" s="280">
        <v>0</v>
      </c>
      <c r="AR18" s="280">
        <v>0</v>
      </c>
      <c r="AS18" s="277">
        <v>39</v>
      </c>
      <c r="AT18" s="282">
        <v>39</v>
      </c>
      <c r="AU18" s="276">
        <v>0</v>
      </c>
      <c r="AV18" s="280">
        <v>0</v>
      </c>
      <c r="AW18" s="277">
        <v>0</v>
      </c>
      <c r="AX18" s="279">
        <v>0</v>
      </c>
      <c r="AY18" s="280">
        <v>149</v>
      </c>
      <c r="AZ18" s="280">
        <v>201</v>
      </c>
      <c r="BA18" s="280">
        <v>59</v>
      </c>
      <c r="BB18" s="280">
        <v>72</v>
      </c>
      <c r="BC18" s="280">
        <v>3</v>
      </c>
      <c r="BD18" s="281">
        <v>484</v>
      </c>
      <c r="BE18" s="282">
        <v>484</v>
      </c>
      <c r="BF18" s="276">
        <v>0</v>
      </c>
      <c r="BG18" s="280">
        <v>0</v>
      </c>
      <c r="BH18" s="277">
        <v>0</v>
      </c>
      <c r="BI18" s="279">
        <v>0</v>
      </c>
      <c r="BJ18" s="280">
        <v>147</v>
      </c>
      <c r="BK18" s="280">
        <v>254</v>
      </c>
      <c r="BL18" s="280">
        <v>12</v>
      </c>
      <c r="BM18" s="280">
        <v>32</v>
      </c>
      <c r="BN18" s="280">
        <v>0</v>
      </c>
      <c r="BO18" s="277">
        <v>445</v>
      </c>
      <c r="BP18" s="282">
        <v>445</v>
      </c>
      <c r="BQ18" s="276">
        <v>0</v>
      </c>
      <c r="BR18" s="280">
        <v>0</v>
      </c>
      <c r="BS18" s="277">
        <v>0</v>
      </c>
      <c r="BT18" s="279">
        <v>0</v>
      </c>
      <c r="BU18" s="280">
        <v>13</v>
      </c>
      <c r="BV18" s="280">
        <v>21</v>
      </c>
      <c r="BW18" s="280">
        <v>9</v>
      </c>
      <c r="BX18" s="280">
        <v>3</v>
      </c>
      <c r="BY18" s="280">
        <v>7</v>
      </c>
      <c r="BZ18" s="277">
        <v>53</v>
      </c>
      <c r="CA18" s="282">
        <v>53</v>
      </c>
      <c r="CB18" s="276">
        <v>0</v>
      </c>
      <c r="CC18" s="280">
        <v>0</v>
      </c>
      <c r="CD18" s="277">
        <v>0</v>
      </c>
      <c r="CE18" s="279">
        <v>0</v>
      </c>
      <c r="CF18" s="280">
        <v>0</v>
      </c>
      <c r="CG18" s="280">
        <v>10</v>
      </c>
      <c r="CH18" s="280">
        <v>0</v>
      </c>
      <c r="CI18" s="280">
        <v>3</v>
      </c>
      <c r="CJ18" s="280">
        <v>0</v>
      </c>
      <c r="CK18" s="277">
        <v>13</v>
      </c>
      <c r="CL18" s="282">
        <v>13</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4">
        <v>0</v>
      </c>
      <c r="F19" s="279">
        <v>0</v>
      </c>
      <c r="G19" s="280">
        <v>77</v>
      </c>
      <c r="H19" s="280">
        <v>269</v>
      </c>
      <c r="I19" s="280">
        <v>377</v>
      </c>
      <c r="J19" s="280">
        <v>230</v>
      </c>
      <c r="K19" s="280">
        <v>417</v>
      </c>
      <c r="L19" s="281">
        <v>1370</v>
      </c>
      <c r="M19" s="282">
        <v>1370</v>
      </c>
      <c r="N19" s="276">
        <v>0</v>
      </c>
      <c r="O19" s="280">
        <v>0</v>
      </c>
      <c r="P19" s="277">
        <v>0</v>
      </c>
      <c r="Q19" s="279">
        <v>0</v>
      </c>
      <c r="R19" s="280">
        <v>0</v>
      </c>
      <c r="S19" s="280">
        <v>0</v>
      </c>
      <c r="T19" s="280">
        <v>1</v>
      </c>
      <c r="U19" s="280">
        <v>0</v>
      </c>
      <c r="V19" s="280">
        <v>28</v>
      </c>
      <c r="W19" s="277">
        <v>29</v>
      </c>
      <c r="X19" s="282">
        <v>29</v>
      </c>
      <c r="Y19" s="276">
        <v>10</v>
      </c>
      <c r="Z19" s="280">
        <v>68</v>
      </c>
      <c r="AA19" s="277">
        <v>78</v>
      </c>
      <c r="AB19" s="279">
        <v>0</v>
      </c>
      <c r="AC19" s="280">
        <v>76</v>
      </c>
      <c r="AD19" s="280">
        <v>106</v>
      </c>
      <c r="AE19" s="280">
        <v>59</v>
      </c>
      <c r="AF19" s="280">
        <v>39</v>
      </c>
      <c r="AG19" s="280">
        <v>82</v>
      </c>
      <c r="AH19" s="277">
        <v>362</v>
      </c>
      <c r="AI19" s="282">
        <v>440</v>
      </c>
      <c r="AJ19" s="276">
        <v>0</v>
      </c>
      <c r="AK19" s="280">
        <v>33</v>
      </c>
      <c r="AL19" s="277">
        <v>33</v>
      </c>
      <c r="AM19" s="279">
        <v>0</v>
      </c>
      <c r="AN19" s="280">
        <v>0</v>
      </c>
      <c r="AO19" s="280">
        <v>28</v>
      </c>
      <c r="AP19" s="280">
        <v>0</v>
      </c>
      <c r="AQ19" s="280">
        <v>12</v>
      </c>
      <c r="AR19" s="280">
        <v>0</v>
      </c>
      <c r="AS19" s="277">
        <v>40</v>
      </c>
      <c r="AT19" s="282">
        <v>73</v>
      </c>
      <c r="AU19" s="276">
        <v>0</v>
      </c>
      <c r="AV19" s="280">
        <v>0</v>
      </c>
      <c r="AW19" s="277">
        <v>0</v>
      </c>
      <c r="AX19" s="279">
        <v>0</v>
      </c>
      <c r="AY19" s="280">
        <v>251</v>
      </c>
      <c r="AZ19" s="280">
        <v>222</v>
      </c>
      <c r="BA19" s="280">
        <v>47</v>
      </c>
      <c r="BB19" s="280">
        <v>79</v>
      </c>
      <c r="BC19" s="280">
        <v>52</v>
      </c>
      <c r="BD19" s="281">
        <v>651</v>
      </c>
      <c r="BE19" s="282">
        <v>651</v>
      </c>
      <c r="BF19" s="276">
        <v>0</v>
      </c>
      <c r="BG19" s="280">
        <v>0</v>
      </c>
      <c r="BH19" s="277">
        <v>0</v>
      </c>
      <c r="BI19" s="279">
        <v>0</v>
      </c>
      <c r="BJ19" s="280">
        <v>16</v>
      </c>
      <c r="BK19" s="280">
        <v>149</v>
      </c>
      <c r="BL19" s="280">
        <v>17</v>
      </c>
      <c r="BM19" s="280">
        <v>9</v>
      </c>
      <c r="BN19" s="280">
        <v>12</v>
      </c>
      <c r="BO19" s="277">
        <v>203</v>
      </c>
      <c r="BP19" s="282">
        <v>203</v>
      </c>
      <c r="BQ19" s="276">
        <v>0</v>
      </c>
      <c r="BR19" s="280">
        <v>0</v>
      </c>
      <c r="BS19" s="277">
        <v>0</v>
      </c>
      <c r="BT19" s="279">
        <v>0</v>
      </c>
      <c r="BU19" s="280">
        <v>34</v>
      </c>
      <c r="BV19" s="280">
        <v>23</v>
      </c>
      <c r="BW19" s="280">
        <v>49</v>
      </c>
      <c r="BX19" s="280">
        <v>215</v>
      </c>
      <c r="BY19" s="280">
        <v>30</v>
      </c>
      <c r="BZ19" s="277">
        <v>351</v>
      </c>
      <c r="CA19" s="282">
        <v>351</v>
      </c>
      <c r="CB19" s="276">
        <v>0</v>
      </c>
      <c r="CC19" s="280">
        <v>0</v>
      </c>
      <c r="CD19" s="277">
        <v>0</v>
      </c>
      <c r="CE19" s="279">
        <v>0</v>
      </c>
      <c r="CF19" s="280">
        <v>2</v>
      </c>
      <c r="CG19" s="280">
        <v>2</v>
      </c>
      <c r="CH19" s="280">
        <v>0</v>
      </c>
      <c r="CI19" s="280">
        <v>0</v>
      </c>
      <c r="CJ19" s="280">
        <v>0</v>
      </c>
      <c r="CK19" s="277">
        <v>4</v>
      </c>
      <c r="CL19" s="282">
        <v>4</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4">
        <v>0</v>
      </c>
      <c r="F20" s="279">
        <v>0</v>
      </c>
      <c r="G20" s="280">
        <v>228</v>
      </c>
      <c r="H20" s="280">
        <v>263</v>
      </c>
      <c r="I20" s="280">
        <v>422</v>
      </c>
      <c r="J20" s="280">
        <v>644</v>
      </c>
      <c r="K20" s="280">
        <v>428</v>
      </c>
      <c r="L20" s="281">
        <v>1985</v>
      </c>
      <c r="M20" s="282">
        <v>1985</v>
      </c>
      <c r="N20" s="276">
        <v>0</v>
      </c>
      <c r="O20" s="280">
        <v>0</v>
      </c>
      <c r="P20" s="277">
        <v>0</v>
      </c>
      <c r="Q20" s="279">
        <v>0</v>
      </c>
      <c r="R20" s="280">
        <v>4</v>
      </c>
      <c r="S20" s="280">
        <v>0</v>
      </c>
      <c r="T20" s="280">
        <v>5</v>
      </c>
      <c r="U20" s="280">
        <v>13</v>
      </c>
      <c r="V20" s="280">
        <v>6</v>
      </c>
      <c r="W20" s="277">
        <v>28</v>
      </c>
      <c r="X20" s="282">
        <v>28</v>
      </c>
      <c r="Y20" s="276">
        <v>30</v>
      </c>
      <c r="Z20" s="280">
        <v>23</v>
      </c>
      <c r="AA20" s="277">
        <v>53</v>
      </c>
      <c r="AB20" s="279">
        <v>0</v>
      </c>
      <c r="AC20" s="280">
        <v>195</v>
      </c>
      <c r="AD20" s="280">
        <v>168</v>
      </c>
      <c r="AE20" s="280">
        <v>171</v>
      </c>
      <c r="AF20" s="280">
        <v>93</v>
      </c>
      <c r="AG20" s="280">
        <v>20</v>
      </c>
      <c r="AH20" s="277">
        <v>647</v>
      </c>
      <c r="AI20" s="282">
        <v>700</v>
      </c>
      <c r="AJ20" s="276">
        <v>0</v>
      </c>
      <c r="AK20" s="280">
        <v>12</v>
      </c>
      <c r="AL20" s="277">
        <v>12</v>
      </c>
      <c r="AM20" s="279">
        <v>0</v>
      </c>
      <c r="AN20" s="280">
        <v>46</v>
      </c>
      <c r="AO20" s="280">
        <v>56</v>
      </c>
      <c r="AP20" s="280">
        <v>0</v>
      </c>
      <c r="AQ20" s="280">
        <v>0</v>
      </c>
      <c r="AR20" s="280">
        <v>-60</v>
      </c>
      <c r="AS20" s="277">
        <v>42</v>
      </c>
      <c r="AT20" s="282">
        <v>54</v>
      </c>
      <c r="AU20" s="276">
        <v>0</v>
      </c>
      <c r="AV20" s="280">
        <v>0</v>
      </c>
      <c r="AW20" s="277">
        <v>0</v>
      </c>
      <c r="AX20" s="279">
        <v>0</v>
      </c>
      <c r="AY20" s="280">
        <v>361</v>
      </c>
      <c r="AZ20" s="280">
        <v>277</v>
      </c>
      <c r="BA20" s="280">
        <v>354</v>
      </c>
      <c r="BB20" s="280">
        <v>74</v>
      </c>
      <c r="BC20" s="280">
        <v>32</v>
      </c>
      <c r="BD20" s="281">
        <v>1098</v>
      </c>
      <c r="BE20" s="282">
        <v>1098</v>
      </c>
      <c r="BF20" s="276">
        <v>0</v>
      </c>
      <c r="BG20" s="280">
        <v>0</v>
      </c>
      <c r="BH20" s="277">
        <v>0</v>
      </c>
      <c r="BI20" s="279">
        <v>0</v>
      </c>
      <c r="BJ20" s="280">
        <v>120</v>
      </c>
      <c r="BK20" s="280">
        <v>76</v>
      </c>
      <c r="BL20" s="280">
        <v>73</v>
      </c>
      <c r="BM20" s="280">
        <v>9</v>
      </c>
      <c r="BN20" s="280">
        <v>25</v>
      </c>
      <c r="BO20" s="277">
        <v>303</v>
      </c>
      <c r="BP20" s="282">
        <v>303</v>
      </c>
      <c r="BQ20" s="276">
        <v>0</v>
      </c>
      <c r="BR20" s="280">
        <v>4</v>
      </c>
      <c r="BS20" s="277">
        <v>4</v>
      </c>
      <c r="BT20" s="279">
        <v>0</v>
      </c>
      <c r="BU20" s="280">
        <v>12</v>
      </c>
      <c r="BV20" s="280">
        <v>58</v>
      </c>
      <c r="BW20" s="280">
        <v>176</v>
      </c>
      <c r="BX20" s="280">
        <v>78</v>
      </c>
      <c r="BY20" s="280">
        <v>19</v>
      </c>
      <c r="BZ20" s="277">
        <v>343</v>
      </c>
      <c r="CA20" s="282">
        <v>347</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4">
        <v>0</v>
      </c>
      <c r="F21" s="279">
        <v>0</v>
      </c>
      <c r="G21" s="280">
        <v>145</v>
      </c>
      <c r="H21" s="280">
        <v>111</v>
      </c>
      <c r="I21" s="280">
        <v>36</v>
      </c>
      <c r="J21" s="280">
        <v>284</v>
      </c>
      <c r="K21" s="280">
        <v>100</v>
      </c>
      <c r="L21" s="281">
        <v>676</v>
      </c>
      <c r="M21" s="282">
        <v>676</v>
      </c>
      <c r="N21" s="276">
        <v>0</v>
      </c>
      <c r="O21" s="280">
        <v>0</v>
      </c>
      <c r="P21" s="277">
        <v>0</v>
      </c>
      <c r="Q21" s="279">
        <v>0</v>
      </c>
      <c r="R21" s="280">
        <v>0</v>
      </c>
      <c r="S21" s="280">
        <v>4</v>
      </c>
      <c r="T21" s="280">
        <v>7</v>
      </c>
      <c r="U21" s="280">
        <v>6</v>
      </c>
      <c r="V21" s="280">
        <v>12</v>
      </c>
      <c r="W21" s="277">
        <v>29</v>
      </c>
      <c r="X21" s="282">
        <v>29</v>
      </c>
      <c r="Y21" s="276">
        <v>5</v>
      </c>
      <c r="Z21" s="280">
        <v>4</v>
      </c>
      <c r="AA21" s="277">
        <v>9</v>
      </c>
      <c r="AB21" s="279">
        <v>0</v>
      </c>
      <c r="AC21" s="280">
        <v>76</v>
      </c>
      <c r="AD21" s="280">
        <v>62</v>
      </c>
      <c r="AE21" s="280">
        <v>74</v>
      </c>
      <c r="AF21" s="280">
        <v>65</v>
      </c>
      <c r="AG21" s="280">
        <v>55</v>
      </c>
      <c r="AH21" s="277">
        <v>332</v>
      </c>
      <c r="AI21" s="282">
        <v>341</v>
      </c>
      <c r="AJ21" s="276">
        <v>0</v>
      </c>
      <c r="AK21" s="280">
        <v>0</v>
      </c>
      <c r="AL21" s="277">
        <v>0</v>
      </c>
      <c r="AM21" s="279">
        <v>0</v>
      </c>
      <c r="AN21" s="280">
        <v>9</v>
      </c>
      <c r="AO21" s="280">
        <v>41</v>
      </c>
      <c r="AP21" s="280">
        <v>16</v>
      </c>
      <c r="AQ21" s="280">
        <v>8</v>
      </c>
      <c r="AR21" s="280">
        <v>0</v>
      </c>
      <c r="AS21" s="277">
        <v>74</v>
      </c>
      <c r="AT21" s="282">
        <v>74</v>
      </c>
      <c r="AU21" s="276">
        <v>0</v>
      </c>
      <c r="AV21" s="280">
        <v>0</v>
      </c>
      <c r="AW21" s="277">
        <v>0</v>
      </c>
      <c r="AX21" s="279">
        <v>0</v>
      </c>
      <c r="AY21" s="280">
        <v>171</v>
      </c>
      <c r="AZ21" s="280">
        <v>125</v>
      </c>
      <c r="BA21" s="280">
        <v>60</v>
      </c>
      <c r="BB21" s="280">
        <v>16</v>
      </c>
      <c r="BC21" s="280">
        <v>7</v>
      </c>
      <c r="BD21" s="281">
        <v>379</v>
      </c>
      <c r="BE21" s="282">
        <v>379</v>
      </c>
      <c r="BF21" s="276">
        <v>0</v>
      </c>
      <c r="BG21" s="280">
        <v>0</v>
      </c>
      <c r="BH21" s="277">
        <v>0</v>
      </c>
      <c r="BI21" s="279">
        <v>0</v>
      </c>
      <c r="BJ21" s="280">
        <v>73</v>
      </c>
      <c r="BK21" s="280">
        <v>40</v>
      </c>
      <c r="BL21" s="280">
        <v>21</v>
      </c>
      <c r="BM21" s="280">
        <v>33</v>
      </c>
      <c r="BN21" s="280">
        <v>0</v>
      </c>
      <c r="BO21" s="277">
        <v>167</v>
      </c>
      <c r="BP21" s="282">
        <v>167</v>
      </c>
      <c r="BQ21" s="276">
        <v>0</v>
      </c>
      <c r="BR21" s="280">
        <v>0</v>
      </c>
      <c r="BS21" s="277">
        <v>0</v>
      </c>
      <c r="BT21" s="279">
        <v>0</v>
      </c>
      <c r="BU21" s="280">
        <v>3</v>
      </c>
      <c r="BV21" s="280">
        <v>0</v>
      </c>
      <c r="BW21" s="280">
        <v>7</v>
      </c>
      <c r="BX21" s="280">
        <v>0</v>
      </c>
      <c r="BY21" s="280">
        <v>2</v>
      </c>
      <c r="BZ21" s="277">
        <v>12</v>
      </c>
      <c r="CA21" s="282">
        <v>12</v>
      </c>
      <c r="CB21" s="276">
        <v>0</v>
      </c>
      <c r="CC21" s="280">
        <v>0</v>
      </c>
      <c r="CD21" s="277">
        <v>0</v>
      </c>
      <c r="CE21" s="279">
        <v>0</v>
      </c>
      <c r="CF21" s="280">
        <v>5</v>
      </c>
      <c r="CG21" s="280">
        <v>0</v>
      </c>
      <c r="CH21" s="280">
        <v>0</v>
      </c>
      <c r="CI21" s="280">
        <v>0</v>
      </c>
      <c r="CJ21" s="280">
        <v>0</v>
      </c>
      <c r="CK21" s="277">
        <v>5</v>
      </c>
      <c r="CL21" s="282">
        <v>5</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4">
        <v>0</v>
      </c>
      <c r="F22" s="279">
        <v>0</v>
      </c>
      <c r="G22" s="280">
        <v>216</v>
      </c>
      <c r="H22" s="280">
        <v>327</v>
      </c>
      <c r="I22" s="280">
        <v>215</v>
      </c>
      <c r="J22" s="280">
        <v>247</v>
      </c>
      <c r="K22" s="280">
        <v>104</v>
      </c>
      <c r="L22" s="281">
        <v>1109</v>
      </c>
      <c r="M22" s="282">
        <v>1109</v>
      </c>
      <c r="N22" s="276">
        <v>0</v>
      </c>
      <c r="O22" s="280">
        <v>0</v>
      </c>
      <c r="P22" s="277">
        <v>0</v>
      </c>
      <c r="Q22" s="279">
        <v>0</v>
      </c>
      <c r="R22" s="280">
        <v>0</v>
      </c>
      <c r="S22" s="280">
        <v>0</v>
      </c>
      <c r="T22" s="280">
        <v>0</v>
      </c>
      <c r="U22" s="280">
        <v>3</v>
      </c>
      <c r="V22" s="280">
        <v>11</v>
      </c>
      <c r="W22" s="277">
        <v>14</v>
      </c>
      <c r="X22" s="282">
        <v>14</v>
      </c>
      <c r="Y22" s="276">
        <v>30</v>
      </c>
      <c r="Z22" s="280">
        <v>30</v>
      </c>
      <c r="AA22" s="277">
        <v>60</v>
      </c>
      <c r="AB22" s="279">
        <v>0</v>
      </c>
      <c r="AC22" s="280">
        <v>240</v>
      </c>
      <c r="AD22" s="280">
        <v>228</v>
      </c>
      <c r="AE22" s="280">
        <v>59</v>
      </c>
      <c r="AF22" s="280">
        <v>64</v>
      </c>
      <c r="AG22" s="280">
        <v>50</v>
      </c>
      <c r="AH22" s="277">
        <v>641</v>
      </c>
      <c r="AI22" s="282">
        <v>701</v>
      </c>
      <c r="AJ22" s="276">
        <v>0</v>
      </c>
      <c r="AK22" s="280">
        <v>26</v>
      </c>
      <c r="AL22" s="277">
        <v>26</v>
      </c>
      <c r="AM22" s="279">
        <v>0</v>
      </c>
      <c r="AN22" s="280">
        <v>66</v>
      </c>
      <c r="AO22" s="280">
        <v>42</v>
      </c>
      <c r="AP22" s="280">
        <v>29</v>
      </c>
      <c r="AQ22" s="280">
        <v>43</v>
      </c>
      <c r="AR22" s="280">
        <v>0</v>
      </c>
      <c r="AS22" s="277">
        <v>180</v>
      </c>
      <c r="AT22" s="282">
        <v>206</v>
      </c>
      <c r="AU22" s="276">
        <v>0</v>
      </c>
      <c r="AV22" s="280">
        <v>0</v>
      </c>
      <c r="AW22" s="277">
        <v>0</v>
      </c>
      <c r="AX22" s="279">
        <v>0</v>
      </c>
      <c r="AY22" s="280">
        <v>238</v>
      </c>
      <c r="AZ22" s="280">
        <v>142</v>
      </c>
      <c r="BA22" s="280">
        <v>155</v>
      </c>
      <c r="BB22" s="280">
        <v>44</v>
      </c>
      <c r="BC22" s="280">
        <v>2</v>
      </c>
      <c r="BD22" s="281">
        <v>581</v>
      </c>
      <c r="BE22" s="282">
        <v>581</v>
      </c>
      <c r="BF22" s="276">
        <v>0</v>
      </c>
      <c r="BG22" s="280">
        <v>0</v>
      </c>
      <c r="BH22" s="277">
        <v>0</v>
      </c>
      <c r="BI22" s="279">
        <v>0</v>
      </c>
      <c r="BJ22" s="280">
        <v>99</v>
      </c>
      <c r="BK22" s="280">
        <v>43</v>
      </c>
      <c r="BL22" s="280">
        <v>71</v>
      </c>
      <c r="BM22" s="280">
        <v>48</v>
      </c>
      <c r="BN22" s="280">
        <v>3</v>
      </c>
      <c r="BO22" s="277">
        <v>264</v>
      </c>
      <c r="BP22" s="282">
        <v>264</v>
      </c>
      <c r="BQ22" s="276">
        <v>0</v>
      </c>
      <c r="BR22" s="280">
        <v>4</v>
      </c>
      <c r="BS22" s="277">
        <v>4</v>
      </c>
      <c r="BT22" s="279">
        <v>0</v>
      </c>
      <c r="BU22" s="280">
        <v>22</v>
      </c>
      <c r="BV22" s="280">
        <v>18</v>
      </c>
      <c r="BW22" s="280">
        <v>41</v>
      </c>
      <c r="BX22" s="280">
        <v>139</v>
      </c>
      <c r="BY22" s="280">
        <v>3</v>
      </c>
      <c r="BZ22" s="277">
        <v>223</v>
      </c>
      <c r="CA22" s="282">
        <v>227</v>
      </c>
      <c r="CB22" s="276">
        <v>0</v>
      </c>
      <c r="CC22" s="280">
        <v>0</v>
      </c>
      <c r="CD22" s="277">
        <v>0</v>
      </c>
      <c r="CE22" s="279">
        <v>0</v>
      </c>
      <c r="CF22" s="280">
        <v>0</v>
      </c>
      <c r="CG22" s="280">
        <v>0</v>
      </c>
      <c r="CH22" s="280">
        <v>4</v>
      </c>
      <c r="CI22" s="280">
        <v>4</v>
      </c>
      <c r="CJ22" s="280">
        <v>0</v>
      </c>
      <c r="CK22" s="277">
        <v>8</v>
      </c>
      <c r="CL22" s="282">
        <v>8</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4">
        <v>0</v>
      </c>
      <c r="F23" s="279">
        <v>0</v>
      </c>
      <c r="G23" s="280">
        <v>121</v>
      </c>
      <c r="H23" s="280">
        <v>73</v>
      </c>
      <c r="I23" s="280">
        <v>77</v>
      </c>
      <c r="J23" s="280">
        <v>514</v>
      </c>
      <c r="K23" s="280">
        <v>229</v>
      </c>
      <c r="L23" s="281">
        <v>1014</v>
      </c>
      <c r="M23" s="282">
        <v>1014</v>
      </c>
      <c r="N23" s="276">
        <v>0</v>
      </c>
      <c r="O23" s="280">
        <v>0</v>
      </c>
      <c r="P23" s="277">
        <v>0</v>
      </c>
      <c r="Q23" s="279">
        <v>0</v>
      </c>
      <c r="R23" s="280">
        <v>0</v>
      </c>
      <c r="S23" s="280">
        <v>0</v>
      </c>
      <c r="T23" s="280">
        <v>2</v>
      </c>
      <c r="U23" s="280">
        <v>1</v>
      </c>
      <c r="V23" s="280">
        <v>13</v>
      </c>
      <c r="W23" s="277">
        <v>16</v>
      </c>
      <c r="X23" s="282">
        <v>16</v>
      </c>
      <c r="Y23" s="276">
        <v>36</v>
      </c>
      <c r="Z23" s="280">
        <v>13</v>
      </c>
      <c r="AA23" s="277">
        <v>49</v>
      </c>
      <c r="AB23" s="279">
        <v>0</v>
      </c>
      <c r="AC23" s="280">
        <v>124</v>
      </c>
      <c r="AD23" s="280">
        <v>189</v>
      </c>
      <c r="AE23" s="280">
        <v>90</v>
      </c>
      <c r="AF23" s="280">
        <v>193</v>
      </c>
      <c r="AG23" s="280">
        <v>90</v>
      </c>
      <c r="AH23" s="277">
        <v>686</v>
      </c>
      <c r="AI23" s="282">
        <v>735</v>
      </c>
      <c r="AJ23" s="276">
        <v>0</v>
      </c>
      <c r="AK23" s="280">
        <v>16</v>
      </c>
      <c r="AL23" s="277">
        <v>16</v>
      </c>
      <c r="AM23" s="279">
        <v>0</v>
      </c>
      <c r="AN23" s="280">
        <v>16</v>
      </c>
      <c r="AO23" s="280">
        <v>30</v>
      </c>
      <c r="AP23" s="280">
        <v>0</v>
      </c>
      <c r="AQ23" s="280">
        <v>8</v>
      </c>
      <c r="AR23" s="280">
        <v>0</v>
      </c>
      <c r="AS23" s="277">
        <v>54</v>
      </c>
      <c r="AT23" s="282">
        <v>70</v>
      </c>
      <c r="AU23" s="276">
        <v>0</v>
      </c>
      <c r="AV23" s="280">
        <v>0</v>
      </c>
      <c r="AW23" s="277">
        <v>0</v>
      </c>
      <c r="AX23" s="279">
        <v>0</v>
      </c>
      <c r="AY23" s="280">
        <v>103</v>
      </c>
      <c r="AZ23" s="280">
        <v>135</v>
      </c>
      <c r="BA23" s="280">
        <v>103</v>
      </c>
      <c r="BB23" s="280">
        <v>28</v>
      </c>
      <c r="BC23" s="280">
        <v>40</v>
      </c>
      <c r="BD23" s="281">
        <v>409</v>
      </c>
      <c r="BE23" s="282">
        <v>409</v>
      </c>
      <c r="BF23" s="276">
        <v>0</v>
      </c>
      <c r="BG23" s="280">
        <v>0</v>
      </c>
      <c r="BH23" s="277">
        <v>0</v>
      </c>
      <c r="BI23" s="279">
        <v>0</v>
      </c>
      <c r="BJ23" s="280">
        <v>56</v>
      </c>
      <c r="BK23" s="280">
        <v>61</v>
      </c>
      <c r="BL23" s="280">
        <v>8</v>
      </c>
      <c r="BM23" s="280">
        <v>8</v>
      </c>
      <c r="BN23" s="280">
        <v>0</v>
      </c>
      <c r="BO23" s="277">
        <v>133</v>
      </c>
      <c r="BP23" s="282">
        <v>133</v>
      </c>
      <c r="BQ23" s="276">
        <v>0</v>
      </c>
      <c r="BR23" s="280">
        <v>2</v>
      </c>
      <c r="BS23" s="277">
        <v>2</v>
      </c>
      <c r="BT23" s="279">
        <v>0</v>
      </c>
      <c r="BU23" s="280">
        <v>35</v>
      </c>
      <c r="BV23" s="280">
        <v>28</v>
      </c>
      <c r="BW23" s="280">
        <v>119</v>
      </c>
      <c r="BX23" s="280">
        <v>101</v>
      </c>
      <c r="BY23" s="280">
        <v>19</v>
      </c>
      <c r="BZ23" s="277">
        <v>302</v>
      </c>
      <c r="CA23" s="282">
        <v>304</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4">
        <v>0</v>
      </c>
      <c r="F24" s="279">
        <v>0</v>
      </c>
      <c r="G24" s="280">
        <v>41</v>
      </c>
      <c r="H24" s="280">
        <v>77</v>
      </c>
      <c r="I24" s="280">
        <v>23</v>
      </c>
      <c r="J24" s="280">
        <v>162</v>
      </c>
      <c r="K24" s="280">
        <v>149</v>
      </c>
      <c r="L24" s="281">
        <v>452</v>
      </c>
      <c r="M24" s="282">
        <v>452</v>
      </c>
      <c r="N24" s="276">
        <v>0</v>
      </c>
      <c r="O24" s="280">
        <v>0</v>
      </c>
      <c r="P24" s="277">
        <v>0</v>
      </c>
      <c r="Q24" s="279">
        <v>0</v>
      </c>
      <c r="R24" s="280">
        <v>0</v>
      </c>
      <c r="S24" s="280">
        <v>0</v>
      </c>
      <c r="T24" s="280">
        <v>0</v>
      </c>
      <c r="U24" s="280">
        <v>9</v>
      </c>
      <c r="V24" s="280">
        <v>0</v>
      </c>
      <c r="W24" s="277">
        <v>9</v>
      </c>
      <c r="X24" s="282">
        <v>9</v>
      </c>
      <c r="Y24" s="276">
        <v>0</v>
      </c>
      <c r="Z24" s="280">
        <v>4</v>
      </c>
      <c r="AA24" s="277">
        <v>4</v>
      </c>
      <c r="AB24" s="279">
        <v>0</v>
      </c>
      <c r="AC24" s="280">
        <v>9</v>
      </c>
      <c r="AD24" s="280">
        <v>8</v>
      </c>
      <c r="AE24" s="280">
        <v>13</v>
      </c>
      <c r="AF24" s="280">
        <v>31</v>
      </c>
      <c r="AG24" s="280">
        <v>0</v>
      </c>
      <c r="AH24" s="277">
        <v>61</v>
      </c>
      <c r="AI24" s="282">
        <v>65</v>
      </c>
      <c r="AJ24" s="276">
        <v>0</v>
      </c>
      <c r="AK24" s="280">
        <v>0</v>
      </c>
      <c r="AL24" s="277">
        <v>0</v>
      </c>
      <c r="AM24" s="279">
        <v>0</v>
      </c>
      <c r="AN24" s="280">
        <v>18</v>
      </c>
      <c r="AO24" s="280">
        <v>24</v>
      </c>
      <c r="AP24" s="280">
        <v>9</v>
      </c>
      <c r="AQ24" s="280">
        <v>0</v>
      </c>
      <c r="AR24" s="280">
        <v>0</v>
      </c>
      <c r="AS24" s="277">
        <v>51</v>
      </c>
      <c r="AT24" s="282">
        <v>51</v>
      </c>
      <c r="AU24" s="276">
        <v>0</v>
      </c>
      <c r="AV24" s="280">
        <v>0</v>
      </c>
      <c r="AW24" s="277">
        <v>0</v>
      </c>
      <c r="AX24" s="279">
        <v>0</v>
      </c>
      <c r="AY24" s="280">
        <v>48</v>
      </c>
      <c r="AZ24" s="280">
        <v>81</v>
      </c>
      <c r="BA24" s="280">
        <v>55</v>
      </c>
      <c r="BB24" s="280">
        <v>18</v>
      </c>
      <c r="BC24" s="280">
        <v>16</v>
      </c>
      <c r="BD24" s="281">
        <v>218</v>
      </c>
      <c r="BE24" s="282">
        <v>218</v>
      </c>
      <c r="BF24" s="276">
        <v>0</v>
      </c>
      <c r="BG24" s="280">
        <v>0</v>
      </c>
      <c r="BH24" s="277">
        <v>0</v>
      </c>
      <c r="BI24" s="279">
        <v>0</v>
      </c>
      <c r="BJ24" s="280">
        <v>18</v>
      </c>
      <c r="BK24" s="280">
        <v>14</v>
      </c>
      <c r="BL24" s="280">
        <v>8</v>
      </c>
      <c r="BM24" s="280">
        <v>4</v>
      </c>
      <c r="BN24" s="280">
        <v>4</v>
      </c>
      <c r="BO24" s="277">
        <v>48</v>
      </c>
      <c r="BP24" s="282">
        <v>48</v>
      </c>
      <c r="BQ24" s="276">
        <v>0</v>
      </c>
      <c r="BR24" s="280">
        <v>0</v>
      </c>
      <c r="BS24" s="277">
        <v>0</v>
      </c>
      <c r="BT24" s="279">
        <v>0</v>
      </c>
      <c r="BU24" s="280">
        <v>6</v>
      </c>
      <c r="BV24" s="280">
        <v>5</v>
      </c>
      <c r="BW24" s="280">
        <v>20</v>
      </c>
      <c r="BX24" s="280">
        <v>18</v>
      </c>
      <c r="BY24" s="280">
        <v>0</v>
      </c>
      <c r="BZ24" s="277">
        <v>49</v>
      </c>
      <c r="CA24" s="282">
        <v>49</v>
      </c>
      <c r="CB24" s="276">
        <v>0</v>
      </c>
      <c r="CC24" s="280">
        <v>0</v>
      </c>
      <c r="CD24" s="277">
        <v>0</v>
      </c>
      <c r="CE24" s="279">
        <v>0</v>
      </c>
      <c r="CF24" s="280">
        <v>0</v>
      </c>
      <c r="CG24" s="280">
        <v>0</v>
      </c>
      <c r="CH24" s="280">
        <v>3</v>
      </c>
      <c r="CI24" s="280">
        <v>7</v>
      </c>
      <c r="CJ24" s="280">
        <v>0</v>
      </c>
      <c r="CK24" s="277">
        <v>10</v>
      </c>
      <c r="CL24" s="282">
        <v>10</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4">
        <v>0</v>
      </c>
      <c r="F25" s="279">
        <v>0</v>
      </c>
      <c r="G25" s="280">
        <v>16</v>
      </c>
      <c r="H25" s="280">
        <v>190</v>
      </c>
      <c r="I25" s="280">
        <v>132</v>
      </c>
      <c r="J25" s="280">
        <v>127</v>
      </c>
      <c r="K25" s="280">
        <v>266</v>
      </c>
      <c r="L25" s="281">
        <v>731</v>
      </c>
      <c r="M25" s="282">
        <v>731</v>
      </c>
      <c r="N25" s="276">
        <v>0</v>
      </c>
      <c r="O25" s="280">
        <v>0</v>
      </c>
      <c r="P25" s="277">
        <v>0</v>
      </c>
      <c r="Q25" s="279">
        <v>0</v>
      </c>
      <c r="R25" s="280">
        <v>0</v>
      </c>
      <c r="S25" s="280">
        <v>4</v>
      </c>
      <c r="T25" s="280">
        <v>4</v>
      </c>
      <c r="U25" s="280">
        <v>0</v>
      </c>
      <c r="V25" s="280">
        <v>1</v>
      </c>
      <c r="W25" s="277">
        <v>9</v>
      </c>
      <c r="X25" s="282">
        <v>9</v>
      </c>
      <c r="Y25" s="276">
        <v>10</v>
      </c>
      <c r="Z25" s="280">
        <v>31</v>
      </c>
      <c r="AA25" s="277">
        <v>41</v>
      </c>
      <c r="AB25" s="279">
        <v>0</v>
      </c>
      <c r="AC25" s="280">
        <v>47</v>
      </c>
      <c r="AD25" s="280">
        <v>136</v>
      </c>
      <c r="AE25" s="280">
        <v>64</v>
      </c>
      <c r="AF25" s="280">
        <v>10</v>
      </c>
      <c r="AG25" s="280">
        <v>18</v>
      </c>
      <c r="AH25" s="277">
        <v>275</v>
      </c>
      <c r="AI25" s="282">
        <v>316</v>
      </c>
      <c r="AJ25" s="276">
        <v>2</v>
      </c>
      <c r="AK25" s="280">
        <v>0</v>
      </c>
      <c r="AL25" s="277">
        <v>2</v>
      </c>
      <c r="AM25" s="279">
        <v>0</v>
      </c>
      <c r="AN25" s="280">
        <v>8</v>
      </c>
      <c r="AO25" s="280">
        <v>8</v>
      </c>
      <c r="AP25" s="280">
        <v>0</v>
      </c>
      <c r="AQ25" s="280">
        <v>0</v>
      </c>
      <c r="AR25" s="280">
        <v>0</v>
      </c>
      <c r="AS25" s="277">
        <v>16</v>
      </c>
      <c r="AT25" s="282">
        <v>18</v>
      </c>
      <c r="AU25" s="276">
        <v>0</v>
      </c>
      <c r="AV25" s="280">
        <v>0</v>
      </c>
      <c r="AW25" s="277">
        <v>0</v>
      </c>
      <c r="AX25" s="279">
        <v>0</v>
      </c>
      <c r="AY25" s="280">
        <v>159</v>
      </c>
      <c r="AZ25" s="280">
        <v>125</v>
      </c>
      <c r="BA25" s="280">
        <v>111</v>
      </c>
      <c r="BB25" s="280">
        <v>46</v>
      </c>
      <c r="BC25" s="280">
        <v>6</v>
      </c>
      <c r="BD25" s="281">
        <v>447</v>
      </c>
      <c r="BE25" s="282">
        <v>447</v>
      </c>
      <c r="BF25" s="276">
        <v>0</v>
      </c>
      <c r="BG25" s="280">
        <v>0</v>
      </c>
      <c r="BH25" s="277">
        <v>0</v>
      </c>
      <c r="BI25" s="279">
        <v>0</v>
      </c>
      <c r="BJ25" s="280">
        <v>24</v>
      </c>
      <c r="BK25" s="280">
        <v>35</v>
      </c>
      <c r="BL25" s="280">
        <v>24</v>
      </c>
      <c r="BM25" s="280">
        <v>0</v>
      </c>
      <c r="BN25" s="280">
        <v>15</v>
      </c>
      <c r="BO25" s="277">
        <v>98</v>
      </c>
      <c r="BP25" s="282">
        <v>98</v>
      </c>
      <c r="BQ25" s="276">
        <v>0</v>
      </c>
      <c r="BR25" s="280">
        <v>0</v>
      </c>
      <c r="BS25" s="277">
        <v>0</v>
      </c>
      <c r="BT25" s="279">
        <v>0</v>
      </c>
      <c r="BU25" s="280">
        <v>10</v>
      </c>
      <c r="BV25" s="280">
        <v>17</v>
      </c>
      <c r="BW25" s="280">
        <v>24</v>
      </c>
      <c r="BX25" s="280">
        <v>18</v>
      </c>
      <c r="BY25" s="280">
        <v>8</v>
      </c>
      <c r="BZ25" s="277">
        <v>77</v>
      </c>
      <c r="CA25" s="282">
        <v>77</v>
      </c>
      <c r="CB25" s="276">
        <v>0</v>
      </c>
      <c r="CC25" s="280">
        <v>3</v>
      </c>
      <c r="CD25" s="277">
        <v>3</v>
      </c>
      <c r="CE25" s="279">
        <v>0</v>
      </c>
      <c r="CF25" s="280">
        <v>4</v>
      </c>
      <c r="CG25" s="280">
        <v>0</v>
      </c>
      <c r="CH25" s="280">
        <v>0</v>
      </c>
      <c r="CI25" s="280">
        <v>0</v>
      </c>
      <c r="CJ25" s="280">
        <v>8</v>
      </c>
      <c r="CK25" s="277">
        <v>12</v>
      </c>
      <c r="CL25" s="282">
        <v>15</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4">
        <v>0</v>
      </c>
      <c r="F26" s="279">
        <v>0</v>
      </c>
      <c r="G26" s="280">
        <v>145</v>
      </c>
      <c r="H26" s="280">
        <v>82</v>
      </c>
      <c r="I26" s="280">
        <v>193</v>
      </c>
      <c r="J26" s="280">
        <v>60</v>
      </c>
      <c r="K26" s="280">
        <v>264</v>
      </c>
      <c r="L26" s="281">
        <v>744</v>
      </c>
      <c r="M26" s="282">
        <v>744</v>
      </c>
      <c r="N26" s="276">
        <v>0</v>
      </c>
      <c r="O26" s="280">
        <v>0</v>
      </c>
      <c r="P26" s="277">
        <v>0</v>
      </c>
      <c r="Q26" s="279">
        <v>0</v>
      </c>
      <c r="R26" s="280">
        <v>0</v>
      </c>
      <c r="S26" s="280">
        <v>0</v>
      </c>
      <c r="T26" s="280">
        <v>0</v>
      </c>
      <c r="U26" s="280">
        <v>4</v>
      </c>
      <c r="V26" s="280">
        <v>11</v>
      </c>
      <c r="W26" s="277">
        <v>15</v>
      </c>
      <c r="X26" s="282">
        <v>15</v>
      </c>
      <c r="Y26" s="276">
        <v>10</v>
      </c>
      <c r="Z26" s="280">
        <v>0</v>
      </c>
      <c r="AA26" s="277">
        <v>10</v>
      </c>
      <c r="AB26" s="279">
        <v>0</v>
      </c>
      <c r="AC26" s="280">
        <v>114</v>
      </c>
      <c r="AD26" s="280">
        <v>25</v>
      </c>
      <c r="AE26" s="280">
        <v>44</v>
      </c>
      <c r="AF26" s="280">
        <v>7</v>
      </c>
      <c r="AG26" s="280">
        <v>51</v>
      </c>
      <c r="AH26" s="277">
        <v>241</v>
      </c>
      <c r="AI26" s="282">
        <v>251</v>
      </c>
      <c r="AJ26" s="276">
        <v>0</v>
      </c>
      <c r="AK26" s="280">
        <v>0</v>
      </c>
      <c r="AL26" s="277">
        <v>0</v>
      </c>
      <c r="AM26" s="279">
        <v>0</v>
      </c>
      <c r="AN26" s="280">
        <v>12</v>
      </c>
      <c r="AO26" s="280">
        <v>28</v>
      </c>
      <c r="AP26" s="280">
        <v>0</v>
      </c>
      <c r="AQ26" s="280">
        <v>29</v>
      </c>
      <c r="AR26" s="280">
        <v>0</v>
      </c>
      <c r="AS26" s="277">
        <v>69</v>
      </c>
      <c r="AT26" s="282">
        <v>69</v>
      </c>
      <c r="AU26" s="276">
        <v>0</v>
      </c>
      <c r="AV26" s="280">
        <v>0</v>
      </c>
      <c r="AW26" s="277">
        <v>0</v>
      </c>
      <c r="AX26" s="279">
        <v>0</v>
      </c>
      <c r="AY26" s="280">
        <v>100</v>
      </c>
      <c r="AZ26" s="280">
        <v>111</v>
      </c>
      <c r="BA26" s="280">
        <v>50</v>
      </c>
      <c r="BB26" s="280">
        <v>0</v>
      </c>
      <c r="BC26" s="280">
        <v>4</v>
      </c>
      <c r="BD26" s="281">
        <v>265</v>
      </c>
      <c r="BE26" s="282">
        <v>265</v>
      </c>
      <c r="BF26" s="276">
        <v>0</v>
      </c>
      <c r="BG26" s="280">
        <v>0</v>
      </c>
      <c r="BH26" s="277">
        <v>0</v>
      </c>
      <c r="BI26" s="279">
        <v>0</v>
      </c>
      <c r="BJ26" s="280">
        <v>19</v>
      </c>
      <c r="BK26" s="280">
        <v>43</v>
      </c>
      <c r="BL26" s="280">
        <v>10</v>
      </c>
      <c r="BM26" s="280">
        <v>11</v>
      </c>
      <c r="BN26" s="280">
        <v>0</v>
      </c>
      <c r="BO26" s="277">
        <v>83</v>
      </c>
      <c r="BP26" s="282">
        <v>83</v>
      </c>
      <c r="BQ26" s="276">
        <v>0</v>
      </c>
      <c r="BR26" s="280">
        <v>0</v>
      </c>
      <c r="BS26" s="277">
        <v>0</v>
      </c>
      <c r="BT26" s="279">
        <v>0</v>
      </c>
      <c r="BU26" s="280">
        <v>11</v>
      </c>
      <c r="BV26" s="280">
        <v>29</v>
      </c>
      <c r="BW26" s="280">
        <v>3</v>
      </c>
      <c r="BX26" s="280">
        <v>3</v>
      </c>
      <c r="BY26" s="280">
        <v>17</v>
      </c>
      <c r="BZ26" s="277">
        <v>63</v>
      </c>
      <c r="CA26" s="282">
        <v>63</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4">
        <v>0</v>
      </c>
      <c r="F27" s="279">
        <v>0</v>
      </c>
      <c r="G27" s="280">
        <v>61</v>
      </c>
      <c r="H27" s="280">
        <v>26</v>
      </c>
      <c r="I27" s="280">
        <v>190</v>
      </c>
      <c r="J27" s="280">
        <v>0</v>
      </c>
      <c r="K27" s="280">
        <v>0</v>
      </c>
      <c r="L27" s="281">
        <v>277</v>
      </c>
      <c r="M27" s="282">
        <v>277</v>
      </c>
      <c r="N27" s="276">
        <v>0</v>
      </c>
      <c r="O27" s="280">
        <v>0</v>
      </c>
      <c r="P27" s="277">
        <v>0</v>
      </c>
      <c r="Q27" s="279">
        <v>0</v>
      </c>
      <c r="R27" s="280">
        <v>0</v>
      </c>
      <c r="S27" s="280">
        <v>0</v>
      </c>
      <c r="T27" s="280">
        <v>5</v>
      </c>
      <c r="U27" s="280">
        <v>0</v>
      </c>
      <c r="V27" s="280">
        <v>6</v>
      </c>
      <c r="W27" s="277">
        <v>11</v>
      </c>
      <c r="X27" s="282">
        <v>11</v>
      </c>
      <c r="Y27" s="276">
        <v>3</v>
      </c>
      <c r="Z27" s="280">
        <v>3</v>
      </c>
      <c r="AA27" s="277">
        <v>6</v>
      </c>
      <c r="AB27" s="279">
        <v>0</v>
      </c>
      <c r="AC27" s="280">
        <v>33</v>
      </c>
      <c r="AD27" s="280">
        <v>6</v>
      </c>
      <c r="AE27" s="280">
        <v>27</v>
      </c>
      <c r="AF27" s="280">
        <v>14</v>
      </c>
      <c r="AG27" s="280">
        <v>9</v>
      </c>
      <c r="AH27" s="277">
        <v>89</v>
      </c>
      <c r="AI27" s="282">
        <v>95</v>
      </c>
      <c r="AJ27" s="276">
        <v>0</v>
      </c>
      <c r="AK27" s="280">
        <v>16</v>
      </c>
      <c r="AL27" s="277">
        <v>16</v>
      </c>
      <c r="AM27" s="279">
        <v>0</v>
      </c>
      <c r="AN27" s="280">
        <v>0</v>
      </c>
      <c r="AO27" s="280">
        <v>0</v>
      </c>
      <c r="AP27" s="280">
        <v>18</v>
      </c>
      <c r="AQ27" s="280">
        <v>0</v>
      </c>
      <c r="AR27" s="280">
        <v>12</v>
      </c>
      <c r="AS27" s="277">
        <v>30</v>
      </c>
      <c r="AT27" s="282">
        <v>46</v>
      </c>
      <c r="AU27" s="276">
        <v>0</v>
      </c>
      <c r="AV27" s="280">
        <v>0</v>
      </c>
      <c r="AW27" s="277">
        <v>0</v>
      </c>
      <c r="AX27" s="279">
        <v>0</v>
      </c>
      <c r="AY27" s="280">
        <v>86</v>
      </c>
      <c r="AZ27" s="280">
        <v>12</v>
      </c>
      <c r="BA27" s="280">
        <v>14</v>
      </c>
      <c r="BB27" s="280">
        <v>41</v>
      </c>
      <c r="BC27" s="280">
        <v>0</v>
      </c>
      <c r="BD27" s="281">
        <v>153</v>
      </c>
      <c r="BE27" s="282">
        <v>153</v>
      </c>
      <c r="BF27" s="276">
        <v>0</v>
      </c>
      <c r="BG27" s="280">
        <v>0</v>
      </c>
      <c r="BH27" s="277">
        <v>0</v>
      </c>
      <c r="BI27" s="279">
        <v>0</v>
      </c>
      <c r="BJ27" s="280">
        <v>23</v>
      </c>
      <c r="BK27" s="280">
        <v>39</v>
      </c>
      <c r="BL27" s="280">
        <v>29</v>
      </c>
      <c r="BM27" s="280">
        <v>8</v>
      </c>
      <c r="BN27" s="280">
        <v>0</v>
      </c>
      <c r="BO27" s="277">
        <v>99</v>
      </c>
      <c r="BP27" s="282">
        <v>99</v>
      </c>
      <c r="BQ27" s="276">
        <v>0</v>
      </c>
      <c r="BR27" s="280">
        <v>2</v>
      </c>
      <c r="BS27" s="277">
        <v>2</v>
      </c>
      <c r="BT27" s="279">
        <v>0</v>
      </c>
      <c r="BU27" s="280">
        <v>4</v>
      </c>
      <c r="BV27" s="280">
        <v>0</v>
      </c>
      <c r="BW27" s="280">
        <v>7</v>
      </c>
      <c r="BX27" s="280">
        <v>31</v>
      </c>
      <c r="BY27" s="280">
        <v>0</v>
      </c>
      <c r="BZ27" s="277">
        <v>42</v>
      </c>
      <c r="CA27" s="282">
        <v>44</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4">
        <v>0</v>
      </c>
      <c r="F28" s="279">
        <v>0</v>
      </c>
      <c r="G28" s="280">
        <v>91</v>
      </c>
      <c r="H28" s="280">
        <v>184</v>
      </c>
      <c r="I28" s="280">
        <v>133</v>
      </c>
      <c r="J28" s="280">
        <v>0</v>
      </c>
      <c r="K28" s="280">
        <v>0</v>
      </c>
      <c r="L28" s="281">
        <v>408</v>
      </c>
      <c r="M28" s="282">
        <v>408</v>
      </c>
      <c r="N28" s="276">
        <v>0</v>
      </c>
      <c r="O28" s="280">
        <v>0</v>
      </c>
      <c r="P28" s="277">
        <v>0</v>
      </c>
      <c r="Q28" s="279">
        <v>0</v>
      </c>
      <c r="R28" s="280">
        <v>0</v>
      </c>
      <c r="S28" s="280">
        <v>0</v>
      </c>
      <c r="T28" s="280">
        <v>3</v>
      </c>
      <c r="U28" s="280">
        <v>0</v>
      </c>
      <c r="V28" s="280">
        <v>9</v>
      </c>
      <c r="W28" s="277">
        <v>12</v>
      </c>
      <c r="X28" s="282">
        <v>12</v>
      </c>
      <c r="Y28" s="276">
        <v>0</v>
      </c>
      <c r="Z28" s="280">
        <v>0</v>
      </c>
      <c r="AA28" s="277">
        <v>0</v>
      </c>
      <c r="AB28" s="279">
        <v>0</v>
      </c>
      <c r="AC28" s="280">
        <v>9</v>
      </c>
      <c r="AD28" s="280">
        <v>26</v>
      </c>
      <c r="AE28" s="280">
        <v>35</v>
      </c>
      <c r="AF28" s="280">
        <v>0</v>
      </c>
      <c r="AG28" s="280">
        <v>19</v>
      </c>
      <c r="AH28" s="277">
        <v>89</v>
      </c>
      <c r="AI28" s="282">
        <v>89</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61</v>
      </c>
      <c r="AZ28" s="280">
        <v>104</v>
      </c>
      <c r="BA28" s="280">
        <v>36</v>
      </c>
      <c r="BB28" s="280">
        <v>0</v>
      </c>
      <c r="BC28" s="280">
        <v>31</v>
      </c>
      <c r="BD28" s="281">
        <v>232</v>
      </c>
      <c r="BE28" s="282">
        <v>232</v>
      </c>
      <c r="BF28" s="276">
        <v>0</v>
      </c>
      <c r="BG28" s="280">
        <v>0</v>
      </c>
      <c r="BH28" s="277">
        <v>0</v>
      </c>
      <c r="BI28" s="279">
        <v>0</v>
      </c>
      <c r="BJ28" s="280">
        <v>8</v>
      </c>
      <c r="BK28" s="280">
        <v>29</v>
      </c>
      <c r="BL28" s="280">
        <v>12</v>
      </c>
      <c r="BM28" s="280">
        <v>3</v>
      </c>
      <c r="BN28" s="280">
        <v>0</v>
      </c>
      <c r="BO28" s="277">
        <v>52</v>
      </c>
      <c r="BP28" s="282">
        <v>52</v>
      </c>
      <c r="BQ28" s="276">
        <v>0</v>
      </c>
      <c r="BR28" s="280">
        <v>0</v>
      </c>
      <c r="BS28" s="277">
        <v>0</v>
      </c>
      <c r="BT28" s="279">
        <v>0</v>
      </c>
      <c r="BU28" s="280">
        <v>0</v>
      </c>
      <c r="BV28" s="280">
        <v>42</v>
      </c>
      <c r="BW28" s="280">
        <v>6</v>
      </c>
      <c r="BX28" s="280">
        <v>14</v>
      </c>
      <c r="BY28" s="280">
        <v>25</v>
      </c>
      <c r="BZ28" s="277">
        <v>87</v>
      </c>
      <c r="CA28" s="282">
        <v>87</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4">
        <v>0</v>
      </c>
      <c r="F29" s="279">
        <v>0</v>
      </c>
      <c r="G29" s="280">
        <v>13</v>
      </c>
      <c r="H29" s="280">
        <v>40</v>
      </c>
      <c r="I29" s="280">
        <v>249</v>
      </c>
      <c r="J29" s="280">
        <v>109</v>
      </c>
      <c r="K29" s="280">
        <v>0</v>
      </c>
      <c r="L29" s="281">
        <v>411</v>
      </c>
      <c r="M29" s="282">
        <v>411</v>
      </c>
      <c r="N29" s="276">
        <v>0</v>
      </c>
      <c r="O29" s="280">
        <v>0</v>
      </c>
      <c r="P29" s="277">
        <v>0</v>
      </c>
      <c r="Q29" s="279">
        <v>0</v>
      </c>
      <c r="R29" s="280">
        <v>0</v>
      </c>
      <c r="S29" s="280">
        <v>0</v>
      </c>
      <c r="T29" s="280">
        <v>0</v>
      </c>
      <c r="U29" s="280">
        <v>5</v>
      </c>
      <c r="V29" s="280">
        <v>4</v>
      </c>
      <c r="W29" s="277">
        <v>9</v>
      </c>
      <c r="X29" s="282">
        <v>9</v>
      </c>
      <c r="Y29" s="276">
        <v>8</v>
      </c>
      <c r="Z29" s="280">
        <v>10</v>
      </c>
      <c r="AA29" s="277">
        <v>18</v>
      </c>
      <c r="AB29" s="279">
        <v>0</v>
      </c>
      <c r="AC29" s="280">
        <v>43</v>
      </c>
      <c r="AD29" s="280">
        <v>59</v>
      </c>
      <c r="AE29" s="280">
        <v>27</v>
      </c>
      <c r="AF29" s="280">
        <v>13</v>
      </c>
      <c r="AG29" s="280">
        <v>32</v>
      </c>
      <c r="AH29" s="277">
        <v>174</v>
      </c>
      <c r="AI29" s="282">
        <v>192</v>
      </c>
      <c r="AJ29" s="276">
        <v>0</v>
      </c>
      <c r="AK29" s="280">
        <v>0</v>
      </c>
      <c r="AL29" s="277">
        <v>0</v>
      </c>
      <c r="AM29" s="279">
        <v>0</v>
      </c>
      <c r="AN29" s="280">
        <v>0</v>
      </c>
      <c r="AO29" s="280">
        <v>30</v>
      </c>
      <c r="AP29" s="280">
        <v>0</v>
      </c>
      <c r="AQ29" s="280">
        <v>0</v>
      </c>
      <c r="AR29" s="280">
        <v>0</v>
      </c>
      <c r="AS29" s="277">
        <v>30</v>
      </c>
      <c r="AT29" s="282">
        <v>30</v>
      </c>
      <c r="AU29" s="276">
        <v>0</v>
      </c>
      <c r="AV29" s="280">
        <v>0</v>
      </c>
      <c r="AW29" s="277">
        <v>0</v>
      </c>
      <c r="AX29" s="279">
        <v>0</v>
      </c>
      <c r="AY29" s="280">
        <v>79</v>
      </c>
      <c r="AZ29" s="280">
        <v>55</v>
      </c>
      <c r="BA29" s="280">
        <v>61</v>
      </c>
      <c r="BB29" s="280">
        <v>28</v>
      </c>
      <c r="BC29" s="280">
        <v>1</v>
      </c>
      <c r="BD29" s="281">
        <v>224</v>
      </c>
      <c r="BE29" s="282">
        <v>224</v>
      </c>
      <c r="BF29" s="276">
        <v>0</v>
      </c>
      <c r="BG29" s="280">
        <v>0</v>
      </c>
      <c r="BH29" s="277">
        <v>0</v>
      </c>
      <c r="BI29" s="279">
        <v>0</v>
      </c>
      <c r="BJ29" s="280">
        <v>10</v>
      </c>
      <c r="BK29" s="280">
        <v>27</v>
      </c>
      <c r="BL29" s="280">
        <v>5</v>
      </c>
      <c r="BM29" s="280">
        <v>0</v>
      </c>
      <c r="BN29" s="280">
        <v>0</v>
      </c>
      <c r="BO29" s="277">
        <v>42</v>
      </c>
      <c r="BP29" s="282">
        <v>42</v>
      </c>
      <c r="BQ29" s="276">
        <v>0</v>
      </c>
      <c r="BR29" s="280">
        <v>0</v>
      </c>
      <c r="BS29" s="277">
        <v>0</v>
      </c>
      <c r="BT29" s="279">
        <v>0</v>
      </c>
      <c r="BU29" s="280">
        <v>4</v>
      </c>
      <c r="BV29" s="280">
        <v>0</v>
      </c>
      <c r="BW29" s="280">
        <v>6</v>
      </c>
      <c r="BX29" s="280">
        <v>0</v>
      </c>
      <c r="BY29" s="280">
        <v>3</v>
      </c>
      <c r="BZ29" s="277">
        <v>13</v>
      </c>
      <c r="CA29" s="282">
        <v>13</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4">
        <v>0</v>
      </c>
      <c r="F30" s="279">
        <v>0</v>
      </c>
      <c r="G30" s="280">
        <v>0</v>
      </c>
      <c r="H30" s="280">
        <v>0</v>
      </c>
      <c r="I30" s="280">
        <v>0</v>
      </c>
      <c r="J30" s="280">
        <v>75</v>
      </c>
      <c r="K30" s="280">
        <v>0</v>
      </c>
      <c r="L30" s="281">
        <v>75</v>
      </c>
      <c r="M30" s="282">
        <v>75</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13</v>
      </c>
      <c r="AE30" s="280">
        <v>0</v>
      </c>
      <c r="AF30" s="280">
        <v>10</v>
      </c>
      <c r="AG30" s="280">
        <v>0</v>
      </c>
      <c r="AH30" s="277">
        <v>23</v>
      </c>
      <c r="AI30" s="282">
        <v>23</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26</v>
      </c>
      <c r="AZ30" s="280">
        <v>0</v>
      </c>
      <c r="BA30" s="280">
        <v>0</v>
      </c>
      <c r="BB30" s="280">
        <v>0</v>
      </c>
      <c r="BC30" s="280">
        <v>0</v>
      </c>
      <c r="BD30" s="281">
        <v>26</v>
      </c>
      <c r="BE30" s="282">
        <v>26</v>
      </c>
      <c r="BF30" s="276">
        <v>0</v>
      </c>
      <c r="BG30" s="280">
        <v>0</v>
      </c>
      <c r="BH30" s="277">
        <v>0</v>
      </c>
      <c r="BI30" s="279">
        <v>0</v>
      </c>
      <c r="BJ30" s="280">
        <v>0</v>
      </c>
      <c r="BK30" s="280">
        <v>0</v>
      </c>
      <c r="BL30" s="280">
        <v>0</v>
      </c>
      <c r="BM30" s="280">
        <v>0</v>
      </c>
      <c r="BN30" s="280">
        <v>0</v>
      </c>
      <c r="BO30" s="277">
        <v>0</v>
      </c>
      <c r="BP30" s="282">
        <v>0</v>
      </c>
      <c r="BQ30" s="276">
        <v>0</v>
      </c>
      <c r="BR30" s="280">
        <v>0</v>
      </c>
      <c r="BS30" s="277">
        <v>0</v>
      </c>
      <c r="BT30" s="279">
        <v>0</v>
      </c>
      <c r="BU30" s="280">
        <v>0</v>
      </c>
      <c r="BV30" s="280">
        <v>0</v>
      </c>
      <c r="BW30" s="280">
        <v>0</v>
      </c>
      <c r="BX30" s="280">
        <v>0</v>
      </c>
      <c r="BY30" s="280">
        <v>6</v>
      </c>
      <c r="BZ30" s="277">
        <v>6</v>
      </c>
      <c r="CA30" s="282">
        <v>6</v>
      </c>
      <c r="CB30" s="276">
        <v>0</v>
      </c>
      <c r="CC30" s="280">
        <v>0</v>
      </c>
      <c r="CD30" s="277">
        <v>0</v>
      </c>
      <c r="CE30" s="279">
        <v>0</v>
      </c>
      <c r="CF30" s="280">
        <v>0</v>
      </c>
      <c r="CG30" s="280">
        <v>0</v>
      </c>
      <c r="CH30" s="280">
        <v>0</v>
      </c>
      <c r="CI30" s="280">
        <v>9</v>
      </c>
      <c r="CJ30" s="280">
        <v>0</v>
      </c>
      <c r="CK30" s="277">
        <v>9</v>
      </c>
      <c r="CL30" s="282">
        <v>9</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4">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3</v>
      </c>
      <c r="W31" s="277">
        <v>3</v>
      </c>
      <c r="X31" s="282">
        <v>3</v>
      </c>
      <c r="Y31" s="276">
        <v>0</v>
      </c>
      <c r="Z31" s="280">
        <v>2</v>
      </c>
      <c r="AA31" s="277">
        <v>2</v>
      </c>
      <c r="AB31" s="279">
        <v>0</v>
      </c>
      <c r="AC31" s="280">
        <v>0</v>
      </c>
      <c r="AD31" s="280">
        <v>0</v>
      </c>
      <c r="AE31" s="280">
        <v>0</v>
      </c>
      <c r="AF31" s="280">
        <v>0</v>
      </c>
      <c r="AG31" s="280">
        <v>4</v>
      </c>
      <c r="AH31" s="277">
        <v>4</v>
      </c>
      <c r="AI31" s="282">
        <v>6</v>
      </c>
      <c r="AJ31" s="276">
        <v>0</v>
      </c>
      <c r="AK31" s="280">
        <v>0</v>
      </c>
      <c r="AL31" s="277">
        <v>0</v>
      </c>
      <c r="AM31" s="279">
        <v>0</v>
      </c>
      <c r="AN31" s="280">
        <v>0</v>
      </c>
      <c r="AO31" s="280">
        <v>0</v>
      </c>
      <c r="AP31" s="280">
        <v>0</v>
      </c>
      <c r="AQ31" s="280">
        <v>0</v>
      </c>
      <c r="AR31" s="280">
        <v>0</v>
      </c>
      <c r="AS31" s="277">
        <v>0</v>
      </c>
      <c r="AT31" s="282">
        <v>0</v>
      </c>
      <c r="AU31" s="276">
        <v>0</v>
      </c>
      <c r="AV31" s="280">
        <v>0</v>
      </c>
      <c r="AW31" s="277">
        <v>0</v>
      </c>
      <c r="AX31" s="279">
        <v>0</v>
      </c>
      <c r="AY31" s="280">
        <v>43</v>
      </c>
      <c r="AZ31" s="280">
        <v>43</v>
      </c>
      <c r="BA31" s="280">
        <v>23</v>
      </c>
      <c r="BB31" s="280">
        <v>8</v>
      </c>
      <c r="BC31" s="280">
        <v>9</v>
      </c>
      <c r="BD31" s="281">
        <v>126</v>
      </c>
      <c r="BE31" s="282">
        <v>126</v>
      </c>
      <c r="BF31" s="276">
        <v>0</v>
      </c>
      <c r="BG31" s="280">
        <v>0</v>
      </c>
      <c r="BH31" s="277">
        <v>0</v>
      </c>
      <c r="BI31" s="279">
        <v>0</v>
      </c>
      <c r="BJ31" s="280">
        <v>8</v>
      </c>
      <c r="BK31" s="280">
        <v>0</v>
      </c>
      <c r="BL31" s="280">
        <v>3</v>
      </c>
      <c r="BM31" s="280">
        <v>0</v>
      </c>
      <c r="BN31" s="280">
        <v>0</v>
      </c>
      <c r="BO31" s="277">
        <v>11</v>
      </c>
      <c r="BP31" s="282">
        <v>11</v>
      </c>
      <c r="BQ31" s="276">
        <v>0</v>
      </c>
      <c r="BR31" s="280">
        <v>0</v>
      </c>
      <c r="BS31" s="277">
        <v>0</v>
      </c>
      <c r="BT31" s="279">
        <v>0</v>
      </c>
      <c r="BU31" s="280">
        <v>0</v>
      </c>
      <c r="BV31" s="280">
        <v>0</v>
      </c>
      <c r="BW31" s="280">
        <v>3</v>
      </c>
      <c r="BX31" s="280">
        <v>0</v>
      </c>
      <c r="BY31" s="280">
        <v>15</v>
      </c>
      <c r="BZ31" s="277">
        <v>18</v>
      </c>
      <c r="CA31" s="282">
        <v>18</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4">
        <v>0</v>
      </c>
      <c r="F32" s="279">
        <v>0</v>
      </c>
      <c r="G32" s="280">
        <v>36</v>
      </c>
      <c r="H32" s="280">
        <v>17</v>
      </c>
      <c r="I32" s="280">
        <v>8</v>
      </c>
      <c r="J32" s="280">
        <v>13</v>
      </c>
      <c r="K32" s="280">
        <v>0</v>
      </c>
      <c r="L32" s="281">
        <v>74</v>
      </c>
      <c r="M32" s="282">
        <v>74</v>
      </c>
      <c r="N32" s="276">
        <v>0</v>
      </c>
      <c r="O32" s="280">
        <v>0</v>
      </c>
      <c r="P32" s="277">
        <v>0</v>
      </c>
      <c r="Q32" s="279">
        <v>0</v>
      </c>
      <c r="R32" s="280">
        <v>0</v>
      </c>
      <c r="S32" s="280">
        <v>0</v>
      </c>
      <c r="T32" s="280">
        <v>0</v>
      </c>
      <c r="U32" s="280">
        <v>0</v>
      </c>
      <c r="V32" s="280">
        <v>0</v>
      </c>
      <c r="W32" s="277">
        <v>0</v>
      </c>
      <c r="X32" s="282">
        <v>0</v>
      </c>
      <c r="Y32" s="276">
        <v>0</v>
      </c>
      <c r="Z32" s="280">
        <v>9</v>
      </c>
      <c r="AA32" s="277">
        <v>9</v>
      </c>
      <c r="AB32" s="279">
        <v>0</v>
      </c>
      <c r="AC32" s="280">
        <v>0</v>
      </c>
      <c r="AD32" s="280">
        <v>0</v>
      </c>
      <c r="AE32" s="280">
        <v>4</v>
      </c>
      <c r="AF32" s="280">
        <v>3</v>
      </c>
      <c r="AG32" s="280">
        <v>0</v>
      </c>
      <c r="AH32" s="277">
        <v>7</v>
      </c>
      <c r="AI32" s="282">
        <v>16</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4</v>
      </c>
      <c r="AZ32" s="280">
        <v>0</v>
      </c>
      <c r="BA32" s="280">
        <v>0</v>
      </c>
      <c r="BB32" s="280">
        <v>17</v>
      </c>
      <c r="BC32" s="280">
        <v>0</v>
      </c>
      <c r="BD32" s="281">
        <v>21</v>
      </c>
      <c r="BE32" s="282">
        <v>21</v>
      </c>
      <c r="BF32" s="276">
        <v>0</v>
      </c>
      <c r="BG32" s="280">
        <v>0</v>
      </c>
      <c r="BH32" s="277">
        <v>0</v>
      </c>
      <c r="BI32" s="279">
        <v>0</v>
      </c>
      <c r="BJ32" s="280">
        <v>3</v>
      </c>
      <c r="BK32" s="280">
        <v>0</v>
      </c>
      <c r="BL32" s="280">
        <v>12</v>
      </c>
      <c r="BM32" s="280">
        <v>0</v>
      </c>
      <c r="BN32" s="280">
        <v>0</v>
      </c>
      <c r="BO32" s="277">
        <v>15</v>
      </c>
      <c r="BP32" s="282">
        <v>15</v>
      </c>
      <c r="BQ32" s="276">
        <v>0</v>
      </c>
      <c r="BR32" s="280">
        <v>0</v>
      </c>
      <c r="BS32" s="277">
        <v>0</v>
      </c>
      <c r="BT32" s="279">
        <v>0</v>
      </c>
      <c r="BU32" s="280">
        <v>0</v>
      </c>
      <c r="BV32" s="280">
        <v>0</v>
      </c>
      <c r="BW32" s="280">
        <v>4</v>
      </c>
      <c r="BX32" s="280">
        <v>9</v>
      </c>
      <c r="BY32" s="280">
        <v>0</v>
      </c>
      <c r="BZ32" s="277">
        <v>13</v>
      </c>
      <c r="CA32" s="282">
        <v>13</v>
      </c>
      <c r="CB32" s="276">
        <v>0</v>
      </c>
      <c r="CC32" s="280">
        <v>0</v>
      </c>
      <c r="CD32" s="277">
        <v>0</v>
      </c>
      <c r="CE32" s="279">
        <v>0</v>
      </c>
      <c r="CF32" s="280">
        <v>15</v>
      </c>
      <c r="CG32" s="280">
        <v>0</v>
      </c>
      <c r="CH32" s="280">
        <v>0</v>
      </c>
      <c r="CI32" s="280">
        <v>0</v>
      </c>
      <c r="CJ32" s="280">
        <v>6</v>
      </c>
      <c r="CK32" s="277">
        <v>21</v>
      </c>
      <c r="CL32" s="282">
        <v>21</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4">
        <v>0</v>
      </c>
      <c r="F33" s="279">
        <v>0</v>
      </c>
      <c r="G33" s="280">
        <v>21</v>
      </c>
      <c r="H33" s="280">
        <v>6</v>
      </c>
      <c r="I33" s="280">
        <v>0</v>
      </c>
      <c r="J33" s="280">
        <v>0</v>
      </c>
      <c r="K33" s="280">
        <v>0</v>
      </c>
      <c r="L33" s="281">
        <v>27</v>
      </c>
      <c r="M33" s="282">
        <v>27</v>
      </c>
      <c r="N33" s="276">
        <v>0</v>
      </c>
      <c r="O33" s="280">
        <v>0</v>
      </c>
      <c r="P33" s="277">
        <v>0</v>
      </c>
      <c r="Q33" s="279">
        <v>0</v>
      </c>
      <c r="R33" s="280">
        <v>0</v>
      </c>
      <c r="S33" s="280">
        <v>4</v>
      </c>
      <c r="T33" s="280">
        <v>8</v>
      </c>
      <c r="U33" s="280">
        <v>0</v>
      </c>
      <c r="V33" s="280">
        <v>0</v>
      </c>
      <c r="W33" s="277">
        <v>12</v>
      </c>
      <c r="X33" s="282">
        <v>12</v>
      </c>
      <c r="Y33" s="276">
        <v>2</v>
      </c>
      <c r="Z33" s="280">
        <v>0</v>
      </c>
      <c r="AA33" s="277">
        <v>2</v>
      </c>
      <c r="AB33" s="279">
        <v>0</v>
      </c>
      <c r="AC33" s="280">
        <v>4</v>
      </c>
      <c r="AD33" s="280">
        <v>0</v>
      </c>
      <c r="AE33" s="280">
        <v>4</v>
      </c>
      <c r="AF33" s="280">
        <v>14</v>
      </c>
      <c r="AG33" s="280">
        <v>0</v>
      </c>
      <c r="AH33" s="277">
        <v>22</v>
      </c>
      <c r="AI33" s="282">
        <v>24</v>
      </c>
      <c r="AJ33" s="276">
        <v>0</v>
      </c>
      <c r="AK33" s="280">
        <v>0</v>
      </c>
      <c r="AL33" s="277">
        <v>0</v>
      </c>
      <c r="AM33" s="279">
        <v>0</v>
      </c>
      <c r="AN33" s="280">
        <v>0</v>
      </c>
      <c r="AO33" s="280">
        <v>70</v>
      </c>
      <c r="AP33" s="280">
        <v>0</v>
      </c>
      <c r="AQ33" s="280">
        <v>0</v>
      </c>
      <c r="AR33" s="280">
        <v>0</v>
      </c>
      <c r="AS33" s="277">
        <v>70</v>
      </c>
      <c r="AT33" s="282">
        <v>70</v>
      </c>
      <c r="AU33" s="276">
        <v>0</v>
      </c>
      <c r="AV33" s="280">
        <v>0</v>
      </c>
      <c r="AW33" s="277">
        <v>0</v>
      </c>
      <c r="AX33" s="279">
        <v>0</v>
      </c>
      <c r="AY33" s="280">
        <v>16</v>
      </c>
      <c r="AZ33" s="280">
        <v>21</v>
      </c>
      <c r="BA33" s="280">
        <v>0</v>
      </c>
      <c r="BB33" s="280">
        <v>7</v>
      </c>
      <c r="BC33" s="280">
        <v>0</v>
      </c>
      <c r="BD33" s="281">
        <v>44</v>
      </c>
      <c r="BE33" s="282">
        <v>44</v>
      </c>
      <c r="BF33" s="276">
        <v>0</v>
      </c>
      <c r="BG33" s="280">
        <v>0</v>
      </c>
      <c r="BH33" s="277">
        <v>0</v>
      </c>
      <c r="BI33" s="279">
        <v>0</v>
      </c>
      <c r="BJ33" s="280">
        <v>0</v>
      </c>
      <c r="BK33" s="280">
        <v>21</v>
      </c>
      <c r="BL33" s="280">
        <v>0</v>
      </c>
      <c r="BM33" s="280">
        <v>9</v>
      </c>
      <c r="BN33" s="280">
        <v>0</v>
      </c>
      <c r="BO33" s="277">
        <v>30</v>
      </c>
      <c r="BP33" s="282">
        <v>30</v>
      </c>
      <c r="BQ33" s="276">
        <v>0</v>
      </c>
      <c r="BR33" s="280">
        <v>0</v>
      </c>
      <c r="BS33" s="277">
        <v>0</v>
      </c>
      <c r="BT33" s="279">
        <v>0</v>
      </c>
      <c r="BU33" s="280">
        <v>0</v>
      </c>
      <c r="BV33" s="280">
        <v>48</v>
      </c>
      <c r="BW33" s="280">
        <v>0</v>
      </c>
      <c r="BX33" s="280">
        <v>0</v>
      </c>
      <c r="BY33" s="280">
        <v>0</v>
      </c>
      <c r="BZ33" s="277">
        <v>48</v>
      </c>
      <c r="CA33" s="282">
        <v>48</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4">
        <v>0</v>
      </c>
      <c r="F34" s="279">
        <v>0</v>
      </c>
      <c r="G34" s="280">
        <v>12</v>
      </c>
      <c r="H34" s="280">
        <v>39</v>
      </c>
      <c r="I34" s="280">
        <v>18</v>
      </c>
      <c r="J34" s="280">
        <v>127</v>
      </c>
      <c r="K34" s="280">
        <v>89</v>
      </c>
      <c r="L34" s="281">
        <v>285</v>
      </c>
      <c r="M34" s="282">
        <v>285</v>
      </c>
      <c r="N34" s="276">
        <v>0</v>
      </c>
      <c r="O34" s="280">
        <v>0</v>
      </c>
      <c r="P34" s="277">
        <v>0</v>
      </c>
      <c r="Q34" s="279">
        <v>0</v>
      </c>
      <c r="R34" s="280">
        <v>0</v>
      </c>
      <c r="S34" s="280">
        <v>0</v>
      </c>
      <c r="T34" s="280">
        <v>0</v>
      </c>
      <c r="U34" s="280">
        <v>0</v>
      </c>
      <c r="V34" s="280">
        <v>5</v>
      </c>
      <c r="W34" s="277">
        <v>5</v>
      </c>
      <c r="X34" s="282">
        <v>5</v>
      </c>
      <c r="Y34" s="276">
        <v>0</v>
      </c>
      <c r="Z34" s="280">
        <v>2</v>
      </c>
      <c r="AA34" s="277">
        <v>2</v>
      </c>
      <c r="AB34" s="279">
        <v>0</v>
      </c>
      <c r="AC34" s="280">
        <v>4</v>
      </c>
      <c r="AD34" s="280">
        <v>12</v>
      </c>
      <c r="AE34" s="280">
        <v>12</v>
      </c>
      <c r="AF34" s="280">
        <v>1</v>
      </c>
      <c r="AG34" s="280">
        <v>0</v>
      </c>
      <c r="AH34" s="277">
        <v>29</v>
      </c>
      <c r="AI34" s="282">
        <v>31</v>
      </c>
      <c r="AJ34" s="276">
        <v>0</v>
      </c>
      <c r="AK34" s="280">
        <v>0</v>
      </c>
      <c r="AL34" s="277">
        <v>0</v>
      </c>
      <c r="AM34" s="279">
        <v>0</v>
      </c>
      <c r="AN34" s="280">
        <v>0</v>
      </c>
      <c r="AO34" s="280">
        <v>9</v>
      </c>
      <c r="AP34" s="280">
        <v>0</v>
      </c>
      <c r="AQ34" s="280">
        <v>0</v>
      </c>
      <c r="AR34" s="280">
        <v>0</v>
      </c>
      <c r="AS34" s="277">
        <v>9</v>
      </c>
      <c r="AT34" s="282">
        <v>9</v>
      </c>
      <c r="AU34" s="276">
        <v>0</v>
      </c>
      <c r="AV34" s="280">
        <v>0</v>
      </c>
      <c r="AW34" s="277">
        <v>0</v>
      </c>
      <c r="AX34" s="279">
        <v>0</v>
      </c>
      <c r="AY34" s="280">
        <v>15</v>
      </c>
      <c r="AZ34" s="280">
        <v>23</v>
      </c>
      <c r="BA34" s="280">
        <v>35</v>
      </c>
      <c r="BB34" s="280">
        <v>0</v>
      </c>
      <c r="BC34" s="280">
        <v>12</v>
      </c>
      <c r="BD34" s="281">
        <v>85</v>
      </c>
      <c r="BE34" s="282">
        <v>85</v>
      </c>
      <c r="BF34" s="276">
        <v>0</v>
      </c>
      <c r="BG34" s="280">
        <v>0</v>
      </c>
      <c r="BH34" s="277">
        <v>0</v>
      </c>
      <c r="BI34" s="279">
        <v>0</v>
      </c>
      <c r="BJ34" s="280">
        <v>9</v>
      </c>
      <c r="BK34" s="280">
        <v>9</v>
      </c>
      <c r="BL34" s="280">
        <v>0</v>
      </c>
      <c r="BM34" s="280">
        <v>0</v>
      </c>
      <c r="BN34" s="280">
        <v>6</v>
      </c>
      <c r="BO34" s="277">
        <v>24</v>
      </c>
      <c r="BP34" s="282">
        <v>24</v>
      </c>
      <c r="BQ34" s="276">
        <v>0</v>
      </c>
      <c r="BR34" s="280">
        <v>0</v>
      </c>
      <c r="BS34" s="277">
        <v>0</v>
      </c>
      <c r="BT34" s="279">
        <v>0</v>
      </c>
      <c r="BU34" s="280">
        <v>0</v>
      </c>
      <c r="BV34" s="280">
        <v>0</v>
      </c>
      <c r="BW34" s="280">
        <v>2</v>
      </c>
      <c r="BX34" s="280">
        <v>0</v>
      </c>
      <c r="BY34" s="280">
        <v>7</v>
      </c>
      <c r="BZ34" s="277">
        <v>9</v>
      </c>
      <c r="CA34" s="282">
        <v>9</v>
      </c>
      <c r="CB34" s="276">
        <v>0</v>
      </c>
      <c r="CC34" s="280">
        <v>0</v>
      </c>
      <c r="CD34" s="277">
        <v>0</v>
      </c>
      <c r="CE34" s="279">
        <v>0</v>
      </c>
      <c r="CF34" s="280">
        <v>0</v>
      </c>
      <c r="CG34" s="280">
        <v>0</v>
      </c>
      <c r="CH34" s="280">
        <v>0</v>
      </c>
      <c r="CI34" s="280">
        <v>0</v>
      </c>
      <c r="CJ34" s="280">
        <v>0</v>
      </c>
      <c r="CK34" s="277">
        <v>0</v>
      </c>
      <c r="CL34" s="282">
        <v>0</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4">
        <v>0</v>
      </c>
      <c r="F35" s="279">
        <v>0</v>
      </c>
      <c r="G35" s="280">
        <v>9</v>
      </c>
      <c r="H35" s="280">
        <v>0</v>
      </c>
      <c r="I35" s="280">
        <v>0</v>
      </c>
      <c r="J35" s="280">
        <v>0</v>
      </c>
      <c r="K35" s="280">
        <v>0</v>
      </c>
      <c r="L35" s="281">
        <v>9</v>
      </c>
      <c r="M35" s="282">
        <v>9</v>
      </c>
      <c r="N35" s="276">
        <v>0</v>
      </c>
      <c r="O35" s="280">
        <v>0</v>
      </c>
      <c r="P35" s="277">
        <v>0</v>
      </c>
      <c r="Q35" s="279">
        <v>0</v>
      </c>
      <c r="R35" s="280">
        <v>0</v>
      </c>
      <c r="S35" s="280">
        <v>0</v>
      </c>
      <c r="T35" s="280">
        <v>0</v>
      </c>
      <c r="U35" s="280">
        <v>4</v>
      </c>
      <c r="V35" s="280">
        <v>0</v>
      </c>
      <c r="W35" s="277">
        <v>4</v>
      </c>
      <c r="X35" s="282">
        <v>4</v>
      </c>
      <c r="Y35" s="276">
        <v>0</v>
      </c>
      <c r="Z35" s="280">
        <v>0</v>
      </c>
      <c r="AA35" s="277">
        <v>0</v>
      </c>
      <c r="AB35" s="279">
        <v>0</v>
      </c>
      <c r="AC35" s="280">
        <v>4</v>
      </c>
      <c r="AD35" s="280">
        <v>4</v>
      </c>
      <c r="AE35" s="280">
        <v>0</v>
      </c>
      <c r="AF35" s="280">
        <v>0</v>
      </c>
      <c r="AG35" s="280">
        <v>4</v>
      </c>
      <c r="AH35" s="277">
        <v>12</v>
      </c>
      <c r="AI35" s="282">
        <v>12</v>
      </c>
      <c r="AJ35" s="276">
        <v>12</v>
      </c>
      <c r="AK35" s="280">
        <v>9</v>
      </c>
      <c r="AL35" s="277">
        <v>21</v>
      </c>
      <c r="AM35" s="279">
        <v>0</v>
      </c>
      <c r="AN35" s="280">
        <v>6</v>
      </c>
      <c r="AO35" s="280">
        <v>0</v>
      </c>
      <c r="AP35" s="280">
        <v>0</v>
      </c>
      <c r="AQ35" s="280">
        <v>18</v>
      </c>
      <c r="AR35" s="280">
        <v>19</v>
      </c>
      <c r="AS35" s="277">
        <v>43</v>
      </c>
      <c r="AT35" s="282">
        <v>64</v>
      </c>
      <c r="AU35" s="276">
        <v>0</v>
      </c>
      <c r="AV35" s="280">
        <v>0</v>
      </c>
      <c r="AW35" s="277">
        <v>0</v>
      </c>
      <c r="AX35" s="279">
        <v>0</v>
      </c>
      <c r="AY35" s="280">
        <v>4</v>
      </c>
      <c r="AZ35" s="280">
        <v>0</v>
      </c>
      <c r="BA35" s="280">
        <v>0</v>
      </c>
      <c r="BB35" s="280">
        <v>0</v>
      </c>
      <c r="BC35" s="280">
        <v>0</v>
      </c>
      <c r="BD35" s="281">
        <v>4</v>
      </c>
      <c r="BE35" s="282">
        <v>4</v>
      </c>
      <c r="BF35" s="276">
        <v>0</v>
      </c>
      <c r="BG35" s="280">
        <v>0</v>
      </c>
      <c r="BH35" s="277">
        <v>0</v>
      </c>
      <c r="BI35" s="279">
        <v>0</v>
      </c>
      <c r="BJ35" s="280">
        <v>8</v>
      </c>
      <c r="BK35" s="280">
        <v>8</v>
      </c>
      <c r="BL35" s="280">
        <v>6</v>
      </c>
      <c r="BM35" s="280">
        <v>0</v>
      </c>
      <c r="BN35" s="280">
        <v>0</v>
      </c>
      <c r="BO35" s="277">
        <v>22</v>
      </c>
      <c r="BP35" s="282">
        <v>22</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6</v>
      </c>
      <c r="CI35" s="280">
        <v>0</v>
      </c>
      <c r="CJ35" s="280">
        <v>0</v>
      </c>
      <c r="CK35" s="277">
        <v>6</v>
      </c>
      <c r="CL35" s="282">
        <v>6</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4">
        <v>0</v>
      </c>
      <c r="F36" s="279">
        <v>0</v>
      </c>
      <c r="G36" s="280">
        <v>2</v>
      </c>
      <c r="H36" s="280">
        <v>0</v>
      </c>
      <c r="I36" s="280">
        <v>0</v>
      </c>
      <c r="J36" s="280">
        <v>0</v>
      </c>
      <c r="K36" s="280">
        <v>0</v>
      </c>
      <c r="L36" s="281">
        <v>2</v>
      </c>
      <c r="M36" s="282">
        <v>2</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3</v>
      </c>
      <c r="AE36" s="280">
        <v>0</v>
      </c>
      <c r="AF36" s="280">
        <v>0</v>
      </c>
      <c r="AG36" s="280">
        <v>0</v>
      </c>
      <c r="AH36" s="277">
        <v>3</v>
      </c>
      <c r="AI36" s="282">
        <v>3</v>
      </c>
      <c r="AJ36" s="276">
        <v>0</v>
      </c>
      <c r="AK36" s="280">
        <v>0</v>
      </c>
      <c r="AL36" s="277">
        <v>0</v>
      </c>
      <c r="AM36" s="279">
        <v>0</v>
      </c>
      <c r="AN36" s="280">
        <v>0</v>
      </c>
      <c r="AO36" s="280">
        <v>18</v>
      </c>
      <c r="AP36" s="280">
        <v>8</v>
      </c>
      <c r="AQ36" s="280">
        <v>0</v>
      </c>
      <c r="AR36" s="280">
        <v>0</v>
      </c>
      <c r="AS36" s="277">
        <v>26</v>
      </c>
      <c r="AT36" s="282">
        <v>26</v>
      </c>
      <c r="AU36" s="276">
        <v>0</v>
      </c>
      <c r="AV36" s="280">
        <v>0</v>
      </c>
      <c r="AW36" s="277">
        <v>0</v>
      </c>
      <c r="AX36" s="279">
        <v>0</v>
      </c>
      <c r="AY36" s="280">
        <v>0</v>
      </c>
      <c r="AZ36" s="280">
        <v>0</v>
      </c>
      <c r="BA36" s="280">
        <v>0</v>
      </c>
      <c r="BB36" s="280">
        <v>0</v>
      </c>
      <c r="BC36" s="280">
        <v>0</v>
      </c>
      <c r="BD36" s="281">
        <v>0</v>
      </c>
      <c r="BE36" s="282">
        <v>0</v>
      </c>
      <c r="BF36" s="276">
        <v>0</v>
      </c>
      <c r="BG36" s="280">
        <v>0</v>
      </c>
      <c r="BH36" s="277">
        <v>0</v>
      </c>
      <c r="BI36" s="279">
        <v>0</v>
      </c>
      <c r="BJ36" s="280">
        <v>4</v>
      </c>
      <c r="BK36" s="280">
        <v>8</v>
      </c>
      <c r="BL36" s="280">
        <v>0</v>
      </c>
      <c r="BM36" s="280">
        <v>0</v>
      </c>
      <c r="BN36" s="280">
        <v>0</v>
      </c>
      <c r="BO36" s="277">
        <v>12</v>
      </c>
      <c r="BP36" s="282">
        <v>12</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4">
        <v>0</v>
      </c>
      <c r="F37" s="279">
        <v>0</v>
      </c>
      <c r="G37" s="280">
        <v>222</v>
      </c>
      <c r="H37" s="280">
        <v>9</v>
      </c>
      <c r="I37" s="280">
        <v>0</v>
      </c>
      <c r="J37" s="280">
        <v>88</v>
      </c>
      <c r="K37" s="280">
        <v>81</v>
      </c>
      <c r="L37" s="281">
        <v>400</v>
      </c>
      <c r="M37" s="282">
        <v>400</v>
      </c>
      <c r="N37" s="276">
        <v>0</v>
      </c>
      <c r="O37" s="280">
        <v>0</v>
      </c>
      <c r="P37" s="277">
        <v>0</v>
      </c>
      <c r="Q37" s="279">
        <v>0</v>
      </c>
      <c r="R37" s="280">
        <v>0</v>
      </c>
      <c r="S37" s="280">
        <v>0</v>
      </c>
      <c r="T37" s="280">
        <v>0</v>
      </c>
      <c r="U37" s="280">
        <v>8</v>
      </c>
      <c r="V37" s="280">
        <v>9</v>
      </c>
      <c r="W37" s="277">
        <v>17</v>
      </c>
      <c r="X37" s="282">
        <v>17</v>
      </c>
      <c r="Y37" s="276">
        <v>0</v>
      </c>
      <c r="Z37" s="280">
        <v>0</v>
      </c>
      <c r="AA37" s="277">
        <v>0</v>
      </c>
      <c r="AB37" s="279">
        <v>0</v>
      </c>
      <c r="AC37" s="280">
        <v>4</v>
      </c>
      <c r="AD37" s="280">
        <v>5</v>
      </c>
      <c r="AE37" s="280">
        <v>0</v>
      </c>
      <c r="AF37" s="280">
        <v>0</v>
      </c>
      <c r="AG37" s="280">
        <v>0</v>
      </c>
      <c r="AH37" s="277">
        <v>9</v>
      </c>
      <c r="AI37" s="282">
        <v>9</v>
      </c>
      <c r="AJ37" s="276">
        <v>0</v>
      </c>
      <c r="AK37" s="280">
        <v>0</v>
      </c>
      <c r="AL37" s="277">
        <v>0</v>
      </c>
      <c r="AM37" s="279">
        <v>0</v>
      </c>
      <c r="AN37" s="280">
        <v>12</v>
      </c>
      <c r="AO37" s="280">
        <v>12</v>
      </c>
      <c r="AP37" s="280">
        <v>16</v>
      </c>
      <c r="AQ37" s="280">
        <v>19</v>
      </c>
      <c r="AR37" s="280">
        <v>0</v>
      </c>
      <c r="AS37" s="277">
        <v>59</v>
      </c>
      <c r="AT37" s="282">
        <v>59</v>
      </c>
      <c r="AU37" s="276">
        <v>0</v>
      </c>
      <c r="AV37" s="280">
        <v>0</v>
      </c>
      <c r="AW37" s="277">
        <v>0</v>
      </c>
      <c r="AX37" s="279">
        <v>0</v>
      </c>
      <c r="AY37" s="280">
        <v>91</v>
      </c>
      <c r="AZ37" s="280">
        <v>33</v>
      </c>
      <c r="BA37" s="280">
        <v>19</v>
      </c>
      <c r="BB37" s="280">
        <v>0</v>
      </c>
      <c r="BC37" s="280">
        <v>0</v>
      </c>
      <c r="BD37" s="281">
        <v>143</v>
      </c>
      <c r="BE37" s="282">
        <v>143</v>
      </c>
      <c r="BF37" s="276">
        <v>0</v>
      </c>
      <c r="BG37" s="280">
        <v>0</v>
      </c>
      <c r="BH37" s="277">
        <v>0</v>
      </c>
      <c r="BI37" s="279">
        <v>0</v>
      </c>
      <c r="BJ37" s="280">
        <v>11</v>
      </c>
      <c r="BK37" s="280">
        <v>0</v>
      </c>
      <c r="BL37" s="280">
        <v>13</v>
      </c>
      <c r="BM37" s="280">
        <v>0</v>
      </c>
      <c r="BN37" s="280">
        <v>0</v>
      </c>
      <c r="BO37" s="277">
        <v>24</v>
      </c>
      <c r="BP37" s="282">
        <v>24</v>
      </c>
      <c r="BQ37" s="276">
        <v>0</v>
      </c>
      <c r="BR37" s="280">
        <v>0</v>
      </c>
      <c r="BS37" s="277">
        <v>0</v>
      </c>
      <c r="BT37" s="279">
        <v>0</v>
      </c>
      <c r="BU37" s="280">
        <v>0</v>
      </c>
      <c r="BV37" s="280">
        <v>3</v>
      </c>
      <c r="BW37" s="280">
        <v>0</v>
      </c>
      <c r="BX37" s="280">
        <v>0</v>
      </c>
      <c r="BY37" s="280">
        <v>0</v>
      </c>
      <c r="BZ37" s="277">
        <v>3</v>
      </c>
      <c r="CA37" s="282">
        <v>3</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4">
        <v>0</v>
      </c>
      <c r="F38" s="279">
        <v>0</v>
      </c>
      <c r="G38" s="280">
        <v>52</v>
      </c>
      <c r="H38" s="280">
        <v>79</v>
      </c>
      <c r="I38" s="280">
        <v>23</v>
      </c>
      <c r="J38" s="280">
        <v>0</v>
      </c>
      <c r="K38" s="280">
        <v>3</v>
      </c>
      <c r="L38" s="281">
        <v>157</v>
      </c>
      <c r="M38" s="282">
        <v>157</v>
      </c>
      <c r="N38" s="276">
        <v>2</v>
      </c>
      <c r="O38" s="280">
        <v>0</v>
      </c>
      <c r="P38" s="277">
        <v>2</v>
      </c>
      <c r="Q38" s="279">
        <v>0</v>
      </c>
      <c r="R38" s="280">
        <v>0</v>
      </c>
      <c r="S38" s="280">
        <v>0</v>
      </c>
      <c r="T38" s="280">
        <v>0</v>
      </c>
      <c r="U38" s="280">
        <v>0</v>
      </c>
      <c r="V38" s="280">
        <v>0</v>
      </c>
      <c r="W38" s="277">
        <v>0</v>
      </c>
      <c r="X38" s="282">
        <v>2</v>
      </c>
      <c r="Y38" s="276">
        <v>0</v>
      </c>
      <c r="Z38" s="280">
        <v>0</v>
      </c>
      <c r="AA38" s="277">
        <v>0</v>
      </c>
      <c r="AB38" s="279">
        <v>0</v>
      </c>
      <c r="AC38" s="280">
        <v>26</v>
      </c>
      <c r="AD38" s="280">
        <v>1</v>
      </c>
      <c r="AE38" s="280">
        <v>8</v>
      </c>
      <c r="AF38" s="280">
        <v>0</v>
      </c>
      <c r="AG38" s="280">
        <v>12</v>
      </c>
      <c r="AH38" s="277">
        <v>47</v>
      </c>
      <c r="AI38" s="282">
        <v>47</v>
      </c>
      <c r="AJ38" s="276">
        <v>0</v>
      </c>
      <c r="AK38" s="280">
        <v>6</v>
      </c>
      <c r="AL38" s="277">
        <v>6</v>
      </c>
      <c r="AM38" s="279">
        <v>0</v>
      </c>
      <c r="AN38" s="280">
        <v>0</v>
      </c>
      <c r="AO38" s="280">
        <v>8</v>
      </c>
      <c r="AP38" s="280">
        <v>12</v>
      </c>
      <c r="AQ38" s="280">
        <v>0</v>
      </c>
      <c r="AR38" s="280">
        <v>0</v>
      </c>
      <c r="AS38" s="277">
        <v>20</v>
      </c>
      <c r="AT38" s="282">
        <v>26</v>
      </c>
      <c r="AU38" s="276">
        <v>0</v>
      </c>
      <c r="AV38" s="280">
        <v>0</v>
      </c>
      <c r="AW38" s="277">
        <v>0</v>
      </c>
      <c r="AX38" s="279">
        <v>0</v>
      </c>
      <c r="AY38" s="280">
        <v>5</v>
      </c>
      <c r="AZ38" s="280">
        <v>14</v>
      </c>
      <c r="BA38" s="280">
        <v>16</v>
      </c>
      <c r="BB38" s="280">
        <v>0</v>
      </c>
      <c r="BC38" s="280">
        <v>0</v>
      </c>
      <c r="BD38" s="281">
        <v>35</v>
      </c>
      <c r="BE38" s="282">
        <v>35</v>
      </c>
      <c r="BF38" s="276">
        <v>0</v>
      </c>
      <c r="BG38" s="280">
        <v>0</v>
      </c>
      <c r="BH38" s="277">
        <v>0</v>
      </c>
      <c r="BI38" s="279">
        <v>0</v>
      </c>
      <c r="BJ38" s="280">
        <v>0</v>
      </c>
      <c r="BK38" s="280">
        <v>20</v>
      </c>
      <c r="BL38" s="280">
        <v>2</v>
      </c>
      <c r="BM38" s="280">
        <v>0</v>
      </c>
      <c r="BN38" s="280">
        <v>0</v>
      </c>
      <c r="BO38" s="277">
        <v>22</v>
      </c>
      <c r="BP38" s="282">
        <v>22</v>
      </c>
      <c r="BQ38" s="276">
        <v>0</v>
      </c>
      <c r="BR38" s="280">
        <v>0</v>
      </c>
      <c r="BS38" s="277">
        <v>0</v>
      </c>
      <c r="BT38" s="279">
        <v>0</v>
      </c>
      <c r="BU38" s="280">
        <v>0</v>
      </c>
      <c r="BV38" s="280">
        <v>0</v>
      </c>
      <c r="BW38" s="280">
        <v>2</v>
      </c>
      <c r="BX38" s="280">
        <v>0</v>
      </c>
      <c r="BY38" s="280">
        <v>0</v>
      </c>
      <c r="BZ38" s="277">
        <v>2</v>
      </c>
      <c r="CA38" s="282">
        <v>2</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24</v>
      </c>
      <c r="AP39" s="287">
        <v>0</v>
      </c>
      <c r="AQ39" s="287">
        <v>0</v>
      </c>
      <c r="AR39" s="287">
        <v>0</v>
      </c>
      <c r="AS39" s="284">
        <v>24</v>
      </c>
      <c r="AT39" s="289">
        <v>24</v>
      </c>
      <c r="AU39" s="283">
        <v>0</v>
      </c>
      <c r="AV39" s="287">
        <v>0</v>
      </c>
      <c r="AW39" s="284">
        <v>0</v>
      </c>
      <c r="AX39" s="286">
        <v>0</v>
      </c>
      <c r="AY39" s="287">
        <v>0</v>
      </c>
      <c r="AZ39" s="287">
        <v>17</v>
      </c>
      <c r="BA39" s="287">
        <v>0</v>
      </c>
      <c r="BB39" s="287">
        <v>0</v>
      </c>
      <c r="BC39" s="287">
        <v>0</v>
      </c>
      <c r="BD39" s="288">
        <v>17</v>
      </c>
      <c r="BE39" s="289">
        <v>17</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88671875" style="255" customWidth="1"/>
    <col min="18" max="27" width="9" style="255"/>
    <col min="28" max="28" width="7.77734375" style="255" customWidth="1"/>
    <col min="29" max="38" width="9" style="255"/>
    <col min="39" max="39" width="7.5546875" style="255" customWidth="1"/>
    <col min="40" max="49" width="9" style="255"/>
    <col min="50" max="50" width="7.77734375" style="255" customWidth="1"/>
    <col min="51" max="60" width="9" style="255"/>
    <col min="61" max="61" width="7.4414062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6384" width="9" style="255"/>
  </cols>
  <sheetData>
    <row r="1" spans="2:112" ht="24" customHeight="1" x14ac:dyDescent="0.2">
      <c r="B1" s="766" t="s">
        <v>123</v>
      </c>
      <c r="J1" s="535">
        <f>第１表!F2</f>
        <v>4</v>
      </c>
      <c r="K1" s="535"/>
      <c r="L1" s="248">
        <f>第１表!G2</f>
        <v>12</v>
      </c>
      <c r="M1" s="539">
        <f>IF(L1&lt;3,L1+12-2,L1-2)</f>
        <v>10</v>
      </c>
      <c r="N1" s="539"/>
    </row>
    <row r="2" spans="2:112" ht="24" customHeight="1" thickBot="1" x14ac:dyDescent="0.25">
      <c r="B2" s="290" t="s">
        <v>154</v>
      </c>
    </row>
    <row r="3" spans="2:112" ht="21" customHeight="1" thickBot="1" x14ac:dyDescent="0.25">
      <c r="B3" s="559"/>
      <c r="C3" s="562" t="s">
        <v>112</v>
      </c>
      <c r="D3" s="562"/>
      <c r="E3" s="562"/>
      <c r="F3" s="562"/>
      <c r="G3" s="562"/>
      <c r="H3" s="562"/>
      <c r="I3" s="562"/>
      <c r="J3" s="562"/>
      <c r="K3" s="562"/>
      <c r="L3" s="562"/>
      <c r="M3" s="563"/>
      <c r="N3" s="557" t="s">
        <v>111</v>
      </c>
      <c r="O3" s="557"/>
      <c r="P3" s="557"/>
      <c r="Q3" s="557"/>
      <c r="R3" s="557"/>
      <c r="S3" s="557"/>
      <c r="T3" s="557"/>
      <c r="U3" s="557"/>
      <c r="V3" s="557"/>
      <c r="W3" s="557"/>
      <c r="X3" s="558"/>
      <c r="Y3" s="556" t="s">
        <v>110</v>
      </c>
      <c r="Z3" s="557"/>
      <c r="AA3" s="557"/>
      <c r="AB3" s="557"/>
      <c r="AC3" s="557"/>
      <c r="AD3" s="557"/>
      <c r="AE3" s="557"/>
      <c r="AF3" s="557"/>
      <c r="AG3" s="557"/>
      <c r="AH3" s="557"/>
      <c r="AI3" s="558"/>
      <c r="AJ3" s="556" t="s">
        <v>109</v>
      </c>
      <c r="AK3" s="557"/>
      <c r="AL3" s="557"/>
      <c r="AM3" s="557"/>
      <c r="AN3" s="557"/>
      <c r="AO3" s="557"/>
      <c r="AP3" s="557"/>
      <c r="AQ3" s="557"/>
      <c r="AR3" s="557"/>
      <c r="AS3" s="557"/>
      <c r="AT3" s="558"/>
      <c r="AU3" s="556" t="s">
        <v>108</v>
      </c>
      <c r="AV3" s="557"/>
      <c r="AW3" s="557"/>
      <c r="AX3" s="557"/>
      <c r="AY3" s="557"/>
      <c r="AZ3" s="557"/>
      <c r="BA3" s="557"/>
      <c r="BB3" s="557"/>
      <c r="BC3" s="557"/>
      <c r="BD3" s="557"/>
      <c r="BE3" s="558"/>
      <c r="BF3" s="556" t="s">
        <v>107</v>
      </c>
      <c r="BG3" s="557"/>
      <c r="BH3" s="557"/>
      <c r="BI3" s="557"/>
      <c r="BJ3" s="557"/>
      <c r="BK3" s="557"/>
      <c r="BL3" s="557"/>
      <c r="BM3" s="557"/>
      <c r="BN3" s="557"/>
      <c r="BO3" s="557"/>
      <c r="BP3" s="558"/>
      <c r="BQ3" s="556" t="s">
        <v>106</v>
      </c>
      <c r="BR3" s="557"/>
      <c r="BS3" s="557"/>
      <c r="BT3" s="557"/>
      <c r="BU3" s="557"/>
      <c r="BV3" s="557"/>
      <c r="BW3" s="557"/>
      <c r="BX3" s="557"/>
      <c r="BY3" s="557"/>
      <c r="BZ3" s="557"/>
      <c r="CA3" s="558"/>
      <c r="CB3" s="556" t="s">
        <v>128</v>
      </c>
      <c r="CC3" s="557"/>
      <c r="CD3" s="557"/>
      <c r="CE3" s="557"/>
      <c r="CF3" s="557"/>
      <c r="CG3" s="557"/>
      <c r="CH3" s="557"/>
      <c r="CI3" s="557"/>
      <c r="CJ3" s="557"/>
      <c r="CK3" s="557"/>
      <c r="CL3" s="558"/>
      <c r="CM3" s="556" t="s">
        <v>161</v>
      </c>
      <c r="CN3" s="557"/>
      <c r="CO3" s="557"/>
      <c r="CP3" s="557"/>
      <c r="CQ3" s="557"/>
      <c r="CR3" s="557"/>
      <c r="CS3" s="557"/>
      <c r="CT3" s="557"/>
      <c r="CU3" s="557"/>
      <c r="CV3" s="557"/>
      <c r="CW3" s="558"/>
      <c r="CX3" s="556" t="s">
        <v>157</v>
      </c>
      <c r="CY3" s="557"/>
      <c r="CZ3" s="557"/>
      <c r="DA3" s="557"/>
      <c r="DB3" s="557"/>
      <c r="DC3" s="557"/>
      <c r="DD3" s="557"/>
      <c r="DE3" s="557"/>
      <c r="DF3" s="557"/>
      <c r="DG3" s="557"/>
      <c r="DH3" s="558"/>
    </row>
    <row r="4" spans="2:112" ht="21" customHeight="1" x14ac:dyDescent="0.2">
      <c r="B4" s="560"/>
      <c r="C4" s="564" t="s">
        <v>61</v>
      </c>
      <c r="D4" s="547"/>
      <c r="E4" s="548"/>
      <c r="F4" s="546" t="s">
        <v>62</v>
      </c>
      <c r="G4" s="547"/>
      <c r="H4" s="547"/>
      <c r="I4" s="547"/>
      <c r="J4" s="547"/>
      <c r="K4" s="547"/>
      <c r="L4" s="555"/>
      <c r="M4" s="549" t="s">
        <v>52</v>
      </c>
      <c r="N4" s="564" t="s">
        <v>61</v>
      </c>
      <c r="O4" s="547"/>
      <c r="P4" s="548"/>
      <c r="Q4" s="546" t="s">
        <v>62</v>
      </c>
      <c r="R4" s="547"/>
      <c r="S4" s="547"/>
      <c r="T4" s="547"/>
      <c r="U4" s="547"/>
      <c r="V4" s="547"/>
      <c r="W4" s="548"/>
      <c r="X4" s="549" t="s">
        <v>52</v>
      </c>
      <c r="Y4" s="551" t="s">
        <v>61</v>
      </c>
      <c r="Z4" s="547"/>
      <c r="AA4" s="555"/>
      <c r="AB4" s="546" t="s">
        <v>62</v>
      </c>
      <c r="AC4" s="547"/>
      <c r="AD4" s="547"/>
      <c r="AE4" s="547"/>
      <c r="AF4" s="547"/>
      <c r="AG4" s="547"/>
      <c r="AH4" s="548"/>
      <c r="AI4" s="549" t="s">
        <v>52</v>
      </c>
      <c r="AJ4" s="551" t="s">
        <v>61</v>
      </c>
      <c r="AK4" s="547"/>
      <c r="AL4" s="548"/>
      <c r="AM4" s="546" t="s">
        <v>62</v>
      </c>
      <c r="AN4" s="547"/>
      <c r="AO4" s="547"/>
      <c r="AP4" s="547"/>
      <c r="AQ4" s="547"/>
      <c r="AR4" s="547"/>
      <c r="AS4" s="548"/>
      <c r="AT4" s="549" t="s">
        <v>52</v>
      </c>
      <c r="AU4" s="551" t="s">
        <v>61</v>
      </c>
      <c r="AV4" s="547"/>
      <c r="AW4" s="555"/>
      <c r="AX4" s="546" t="s">
        <v>62</v>
      </c>
      <c r="AY4" s="547"/>
      <c r="AZ4" s="547"/>
      <c r="BA4" s="547"/>
      <c r="BB4" s="547"/>
      <c r="BC4" s="547"/>
      <c r="BD4" s="555"/>
      <c r="BE4" s="549" t="s">
        <v>52</v>
      </c>
      <c r="BF4" s="551" t="s">
        <v>61</v>
      </c>
      <c r="BG4" s="547"/>
      <c r="BH4" s="548"/>
      <c r="BI4" s="546" t="s">
        <v>62</v>
      </c>
      <c r="BJ4" s="547"/>
      <c r="BK4" s="547"/>
      <c r="BL4" s="547"/>
      <c r="BM4" s="547"/>
      <c r="BN4" s="547"/>
      <c r="BO4" s="548"/>
      <c r="BP4" s="549" t="s">
        <v>52</v>
      </c>
      <c r="BQ4" s="551" t="s">
        <v>61</v>
      </c>
      <c r="BR4" s="547"/>
      <c r="BS4" s="548"/>
      <c r="BT4" s="546" t="s">
        <v>62</v>
      </c>
      <c r="BU4" s="547"/>
      <c r="BV4" s="547"/>
      <c r="BW4" s="547"/>
      <c r="BX4" s="547"/>
      <c r="BY4" s="547"/>
      <c r="BZ4" s="548"/>
      <c r="CA4" s="549" t="s">
        <v>52</v>
      </c>
      <c r="CB4" s="551" t="s">
        <v>61</v>
      </c>
      <c r="CC4" s="547"/>
      <c r="CD4" s="548"/>
      <c r="CE4" s="546" t="s">
        <v>62</v>
      </c>
      <c r="CF4" s="547"/>
      <c r="CG4" s="547"/>
      <c r="CH4" s="547"/>
      <c r="CI4" s="547"/>
      <c r="CJ4" s="547"/>
      <c r="CK4" s="548"/>
      <c r="CL4" s="549" t="s">
        <v>52</v>
      </c>
      <c r="CM4" s="551" t="s">
        <v>61</v>
      </c>
      <c r="CN4" s="547"/>
      <c r="CO4" s="548"/>
      <c r="CP4" s="546" t="s">
        <v>62</v>
      </c>
      <c r="CQ4" s="547"/>
      <c r="CR4" s="547"/>
      <c r="CS4" s="547"/>
      <c r="CT4" s="547"/>
      <c r="CU4" s="547"/>
      <c r="CV4" s="548"/>
      <c r="CW4" s="549" t="s">
        <v>52</v>
      </c>
      <c r="CX4" s="551" t="s">
        <v>61</v>
      </c>
      <c r="CY4" s="547"/>
      <c r="CZ4" s="548"/>
      <c r="DA4" s="546" t="s">
        <v>62</v>
      </c>
      <c r="DB4" s="547"/>
      <c r="DC4" s="547"/>
      <c r="DD4" s="547"/>
      <c r="DE4" s="547"/>
      <c r="DF4" s="547"/>
      <c r="DG4" s="548"/>
      <c r="DH4" s="549" t="s">
        <v>52</v>
      </c>
    </row>
    <row r="5" spans="2:112" ht="30" customHeight="1" thickBot="1" x14ac:dyDescent="0.25">
      <c r="B5" s="561"/>
      <c r="C5" s="264" t="s">
        <v>43</v>
      </c>
      <c r="D5" s="265" t="s">
        <v>44</v>
      </c>
      <c r="E5" s="266" t="s">
        <v>45</v>
      </c>
      <c r="F5" s="267" t="s">
        <v>83</v>
      </c>
      <c r="G5" s="259" t="s">
        <v>47</v>
      </c>
      <c r="H5" s="259" t="s">
        <v>48</v>
      </c>
      <c r="I5" s="259" t="s">
        <v>49</v>
      </c>
      <c r="J5" s="259" t="s">
        <v>50</v>
      </c>
      <c r="K5" s="259" t="s">
        <v>51</v>
      </c>
      <c r="L5" s="268" t="s">
        <v>45</v>
      </c>
      <c r="M5" s="550"/>
      <c r="N5" s="264" t="s">
        <v>43</v>
      </c>
      <c r="O5" s="259" t="s">
        <v>44</v>
      </c>
      <c r="P5" s="265" t="s">
        <v>45</v>
      </c>
      <c r="Q5" s="267" t="s">
        <v>83</v>
      </c>
      <c r="R5" s="259" t="s">
        <v>47</v>
      </c>
      <c r="S5" s="259" t="s">
        <v>48</v>
      </c>
      <c r="T5" s="259" t="s">
        <v>49</v>
      </c>
      <c r="U5" s="259" t="s">
        <v>50</v>
      </c>
      <c r="V5" s="259" t="s">
        <v>51</v>
      </c>
      <c r="W5" s="265" t="s">
        <v>45</v>
      </c>
      <c r="X5" s="550"/>
      <c r="Y5" s="350" t="s">
        <v>43</v>
      </c>
      <c r="Z5" s="259" t="s">
        <v>44</v>
      </c>
      <c r="AA5" s="268" t="s">
        <v>45</v>
      </c>
      <c r="AB5" s="267" t="s">
        <v>83</v>
      </c>
      <c r="AC5" s="259" t="s">
        <v>47</v>
      </c>
      <c r="AD5" s="259" t="s">
        <v>48</v>
      </c>
      <c r="AE5" s="259" t="s">
        <v>49</v>
      </c>
      <c r="AF5" s="259" t="s">
        <v>50</v>
      </c>
      <c r="AG5" s="259" t="s">
        <v>51</v>
      </c>
      <c r="AH5" s="265" t="s">
        <v>45</v>
      </c>
      <c r="AI5" s="550"/>
      <c r="AJ5" s="350" t="s">
        <v>43</v>
      </c>
      <c r="AK5" s="259" t="s">
        <v>44</v>
      </c>
      <c r="AL5" s="265" t="s">
        <v>45</v>
      </c>
      <c r="AM5" s="267" t="s">
        <v>83</v>
      </c>
      <c r="AN5" s="259" t="s">
        <v>47</v>
      </c>
      <c r="AO5" s="259" t="s">
        <v>48</v>
      </c>
      <c r="AP5" s="259" t="s">
        <v>49</v>
      </c>
      <c r="AQ5" s="259" t="s">
        <v>50</v>
      </c>
      <c r="AR5" s="259" t="s">
        <v>51</v>
      </c>
      <c r="AS5" s="265" t="s">
        <v>45</v>
      </c>
      <c r="AT5" s="550"/>
      <c r="AU5" s="350" t="s">
        <v>43</v>
      </c>
      <c r="AV5" s="259" t="s">
        <v>44</v>
      </c>
      <c r="AW5" s="268" t="s">
        <v>45</v>
      </c>
      <c r="AX5" s="267" t="s">
        <v>83</v>
      </c>
      <c r="AY5" s="259" t="s">
        <v>47</v>
      </c>
      <c r="AZ5" s="259" t="s">
        <v>48</v>
      </c>
      <c r="BA5" s="259" t="s">
        <v>49</v>
      </c>
      <c r="BB5" s="259" t="s">
        <v>50</v>
      </c>
      <c r="BC5" s="259" t="s">
        <v>51</v>
      </c>
      <c r="BD5" s="268" t="s">
        <v>45</v>
      </c>
      <c r="BE5" s="550"/>
      <c r="BF5" s="350" t="s">
        <v>43</v>
      </c>
      <c r="BG5" s="259" t="s">
        <v>44</v>
      </c>
      <c r="BH5" s="265" t="s">
        <v>45</v>
      </c>
      <c r="BI5" s="267" t="s">
        <v>83</v>
      </c>
      <c r="BJ5" s="259" t="s">
        <v>47</v>
      </c>
      <c r="BK5" s="259" t="s">
        <v>48</v>
      </c>
      <c r="BL5" s="259" t="s">
        <v>49</v>
      </c>
      <c r="BM5" s="259" t="s">
        <v>50</v>
      </c>
      <c r="BN5" s="259" t="s">
        <v>51</v>
      </c>
      <c r="BO5" s="265" t="s">
        <v>45</v>
      </c>
      <c r="BP5" s="550"/>
      <c r="BQ5" s="350" t="s">
        <v>43</v>
      </c>
      <c r="BR5" s="259" t="s">
        <v>44</v>
      </c>
      <c r="BS5" s="265" t="s">
        <v>45</v>
      </c>
      <c r="BT5" s="267" t="s">
        <v>83</v>
      </c>
      <c r="BU5" s="259" t="s">
        <v>47</v>
      </c>
      <c r="BV5" s="259" t="s">
        <v>48</v>
      </c>
      <c r="BW5" s="259" t="s">
        <v>49</v>
      </c>
      <c r="BX5" s="259" t="s">
        <v>50</v>
      </c>
      <c r="BY5" s="259" t="s">
        <v>51</v>
      </c>
      <c r="BZ5" s="265" t="s">
        <v>45</v>
      </c>
      <c r="CA5" s="550"/>
      <c r="CB5" s="350" t="s">
        <v>43</v>
      </c>
      <c r="CC5" s="259" t="s">
        <v>44</v>
      </c>
      <c r="CD5" s="265" t="s">
        <v>45</v>
      </c>
      <c r="CE5" s="267" t="s">
        <v>83</v>
      </c>
      <c r="CF5" s="259" t="s">
        <v>47</v>
      </c>
      <c r="CG5" s="259" t="s">
        <v>48</v>
      </c>
      <c r="CH5" s="259" t="s">
        <v>49</v>
      </c>
      <c r="CI5" s="259" t="s">
        <v>50</v>
      </c>
      <c r="CJ5" s="259" t="s">
        <v>51</v>
      </c>
      <c r="CK5" s="265" t="s">
        <v>45</v>
      </c>
      <c r="CL5" s="550"/>
      <c r="CM5" s="365" t="s">
        <v>43</v>
      </c>
      <c r="CN5" s="259" t="s">
        <v>44</v>
      </c>
      <c r="CO5" s="265" t="s">
        <v>45</v>
      </c>
      <c r="CP5" s="267" t="s">
        <v>83</v>
      </c>
      <c r="CQ5" s="259" t="s">
        <v>47</v>
      </c>
      <c r="CR5" s="259" t="s">
        <v>48</v>
      </c>
      <c r="CS5" s="259" t="s">
        <v>49</v>
      </c>
      <c r="CT5" s="259" t="s">
        <v>50</v>
      </c>
      <c r="CU5" s="259" t="s">
        <v>51</v>
      </c>
      <c r="CV5" s="265" t="s">
        <v>45</v>
      </c>
      <c r="CW5" s="550"/>
      <c r="CX5" s="365" t="s">
        <v>43</v>
      </c>
      <c r="CY5" s="259" t="s">
        <v>44</v>
      </c>
      <c r="CZ5" s="265" t="s">
        <v>45</v>
      </c>
      <c r="DA5" s="267" t="s">
        <v>83</v>
      </c>
      <c r="DB5" s="259" t="s">
        <v>47</v>
      </c>
      <c r="DC5" s="259" t="s">
        <v>48</v>
      </c>
      <c r="DD5" s="259" t="s">
        <v>49</v>
      </c>
      <c r="DE5" s="259" t="s">
        <v>50</v>
      </c>
      <c r="DF5" s="259" t="s">
        <v>51</v>
      </c>
      <c r="DG5" s="265" t="s">
        <v>45</v>
      </c>
      <c r="DH5" s="550"/>
    </row>
    <row r="6" spans="2:112" ht="21" customHeight="1" x14ac:dyDescent="0.2">
      <c r="B6" s="260" t="s">
        <v>4</v>
      </c>
      <c r="C6" s="269">
        <v>0</v>
      </c>
      <c r="D6" s="270">
        <v>4</v>
      </c>
      <c r="E6" s="271">
        <v>4</v>
      </c>
      <c r="F6" s="272">
        <v>0</v>
      </c>
      <c r="G6" s="273">
        <v>12224</v>
      </c>
      <c r="H6" s="273">
        <v>18125</v>
      </c>
      <c r="I6" s="273">
        <v>19324</v>
      </c>
      <c r="J6" s="273">
        <v>23457</v>
      </c>
      <c r="K6" s="273">
        <v>23322</v>
      </c>
      <c r="L6" s="274">
        <v>96452</v>
      </c>
      <c r="M6" s="275">
        <v>96456</v>
      </c>
      <c r="N6" s="269">
        <v>9</v>
      </c>
      <c r="O6" s="273">
        <v>5</v>
      </c>
      <c r="P6" s="270">
        <v>14</v>
      </c>
      <c r="Q6" s="272">
        <v>0</v>
      </c>
      <c r="R6" s="273">
        <v>46</v>
      </c>
      <c r="S6" s="273">
        <v>168</v>
      </c>
      <c r="T6" s="273">
        <v>300</v>
      </c>
      <c r="U6" s="273">
        <v>623</v>
      </c>
      <c r="V6" s="273">
        <v>1304</v>
      </c>
      <c r="W6" s="270">
        <v>2441</v>
      </c>
      <c r="X6" s="275">
        <v>2455</v>
      </c>
      <c r="Y6" s="269">
        <v>1289</v>
      </c>
      <c r="Z6" s="273">
        <v>3134</v>
      </c>
      <c r="AA6" s="270">
        <v>4423</v>
      </c>
      <c r="AB6" s="272">
        <v>0</v>
      </c>
      <c r="AC6" s="273">
        <v>8971</v>
      </c>
      <c r="AD6" s="273">
        <v>13434</v>
      </c>
      <c r="AE6" s="273">
        <v>7634</v>
      </c>
      <c r="AF6" s="273">
        <v>6805</v>
      </c>
      <c r="AG6" s="273">
        <v>5838</v>
      </c>
      <c r="AH6" s="270">
        <v>42682</v>
      </c>
      <c r="AI6" s="275">
        <v>47105</v>
      </c>
      <c r="AJ6" s="269">
        <v>200</v>
      </c>
      <c r="AK6" s="273">
        <v>668</v>
      </c>
      <c r="AL6" s="270">
        <v>868</v>
      </c>
      <c r="AM6" s="272">
        <v>0</v>
      </c>
      <c r="AN6" s="273">
        <v>1298</v>
      </c>
      <c r="AO6" s="273">
        <v>1780</v>
      </c>
      <c r="AP6" s="273">
        <v>1363</v>
      </c>
      <c r="AQ6" s="273">
        <v>1333</v>
      </c>
      <c r="AR6" s="273">
        <v>594</v>
      </c>
      <c r="AS6" s="270">
        <v>6368</v>
      </c>
      <c r="AT6" s="275">
        <v>7236</v>
      </c>
      <c r="AU6" s="269">
        <v>0</v>
      </c>
      <c r="AV6" s="273">
        <v>4</v>
      </c>
      <c r="AW6" s="270">
        <v>4</v>
      </c>
      <c r="AX6" s="272">
        <v>0</v>
      </c>
      <c r="AY6" s="273">
        <v>10673</v>
      </c>
      <c r="AZ6" s="273">
        <v>9714</v>
      </c>
      <c r="BA6" s="273">
        <v>5627</v>
      </c>
      <c r="BB6" s="273">
        <v>3433</v>
      </c>
      <c r="BC6" s="273">
        <v>1417</v>
      </c>
      <c r="BD6" s="274">
        <v>30864</v>
      </c>
      <c r="BE6" s="275">
        <v>30868</v>
      </c>
      <c r="BF6" s="269">
        <v>0</v>
      </c>
      <c r="BG6" s="273">
        <v>0</v>
      </c>
      <c r="BH6" s="270">
        <v>0</v>
      </c>
      <c r="BI6" s="272">
        <v>0</v>
      </c>
      <c r="BJ6" s="273">
        <v>2303</v>
      </c>
      <c r="BK6" s="273">
        <v>3328</v>
      </c>
      <c r="BL6" s="273">
        <v>2174</v>
      </c>
      <c r="BM6" s="273">
        <v>1449</v>
      </c>
      <c r="BN6" s="273">
        <v>568</v>
      </c>
      <c r="BO6" s="270">
        <v>9822</v>
      </c>
      <c r="BP6" s="275">
        <v>9822</v>
      </c>
      <c r="BQ6" s="269">
        <v>13</v>
      </c>
      <c r="BR6" s="273">
        <v>76</v>
      </c>
      <c r="BS6" s="270">
        <v>89</v>
      </c>
      <c r="BT6" s="272">
        <v>0</v>
      </c>
      <c r="BU6" s="273">
        <v>1202</v>
      </c>
      <c r="BV6" s="273">
        <v>1836</v>
      </c>
      <c r="BW6" s="273">
        <v>2560</v>
      </c>
      <c r="BX6" s="273">
        <v>2530</v>
      </c>
      <c r="BY6" s="273">
        <v>1095</v>
      </c>
      <c r="BZ6" s="270">
        <v>9223</v>
      </c>
      <c r="CA6" s="275">
        <v>9312</v>
      </c>
      <c r="CB6" s="269">
        <v>30</v>
      </c>
      <c r="CC6" s="273">
        <v>8</v>
      </c>
      <c r="CD6" s="270">
        <v>38</v>
      </c>
      <c r="CE6" s="272">
        <v>0</v>
      </c>
      <c r="CF6" s="273">
        <v>116</v>
      </c>
      <c r="CG6" s="273">
        <v>283</v>
      </c>
      <c r="CH6" s="273">
        <v>380</v>
      </c>
      <c r="CI6" s="273">
        <v>355</v>
      </c>
      <c r="CJ6" s="273">
        <v>142</v>
      </c>
      <c r="CK6" s="270">
        <v>1276</v>
      </c>
      <c r="CL6" s="275">
        <v>1314</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77">
        <v>4</v>
      </c>
      <c r="E7" s="278">
        <v>4</v>
      </c>
      <c r="F7" s="279">
        <v>0</v>
      </c>
      <c r="G7" s="280">
        <v>4533</v>
      </c>
      <c r="H7" s="280">
        <v>9212</v>
      </c>
      <c r="I7" s="280">
        <v>6912</v>
      </c>
      <c r="J7" s="280">
        <v>9462</v>
      </c>
      <c r="K7" s="280">
        <v>8500</v>
      </c>
      <c r="L7" s="281">
        <v>38619</v>
      </c>
      <c r="M7" s="282">
        <v>38623</v>
      </c>
      <c r="N7" s="276">
        <v>9</v>
      </c>
      <c r="O7" s="280">
        <v>5</v>
      </c>
      <c r="P7" s="277">
        <v>14</v>
      </c>
      <c r="Q7" s="279">
        <v>0</v>
      </c>
      <c r="R7" s="280">
        <v>12</v>
      </c>
      <c r="S7" s="280">
        <v>76</v>
      </c>
      <c r="T7" s="280">
        <v>137</v>
      </c>
      <c r="U7" s="280">
        <v>239</v>
      </c>
      <c r="V7" s="280">
        <v>569</v>
      </c>
      <c r="W7" s="277">
        <v>1033</v>
      </c>
      <c r="X7" s="282">
        <v>1047</v>
      </c>
      <c r="Y7" s="276">
        <v>647</v>
      </c>
      <c r="Z7" s="280">
        <v>1551</v>
      </c>
      <c r="AA7" s="277">
        <v>2198</v>
      </c>
      <c r="AB7" s="279">
        <v>0</v>
      </c>
      <c r="AC7" s="280">
        <v>3487</v>
      </c>
      <c r="AD7" s="280">
        <v>7785</v>
      </c>
      <c r="AE7" s="280">
        <v>3677</v>
      </c>
      <c r="AF7" s="280">
        <v>3088</v>
      </c>
      <c r="AG7" s="280">
        <v>2577</v>
      </c>
      <c r="AH7" s="277">
        <v>20614</v>
      </c>
      <c r="AI7" s="282">
        <v>22812</v>
      </c>
      <c r="AJ7" s="276">
        <v>76</v>
      </c>
      <c r="AK7" s="280">
        <v>504</v>
      </c>
      <c r="AL7" s="277">
        <v>580</v>
      </c>
      <c r="AM7" s="279">
        <v>0</v>
      </c>
      <c r="AN7" s="280">
        <v>310</v>
      </c>
      <c r="AO7" s="280">
        <v>833</v>
      </c>
      <c r="AP7" s="280">
        <v>555</v>
      </c>
      <c r="AQ7" s="280">
        <v>619</v>
      </c>
      <c r="AR7" s="280">
        <v>249</v>
      </c>
      <c r="AS7" s="277">
        <v>2566</v>
      </c>
      <c r="AT7" s="282">
        <v>3146</v>
      </c>
      <c r="AU7" s="276">
        <v>0</v>
      </c>
      <c r="AV7" s="280">
        <v>4</v>
      </c>
      <c r="AW7" s="277">
        <v>4</v>
      </c>
      <c r="AX7" s="279">
        <v>0</v>
      </c>
      <c r="AY7" s="280">
        <v>3490</v>
      </c>
      <c r="AZ7" s="280">
        <v>4097</v>
      </c>
      <c r="BA7" s="280">
        <v>2217</v>
      </c>
      <c r="BB7" s="280">
        <v>1321</v>
      </c>
      <c r="BC7" s="280">
        <v>478</v>
      </c>
      <c r="BD7" s="281">
        <v>11603</v>
      </c>
      <c r="BE7" s="282">
        <v>11607</v>
      </c>
      <c r="BF7" s="276">
        <v>0</v>
      </c>
      <c r="BG7" s="280">
        <v>0</v>
      </c>
      <c r="BH7" s="277">
        <v>0</v>
      </c>
      <c r="BI7" s="279">
        <v>0</v>
      </c>
      <c r="BJ7" s="280">
        <v>747</v>
      </c>
      <c r="BK7" s="280">
        <v>1655</v>
      </c>
      <c r="BL7" s="280">
        <v>1068</v>
      </c>
      <c r="BM7" s="280">
        <v>636</v>
      </c>
      <c r="BN7" s="280">
        <v>298</v>
      </c>
      <c r="BO7" s="277">
        <v>4404</v>
      </c>
      <c r="BP7" s="282">
        <v>4404</v>
      </c>
      <c r="BQ7" s="276">
        <v>9</v>
      </c>
      <c r="BR7" s="280">
        <v>42</v>
      </c>
      <c r="BS7" s="277">
        <v>51</v>
      </c>
      <c r="BT7" s="279">
        <v>0</v>
      </c>
      <c r="BU7" s="280">
        <v>567</v>
      </c>
      <c r="BV7" s="280">
        <v>861</v>
      </c>
      <c r="BW7" s="280">
        <v>894</v>
      </c>
      <c r="BX7" s="280">
        <v>967</v>
      </c>
      <c r="BY7" s="280">
        <v>389</v>
      </c>
      <c r="BZ7" s="277">
        <v>3678</v>
      </c>
      <c r="CA7" s="282">
        <v>3729</v>
      </c>
      <c r="CB7" s="276">
        <v>0</v>
      </c>
      <c r="CC7" s="280">
        <v>8</v>
      </c>
      <c r="CD7" s="277">
        <v>8</v>
      </c>
      <c r="CE7" s="279">
        <v>0</v>
      </c>
      <c r="CF7" s="280">
        <v>57</v>
      </c>
      <c r="CG7" s="280">
        <v>176</v>
      </c>
      <c r="CH7" s="280">
        <v>246</v>
      </c>
      <c r="CI7" s="280">
        <v>199</v>
      </c>
      <c r="CJ7" s="280">
        <v>89</v>
      </c>
      <c r="CK7" s="277">
        <v>767</v>
      </c>
      <c r="CL7" s="282">
        <v>775</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77">
        <v>0</v>
      </c>
      <c r="E8" s="278">
        <v>0</v>
      </c>
      <c r="F8" s="279">
        <v>0</v>
      </c>
      <c r="G8" s="280">
        <v>2045</v>
      </c>
      <c r="H8" s="280">
        <v>2433</v>
      </c>
      <c r="I8" s="280">
        <v>2617</v>
      </c>
      <c r="J8" s="280">
        <v>4315</v>
      </c>
      <c r="K8" s="280">
        <v>3647</v>
      </c>
      <c r="L8" s="281">
        <v>15057</v>
      </c>
      <c r="M8" s="282">
        <v>15057</v>
      </c>
      <c r="N8" s="276">
        <v>0</v>
      </c>
      <c r="O8" s="280">
        <v>0</v>
      </c>
      <c r="P8" s="277">
        <v>0</v>
      </c>
      <c r="Q8" s="279">
        <v>0</v>
      </c>
      <c r="R8" s="280">
        <v>5</v>
      </c>
      <c r="S8" s="280">
        <v>26</v>
      </c>
      <c r="T8" s="280">
        <v>22</v>
      </c>
      <c r="U8" s="280">
        <v>114</v>
      </c>
      <c r="V8" s="280">
        <v>183</v>
      </c>
      <c r="W8" s="277">
        <v>350</v>
      </c>
      <c r="X8" s="282">
        <v>350</v>
      </c>
      <c r="Y8" s="276">
        <v>231</v>
      </c>
      <c r="Z8" s="280">
        <v>623</v>
      </c>
      <c r="AA8" s="277">
        <v>854</v>
      </c>
      <c r="AB8" s="279">
        <v>0</v>
      </c>
      <c r="AC8" s="280">
        <v>2263</v>
      </c>
      <c r="AD8" s="280">
        <v>2118</v>
      </c>
      <c r="AE8" s="280">
        <v>1407</v>
      </c>
      <c r="AF8" s="280">
        <v>1333</v>
      </c>
      <c r="AG8" s="280">
        <v>1006</v>
      </c>
      <c r="AH8" s="277">
        <v>8127</v>
      </c>
      <c r="AI8" s="282">
        <v>8981</v>
      </c>
      <c r="AJ8" s="276">
        <v>16</v>
      </c>
      <c r="AK8" s="280">
        <v>0</v>
      </c>
      <c r="AL8" s="277">
        <v>16</v>
      </c>
      <c r="AM8" s="279">
        <v>0</v>
      </c>
      <c r="AN8" s="280">
        <v>282</v>
      </c>
      <c r="AO8" s="280">
        <v>249</v>
      </c>
      <c r="AP8" s="280">
        <v>275</v>
      </c>
      <c r="AQ8" s="280">
        <v>92</v>
      </c>
      <c r="AR8" s="280">
        <v>55</v>
      </c>
      <c r="AS8" s="277">
        <v>953</v>
      </c>
      <c r="AT8" s="282">
        <v>969</v>
      </c>
      <c r="AU8" s="276">
        <v>0</v>
      </c>
      <c r="AV8" s="280">
        <v>0</v>
      </c>
      <c r="AW8" s="277">
        <v>0</v>
      </c>
      <c r="AX8" s="279">
        <v>0</v>
      </c>
      <c r="AY8" s="280">
        <v>2109</v>
      </c>
      <c r="AZ8" s="280">
        <v>1483</v>
      </c>
      <c r="BA8" s="280">
        <v>845</v>
      </c>
      <c r="BB8" s="280">
        <v>596</v>
      </c>
      <c r="BC8" s="280">
        <v>242</v>
      </c>
      <c r="BD8" s="281">
        <v>5275</v>
      </c>
      <c r="BE8" s="282">
        <v>5275</v>
      </c>
      <c r="BF8" s="276">
        <v>0</v>
      </c>
      <c r="BG8" s="280">
        <v>0</v>
      </c>
      <c r="BH8" s="277">
        <v>0</v>
      </c>
      <c r="BI8" s="279">
        <v>0</v>
      </c>
      <c r="BJ8" s="280">
        <v>346</v>
      </c>
      <c r="BK8" s="280">
        <v>399</v>
      </c>
      <c r="BL8" s="280">
        <v>273</v>
      </c>
      <c r="BM8" s="280">
        <v>286</v>
      </c>
      <c r="BN8" s="280">
        <v>66</v>
      </c>
      <c r="BO8" s="277">
        <v>1370</v>
      </c>
      <c r="BP8" s="282">
        <v>1370</v>
      </c>
      <c r="BQ8" s="276">
        <v>0</v>
      </c>
      <c r="BR8" s="280">
        <v>17</v>
      </c>
      <c r="BS8" s="277">
        <v>17</v>
      </c>
      <c r="BT8" s="279">
        <v>0</v>
      </c>
      <c r="BU8" s="280">
        <v>135</v>
      </c>
      <c r="BV8" s="280">
        <v>167</v>
      </c>
      <c r="BW8" s="280">
        <v>336</v>
      </c>
      <c r="BX8" s="280">
        <v>296</v>
      </c>
      <c r="BY8" s="280">
        <v>133</v>
      </c>
      <c r="BZ8" s="277">
        <v>1067</v>
      </c>
      <c r="CA8" s="282">
        <v>1084</v>
      </c>
      <c r="CB8" s="276">
        <v>0</v>
      </c>
      <c r="CC8" s="280">
        <v>0</v>
      </c>
      <c r="CD8" s="277">
        <v>0</v>
      </c>
      <c r="CE8" s="279">
        <v>0</v>
      </c>
      <c r="CF8" s="280">
        <v>35</v>
      </c>
      <c r="CG8" s="280">
        <v>30</v>
      </c>
      <c r="CH8" s="280">
        <v>38</v>
      </c>
      <c r="CI8" s="280">
        <v>97</v>
      </c>
      <c r="CJ8" s="280">
        <v>10</v>
      </c>
      <c r="CK8" s="277">
        <v>210</v>
      </c>
      <c r="CL8" s="282">
        <v>210</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77">
        <v>0</v>
      </c>
      <c r="E9" s="278">
        <v>0</v>
      </c>
      <c r="F9" s="279">
        <v>0</v>
      </c>
      <c r="G9" s="280">
        <v>624</v>
      </c>
      <c r="H9" s="280">
        <v>1054</v>
      </c>
      <c r="I9" s="280">
        <v>1817</v>
      </c>
      <c r="J9" s="280">
        <v>1390</v>
      </c>
      <c r="K9" s="280">
        <v>1715</v>
      </c>
      <c r="L9" s="281">
        <v>6600</v>
      </c>
      <c r="M9" s="282">
        <v>6600</v>
      </c>
      <c r="N9" s="276">
        <v>0</v>
      </c>
      <c r="O9" s="280">
        <v>0</v>
      </c>
      <c r="P9" s="277">
        <v>0</v>
      </c>
      <c r="Q9" s="279">
        <v>0</v>
      </c>
      <c r="R9" s="280">
        <v>0</v>
      </c>
      <c r="S9" s="280">
        <v>7</v>
      </c>
      <c r="T9" s="280">
        <v>23</v>
      </c>
      <c r="U9" s="280">
        <v>30</v>
      </c>
      <c r="V9" s="280">
        <v>105</v>
      </c>
      <c r="W9" s="277">
        <v>165</v>
      </c>
      <c r="X9" s="282">
        <v>165</v>
      </c>
      <c r="Y9" s="276">
        <v>31</v>
      </c>
      <c r="Z9" s="280">
        <v>243</v>
      </c>
      <c r="AA9" s="277">
        <v>274</v>
      </c>
      <c r="AB9" s="279">
        <v>0</v>
      </c>
      <c r="AC9" s="280">
        <v>243</v>
      </c>
      <c r="AD9" s="280">
        <v>678</v>
      </c>
      <c r="AE9" s="280">
        <v>523</v>
      </c>
      <c r="AF9" s="280">
        <v>598</v>
      </c>
      <c r="AG9" s="280">
        <v>505</v>
      </c>
      <c r="AH9" s="277">
        <v>2547</v>
      </c>
      <c r="AI9" s="282">
        <v>2821</v>
      </c>
      <c r="AJ9" s="276">
        <v>0</v>
      </c>
      <c r="AK9" s="280">
        <v>42</v>
      </c>
      <c r="AL9" s="277">
        <v>42</v>
      </c>
      <c r="AM9" s="279">
        <v>0</v>
      </c>
      <c r="AN9" s="280">
        <v>26</v>
      </c>
      <c r="AO9" s="280">
        <v>39</v>
      </c>
      <c r="AP9" s="280">
        <v>42</v>
      </c>
      <c r="AQ9" s="280">
        <v>62</v>
      </c>
      <c r="AR9" s="280">
        <v>6</v>
      </c>
      <c r="AS9" s="277">
        <v>175</v>
      </c>
      <c r="AT9" s="282">
        <v>217</v>
      </c>
      <c r="AU9" s="276">
        <v>0</v>
      </c>
      <c r="AV9" s="280">
        <v>0</v>
      </c>
      <c r="AW9" s="277">
        <v>0</v>
      </c>
      <c r="AX9" s="279">
        <v>0</v>
      </c>
      <c r="AY9" s="280">
        <v>775</v>
      </c>
      <c r="AZ9" s="280">
        <v>681</v>
      </c>
      <c r="BA9" s="280">
        <v>510</v>
      </c>
      <c r="BB9" s="280">
        <v>302</v>
      </c>
      <c r="BC9" s="280">
        <v>156</v>
      </c>
      <c r="BD9" s="281">
        <v>2424</v>
      </c>
      <c r="BE9" s="282">
        <v>2424</v>
      </c>
      <c r="BF9" s="276">
        <v>0</v>
      </c>
      <c r="BG9" s="280">
        <v>0</v>
      </c>
      <c r="BH9" s="277">
        <v>0</v>
      </c>
      <c r="BI9" s="279">
        <v>0</v>
      </c>
      <c r="BJ9" s="280">
        <v>67</v>
      </c>
      <c r="BK9" s="280">
        <v>135</v>
      </c>
      <c r="BL9" s="280">
        <v>99</v>
      </c>
      <c r="BM9" s="280">
        <v>57</v>
      </c>
      <c r="BN9" s="280">
        <v>23</v>
      </c>
      <c r="BO9" s="277">
        <v>381</v>
      </c>
      <c r="BP9" s="282">
        <v>381</v>
      </c>
      <c r="BQ9" s="276">
        <v>0</v>
      </c>
      <c r="BR9" s="280">
        <v>3</v>
      </c>
      <c r="BS9" s="277">
        <v>3</v>
      </c>
      <c r="BT9" s="279">
        <v>0</v>
      </c>
      <c r="BU9" s="280">
        <v>85</v>
      </c>
      <c r="BV9" s="280">
        <v>151</v>
      </c>
      <c r="BW9" s="280">
        <v>177</v>
      </c>
      <c r="BX9" s="280">
        <v>334</v>
      </c>
      <c r="BY9" s="280">
        <v>131</v>
      </c>
      <c r="BZ9" s="277">
        <v>878</v>
      </c>
      <c r="CA9" s="282">
        <v>881</v>
      </c>
      <c r="CB9" s="276">
        <v>0</v>
      </c>
      <c r="CC9" s="280">
        <v>0</v>
      </c>
      <c r="CD9" s="277">
        <v>0</v>
      </c>
      <c r="CE9" s="279">
        <v>0</v>
      </c>
      <c r="CF9" s="280">
        <v>0</v>
      </c>
      <c r="CG9" s="280">
        <v>8</v>
      </c>
      <c r="CH9" s="280">
        <v>5</v>
      </c>
      <c r="CI9" s="280">
        <v>0</v>
      </c>
      <c r="CJ9" s="280">
        <v>0</v>
      </c>
      <c r="CK9" s="277">
        <v>13</v>
      </c>
      <c r="CL9" s="282">
        <v>13</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77">
        <v>0</v>
      </c>
      <c r="E10" s="278">
        <v>0</v>
      </c>
      <c r="F10" s="279">
        <v>0</v>
      </c>
      <c r="G10" s="280">
        <v>829</v>
      </c>
      <c r="H10" s="280">
        <v>791</v>
      </c>
      <c r="I10" s="280">
        <v>661</v>
      </c>
      <c r="J10" s="280">
        <v>299</v>
      </c>
      <c r="K10" s="280">
        <v>1202</v>
      </c>
      <c r="L10" s="281">
        <v>3782</v>
      </c>
      <c r="M10" s="282">
        <v>3782</v>
      </c>
      <c r="N10" s="276">
        <v>0</v>
      </c>
      <c r="O10" s="280">
        <v>0</v>
      </c>
      <c r="P10" s="277">
        <v>0</v>
      </c>
      <c r="Q10" s="279">
        <v>0</v>
      </c>
      <c r="R10" s="280">
        <v>4</v>
      </c>
      <c r="S10" s="280">
        <v>26</v>
      </c>
      <c r="T10" s="280">
        <v>8</v>
      </c>
      <c r="U10" s="280">
        <v>0</v>
      </c>
      <c r="V10" s="280">
        <v>51</v>
      </c>
      <c r="W10" s="277">
        <v>89</v>
      </c>
      <c r="X10" s="282">
        <v>89</v>
      </c>
      <c r="Y10" s="276">
        <v>0</v>
      </c>
      <c r="Z10" s="280">
        <v>0</v>
      </c>
      <c r="AA10" s="277">
        <v>0</v>
      </c>
      <c r="AB10" s="279">
        <v>0</v>
      </c>
      <c r="AC10" s="280">
        <v>274</v>
      </c>
      <c r="AD10" s="280">
        <v>280</v>
      </c>
      <c r="AE10" s="280">
        <v>225</v>
      </c>
      <c r="AF10" s="280">
        <v>132</v>
      </c>
      <c r="AG10" s="280">
        <v>221</v>
      </c>
      <c r="AH10" s="277">
        <v>1132</v>
      </c>
      <c r="AI10" s="282">
        <v>1132</v>
      </c>
      <c r="AJ10" s="276">
        <v>10</v>
      </c>
      <c r="AK10" s="280">
        <v>0</v>
      </c>
      <c r="AL10" s="277">
        <v>10</v>
      </c>
      <c r="AM10" s="279">
        <v>0</v>
      </c>
      <c r="AN10" s="280">
        <v>40</v>
      </c>
      <c r="AO10" s="280">
        <v>47</v>
      </c>
      <c r="AP10" s="280">
        <v>46</v>
      </c>
      <c r="AQ10" s="280">
        <v>32</v>
      </c>
      <c r="AR10" s="280">
        <v>24</v>
      </c>
      <c r="AS10" s="277">
        <v>189</v>
      </c>
      <c r="AT10" s="282">
        <v>199</v>
      </c>
      <c r="AU10" s="276">
        <v>0</v>
      </c>
      <c r="AV10" s="280">
        <v>0</v>
      </c>
      <c r="AW10" s="277">
        <v>0</v>
      </c>
      <c r="AX10" s="279">
        <v>0</v>
      </c>
      <c r="AY10" s="280">
        <v>613</v>
      </c>
      <c r="AZ10" s="280">
        <v>309</v>
      </c>
      <c r="BA10" s="280">
        <v>150</v>
      </c>
      <c r="BB10" s="280">
        <v>60</v>
      </c>
      <c r="BC10" s="280">
        <v>52</v>
      </c>
      <c r="BD10" s="281">
        <v>1184</v>
      </c>
      <c r="BE10" s="282">
        <v>1184</v>
      </c>
      <c r="BF10" s="276">
        <v>0</v>
      </c>
      <c r="BG10" s="280">
        <v>0</v>
      </c>
      <c r="BH10" s="277">
        <v>0</v>
      </c>
      <c r="BI10" s="279">
        <v>0</v>
      </c>
      <c r="BJ10" s="280">
        <v>196</v>
      </c>
      <c r="BK10" s="280">
        <v>50</v>
      </c>
      <c r="BL10" s="280">
        <v>52</v>
      </c>
      <c r="BM10" s="280">
        <v>6</v>
      </c>
      <c r="BN10" s="280">
        <v>13</v>
      </c>
      <c r="BO10" s="277">
        <v>317</v>
      </c>
      <c r="BP10" s="282">
        <v>317</v>
      </c>
      <c r="BQ10" s="276">
        <v>0</v>
      </c>
      <c r="BR10" s="280">
        <v>0</v>
      </c>
      <c r="BS10" s="277">
        <v>0</v>
      </c>
      <c r="BT10" s="279">
        <v>0</v>
      </c>
      <c r="BU10" s="280">
        <v>47</v>
      </c>
      <c r="BV10" s="280">
        <v>78</v>
      </c>
      <c r="BW10" s="280">
        <v>125</v>
      </c>
      <c r="BX10" s="280">
        <v>67</v>
      </c>
      <c r="BY10" s="280">
        <v>72</v>
      </c>
      <c r="BZ10" s="277">
        <v>389</v>
      </c>
      <c r="CA10" s="282">
        <v>389</v>
      </c>
      <c r="CB10" s="276">
        <v>0</v>
      </c>
      <c r="CC10" s="280">
        <v>0</v>
      </c>
      <c r="CD10" s="277">
        <v>0</v>
      </c>
      <c r="CE10" s="279">
        <v>0</v>
      </c>
      <c r="CF10" s="280">
        <v>0</v>
      </c>
      <c r="CG10" s="280">
        <v>0</v>
      </c>
      <c r="CH10" s="280">
        <v>0</v>
      </c>
      <c r="CI10" s="280">
        <v>0</v>
      </c>
      <c r="CJ10" s="280">
        <v>7</v>
      </c>
      <c r="CK10" s="277">
        <v>7</v>
      </c>
      <c r="CL10" s="282">
        <v>7</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77">
        <v>0</v>
      </c>
      <c r="E11" s="278">
        <v>0</v>
      </c>
      <c r="F11" s="279">
        <v>0</v>
      </c>
      <c r="G11" s="280">
        <v>295</v>
      </c>
      <c r="H11" s="280">
        <v>328</v>
      </c>
      <c r="I11" s="280">
        <v>365</v>
      </c>
      <c r="J11" s="280">
        <v>237</v>
      </c>
      <c r="K11" s="280">
        <v>545</v>
      </c>
      <c r="L11" s="281">
        <v>1770</v>
      </c>
      <c r="M11" s="282">
        <v>1770</v>
      </c>
      <c r="N11" s="276">
        <v>0</v>
      </c>
      <c r="O11" s="280">
        <v>0</v>
      </c>
      <c r="P11" s="277">
        <v>0</v>
      </c>
      <c r="Q11" s="279">
        <v>0</v>
      </c>
      <c r="R11" s="280">
        <v>0</v>
      </c>
      <c r="S11" s="280">
        <v>1</v>
      </c>
      <c r="T11" s="280">
        <v>5</v>
      </c>
      <c r="U11" s="280">
        <v>26</v>
      </c>
      <c r="V11" s="280">
        <v>-39</v>
      </c>
      <c r="W11" s="277">
        <v>-7</v>
      </c>
      <c r="X11" s="282">
        <v>-7</v>
      </c>
      <c r="Y11" s="276">
        <v>22</v>
      </c>
      <c r="Z11" s="280">
        <v>8</v>
      </c>
      <c r="AA11" s="277">
        <v>30</v>
      </c>
      <c r="AB11" s="279">
        <v>0</v>
      </c>
      <c r="AC11" s="280">
        <v>125</v>
      </c>
      <c r="AD11" s="280">
        <v>163</v>
      </c>
      <c r="AE11" s="280">
        <v>63</v>
      </c>
      <c r="AF11" s="280">
        <v>111</v>
      </c>
      <c r="AG11" s="280">
        <v>53</v>
      </c>
      <c r="AH11" s="277">
        <v>515</v>
      </c>
      <c r="AI11" s="282">
        <v>545</v>
      </c>
      <c r="AJ11" s="276">
        <v>9</v>
      </c>
      <c r="AK11" s="280">
        <v>6</v>
      </c>
      <c r="AL11" s="277">
        <v>15</v>
      </c>
      <c r="AM11" s="279">
        <v>0</v>
      </c>
      <c r="AN11" s="280">
        <v>33</v>
      </c>
      <c r="AO11" s="280">
        <v>16</v>
      </c>
      <c r="AP11" s="280">
        <v>28</v>
      </c>
      <c r="AQ11" s="280">
        <v>101</v>
      </c>
      <c r="AR11" s="280">
        <v>36</v>
      </c>
      <c r="AS11" s="277">
        <v>214</v>
      </c>
      <c r="AT11" s="282">
        <v>229</v>
      </c>
      <c r="AU11" s="276">
        <v>0</v>
      </c>
      <c r="AV11" s="280">
        <v>0</v>
      </c>
      <c r="AW11" s="277">
        <v>0</v>
      </c>
      <c r="AX11" s="279">
        <v>0</v>
      </c>
      <c r="AY11" s="280">
        <v>209</v>
      </c>
      <c r="AZ11" s="280">
        <v>211</v>
      </c>
      <c r="BA11" s="280">
        <v>56</v>
      </c>
      <c r="BB11" s="280">
        <v>100</v>
      </c>
      <c r="BC11" s="280">
        <v>39</v>
      </c>
      <c r="BD11" s="281">
        <v>615</v>
      </c>
      <c r="BE11" s="282">
        <v>615</v>
      </c>
      <c r="BF11" s="276">
        <v>0</v>
      </c>
      <c r="BG11" s="280">
        <v>0</v>
      </c>
      <c r="BH11" s="277">
        <v>0</v>
      </c>
      <c r="BI11" s="279">
        <v>0</v>
      </c>
      <c r="BJ11" s="280">
        <v>74</v>
      </c>
      <c r="BK11" s="280">
        <v>75</v>
      </c>
      <c r="BL11" s="280">
        <v>52</v>
      </c>
      <c r="BM11" s="280">
        <v>56</v>
      </c>
      <c r="BN11" s="280">
        <v>20</v>
      </c>
      <c r="BO11" s="277">
        <v>277</v>
      </c>
      <c r="BP11" s="282">
        <v>277</v>
      </c>
      <c r="BQ11" s="276">
        <v>0</v>
      </c>
      <c r="BR11" s="280">
        <v>0</v>
      </c>
      <c r="BS11" s="277">
        <v>0</v>
      </c>
      <c r="BT11" s="279">
        <v>0</v>
      </c>
      <c r="BU11" s="280">
        <v>49</v>
      </c>
      <c r="BV11" s="280">
        <v>72</v>
      </c>
      <c r="BW11" s="280">
        <v>113</v>
      </c>
      <c r="BX11" s="280">
        <v>52</v>
      </c>
      <c r="BY11" s="280">
        <v>9</v>
      </c>
      <c r="BZ11" s="277">
        <v>295</v>
      </c>
      <c r="CA11" s="282">
        <v>295</v>
      </c>
      <c r="CB11" s="276">
        <v>0</v>
      </c>
      <c r="CC11" s="280">
        <v>0</v>
      </c>
      <c r="CD11" s="277">
        <v>0</v>
      </c>
      <c r="CE11" s="279">
        <v>0</v>
      </c>
      <c r="CF11" s="280">
        <v>0</v>
      </c>
      <c r="CG11" s="280">
        <v>0</v>
      </c>
      <c r="CH11" s="280">
        <v>0</v>
      </c>
      <c r="CI11" s="280">
        <v>0</v>
      </c>
      <c r="CJ11" s="280">
        <v>0</v>
      </c>
      <c r="CK11" s="277">
        <v>0</v>
      </c>
      <c r="CL11" s="282">
        <v>0</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77">
        <v>0</v>
      </c>
      <c r="E12" s="278">
        <v>0</v>
      </c>
      <c r="F12" s="279">
        <v>0</v>
      </c>
      <c r="G12" s="280">
        <v>555</v>
      </c>
      <c r="H12" s="280">
        <v>1001</v>
      </c>
      <c r="I12" s="280">
        <v>960</v>
      </c>
      <c r="J12" s="280">
        <v>1421</v>
      </c>
      <c r="K12" s="280">
        <v>2070</v>
      </c>
      <c r="L12" s="281">
        <v>6007</v>
      </c>
      <c r="M12" s="282">
        <v>6007</v>
      </c>
      <c r="N12" s="276">
        <v>0</v>
      </c>
      <c r="O12" s="280">
        <v>0</v>
      </c>
      <c r="P12" s="277">
        <v>0</v>
      </c>
      <c r="Q12" s="279">
        <v>0</v>
      </c>
      <c r="R12" s="280">
        <v>10</v>
      </c>
      <c r="S12" s="280">
        <v>8</v>
      </c>
      <c r="T12" s="280">
        <v>0</v>
      </c>
      <c r="U12" s="280">
        <v>67</v>
      </c>
      <c r="V12" s="280">
        <v>97</v>
      </c>
      <c r="W12" s="277">
        <v>182</v>
      </c>
      <c r="X12" s="282">
        <v>182</v>
      </c>
      <c r="Y12" s="276">
        <v>32</v>
      </c>
      <c r="Z12" s="280">
        <v>76</v>
      </c>
      <c r="AA12" s="277">
        <v>108</v>
      </c>
      <c r="AB12" s="279">
        <v>0</v>
      </c>
      <c r="AC12" s="280">
        <v>544</v>
      </c>
      <c r="AD12" s="280">
        <v>377</v>
      </c>
      <c r="AE12" s="280">
        <v>176</v>
      </c>
      <c r="AF12" s="280">
        <v>287</v>
      </c>
      <c r="AG12" s="280">
        <v>354</v>
      </c>
      <c r="AH12" s="277">
        <v>1738</v>
      </c>
      <c r="AI12" s="282">
        <v>1846</v>
      </c>
      <c r="AJ12" s="276">
        <v>0</v>
      </c>
      <c r="AK12" s="280">
        <v>24</v>
      </c>
      <c r="AL12" s="277">
        <v>24</v>
      </c>
      <c r="AM12" s="279">
        <v>0</v>
      </c>
      <c r="AN12" s="280">
        <v>63</v>
      </c>
      <c r="AO12" s="280">
        <v>106</v>
      </c>
      <c r="AP12" s="280">
        <v>74</v>
      </c>
      <c r="AQ12" s="280">
        <v>151</v>
      </c>
      <c r="AR12" s="280">
        <v>83</v>
      </c>
      <c r="AS12" s="277">
        <v>477</v>
      </c>
      <c r="AT12" s="282">
        <v>501</v>
      </c>
      <c r="AU12" s="276">
        <v>0</v>
      </c>
      <c r="AV12" s="280">
        <v>0</v>
      </c>
      <c r="AW12" s="277">
        <v>0</v>
      </c>
      <c r="AX12" s="279">
        <v>0</v>
      </c>
      <c r="AY12" s="280">
        <v>396</v>
      </c>
      <c r="AZ12" s="280">
        <v>319</v>
      </c>
      <c r="BA12" s="280">
        <v>227</v>
      </c>
      <c r="BB12" s="280">
        <v>161</v>
      </c>
      <c r="BC12" s="280">
        <v>55</v>
      </c>
      <c r="BD12" s="281">
        <v>1158</v>
      </c>
      <c r="BE12" s="282">
        <v>1158</v>
      </c>
      <c r="BF12" s="276">
        <v>0</v>
      </c>
      <c r="BG12" s="280">
        <v>0</v>
      </c>
      <c r="BH12" s="277">
        <v>0</v>
      </c>
      <c r="BI12" s="279">
        <v>0</v>
      </c>
      <c r="BJ12" s="280">
        <v>65</v>
      </c>
      <c r="BK12" s="280">
        <v>91</v>
      </c>
      <c r="BL12" s="280">
        <v>66</v>
      </c>
      <c r="BM12" s="280">
        <v>63</v>
      </c>
      <c r="BN12" s="280">
        <v>0</v>
      </c>
      <c r="BO12" s="277">
        <v>285</v>
      </c>
      <c r="BP12" s="282">
        <v>285</v>
      </c>
      <c r="BQ12" s="276">
        <v>0</v>
      </c>
      <c r="BR12" s="280">
        <v>0</v>
      </c>
      <c r="BS12" s="277">
        <v>0</v>
      </c>
      <c r="BT12" s="279">
        <v>0</v>
      </c>
      <c r="BU12" s="280">
        <v>55</v>
      </c>
      <c r="BV12" s="280">
        <v>112</v>
      </c>
      <c r="BW12" s="280">
        <v>91</v>
      </c>
      <c r="BX12" s="280">
        <v>102</v>
      </c>
      <c r="BY12" s="280">
        <v>25</v>
      </c>
      <c r="BZ12" s="277">
        <v>385</v>
      </c>
      <c r="CA12" s="282">
        <v>385</v>
      </c>
      <c r="CB12" s="276">
        <v>0</v>
      </c>
      <c r="CC12" s="280">
        <v>0</v>
      </c>
      <c r="CD12" s="277">
        <v>0</v>
      </c>
      <c r="CE12" s="279">
        <v>0</v>
      </c>
      <c r="CF12" s="280">
        <v>0</v>
      </c>
      <c r="CG12" s="280">
        <v>26</v>
      </c>
      <c r="CH12" s="280">
        <v>19</v>
      </c>
      <c r="CI12" s="280">
        <v>40</v>
      </c>
      <c r="CJ12" s="280">
        <v>3</v>
      </c>
      <c r="CK12" s="277">
        <v>88</v>
      </c>
      <c r="CL12" s="282">
        <v>88</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77">
        <v>0</v>
      </c>
      <c r="E13" s="278">
        <v>0</v>
      </c>
      <c r="F13" s="279">
        <v>0</v>
      </c>
      <c r="G13" s="280">
        <v>1152</v>
      </c>
      <c r="H13" s="280">
        <v>815</v>
      </c>
      <c r="I13" s="280">
        <v>1656</v>
      </c>
      <c r="J13" s="280">
        <v>2010</v>
      </c>
      <c r="K13" s="280">
        <v>1693</v>
      </c>
      <c r="L13" s="281">
        <v>7326</v>
      </c>
      <c r="M13" s="282">
        <v>7326</v>
      </c>
      <c r="N13" s="276">
        <v>0</v>
      </c>
      <c r="O13" s="280">
        <v>0</v>
      </c>
      <c r="P13" s="277">
        <v>0</v>
      </c>
      <c r="Q13" s="279">
        <v>0</v>
      </c>
      <c r="R13" s="280">
        <v>8</v>
      </c>
      <c r="S13" s="280">
        <v>8</v>
      </c>
      <c r="T13" s="280">
        <v>18</v>
      </c>
      <c r="U13" s="280">
        <v>43</v>
      </c>
      <c r="V13" s="280">
        <v>68</v>
      </c>
      <c r="W13" s="277">
        <v>145</v>
      </c>
      <c r="X13" s="282">
        <v>145</v>
      </c>
      <c r="Y13" s="276">
        <v>79</v>
      </c>
      <c r="Z13" s="280">
        <v>165</v>
      </c>
      <c r="AA13" s="277">
        <v>244</v>
      </c>
      <c r="AB13" s="279">
        <v>0</v>
      </c>
      <c r="AC13" s="280">
        <v>619</v>
      </c>
      <c r="AD13" s="280">
        <v>396</v>
      </c>
      <c r="AE13" s="280">
        <v>244</v>
      </c>
      <c r="AF13" s="280">
        <v>195</v>
      </c>
      <c r="AG13" s="280">
        <v>262</v>
      </c>
      <c r="AH13" s="277">
        <v>1716</v>
      </c>
      <c r="AI13" s="282">
        <v>1960</v>
      </c>
      <c r="AJ13" s="276">
        <v>29</v>
      </c>
      <c r="AK13" s="280">
        <v>42</v>
      </c>
      <c r="AL13" s="277">
        <v>71</v>
      </c>
      <c r="AM13" s="279">
        <v>0</v>
      </c>
      <c r="AN13" s="280">
        <v>75</v>
      </c>
      <c r="AO13" s="280">
        <v>136</v>
      </c>
      <c r="AP13" s="280">
        <v>67</v>
      </c>
      <c r="AQ13" s="280">
        <v>39</v>
      </c>
      <c r="AR13" s="280">
        <v>20</v>
      </c>
      <c r="AS13" s="277">
        <v>337</v>
      </c>
      <c r="AT13" s="282">
        <v>408</v>
      </c>
      <c r="AU13" s="276">
        <v>0</v>
      </c>
      <c r="AV13" s="280">
        <v>0</v>
      </c>
      <c r="AW13" s="277">
        <v>0</v>
      </c>
      <c r="AX13" s="279">
        <v>0</v>
      </c>
      <c r="AY13" s="280">
        <v>967</v>
      </c>
      <c r="AZ13" s="280">
        <v>554</v>
      </c>
      <c r="BA13" s="280">
        <v>390</v>
      </c>
      <c r="BB13" s="280">
        <v>129</v>
      </c>
      <c r="BC13" s="280">
        <v>52</v>
      </c>
      <c r="BD13" s="281">
        <v>2092</v>
      </c>
      <c r="BE13" s="282">
        <v>2092</v>
      </c>
      <c r="BF13" s="276">
        <v>0</v>
      </c>
      <c r="BG13" s="280">
        <v>0</v>
      </c>
      <c r="BH13" s="277">
        <v>0</v>
      </c>
      <c r="BI13" s="279">
        <v>0</v>
      </c>
      <c r="BJ13" s="280">
        <v>141</v>
      </c>
      <c r="BK13" s="280">
        <v>88</v>
      </c>
      <c r="BL13" s="280">
        <v>41</v>
      </c>
      <c r="BM13" s="280">
        <v>16</v>
      </c>
      <c r="BN13" s="280">
        <v>0</v>
      </c>
      <c r="BO13" s="277">
        <v>286</v>
      </c>
      <c r="BP13" s="282">
        <v>286</v>
      </c>
      <c r="BQ13" s="276">
        <v>0</v>
      </c>
      <c r="BR13" s="280">
        <v>6</v>
      </c>
      <c r="BS13" s="277">
        <v>6</v>
      </c>
      <c r="BT13" s="279">
        <v>0</v>
      </c>
      <c r="BU13" s="280">
        <v>78</v>
      </c>
      <c r="BV13" s="280">
        <v>30</v>
      </c>
      <c r="BW13" s="280">
        <v>205</v>
      </c>
      <c r="BX13" s="280">
        <v>113</v>
      </c>
      <c r="BY13" s="280">
        <v>43</v>
      </c>
      <c r="BZ13" s="277">
        <v>469</v>
      </c>
      <c r="CA13" s="282">
        <v>475</v>
      </c>
      <c r="CB13" s="276">
        <v>0</v>
      </c>
      <c r="CC13" s="280">
        <v>0</v>
      </c>
      <c r="CD13" s="277">
        <v>0</v>
      </c>
      <c r="CE13" s="279">
        <v>0</v>
      </c>
      <c r="CF13" s="280">
        <v>3</v>
      </c>
      <c r="CG13" s="280">
        <v>19</v>
      </c>
      <c r="CH13" s="280">
        <v>0</v>
      </c>
      <c r="CI13" s="280">
        <v>1</v>
      </c>
      <c r="CJ13" s="280">
        <v>0</v>
      </c>
      <c r="CK13" s="277">
        <v>23</v>
      </c>
      <c r="CL13" s="282">
        <v>23</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77">
        <v>0</v>
      </c>
      <c r="E14" s="278">
        <v>0</v>
      </c>
      <c r="F14" s="279">
        <v>0</v>
      </c>
      <c r="G14" s="280">
        <v>325</v>
      </c>
      <c r="H14" s="280">
        <v>144</v>
      </c>
      <c r="I14" s="280">
        <v>272</v>
      </c>
      <c r="J14" s="280">
        <v>237</v>
      </c>
      <c r="K14" s="280">
        <v>299</v>
      </c>
      <c r="L14" s="281">
        <v>1277</v>
      </c>
      <c r="M14" s="282">
        <v>1277</v>
      </c>
      <c r="N14" s="276">
        <v>0</v>
      </c>
      <c r="O14" s="280">
        <v>0</v>
      </c>
      <c r="P14" s="277">
        <v>0</v>
      </c>
      <c r="Q14" s="279">
        <v>0</v>
      </c>
      <c r="R14" s="280">
        <v>1</v>
      </c>
      <c r="S14" s="280">
        <v>0</v>
      </c>
      <c r="T14" s="280">
        <v>7</v>
      </c>
      <c r="U14" s="280">
        <v>16</v>
      </c>
      <c r="V14" s="280">
        <v>20</v>
      </c>
      <c r="W14" s="277">
        <v>44</v>
      </c>
      <c r="X14" s="282">
        <v>44</v>
      </c>
      <c r="Y14" s="276">
        <v>4</v>
      </c>
      <c r="Z14" s="280">
        <v>31</v>
      </c>
      <c r="AA14" s="277">
        <v>35</v>
      </c>
      <c r="AB14" s="279">
        <v>0</v>
      </c>
      <c r="AC14" s="280">
        <v>216</v>
      </c>
      <c r="AD14" s="280">
        <v>167</v>
      </c>
      <c r="AE14" s="280">
        <v>100</v>
      </c>
      <c r="AF14" s="280">
        <v>147</v>
      </c>
      <c r="AG14" s="280">
        <v>53</v>
      </c>
      <c r="AH14" s="277">
        <v>683</v>
      </c>
      <c r="AI14" s="282">
        <v>718</v>
      </c>
      <c r="AJ14" s="276">
        <v>0</v>
      </c>
      <c r="AK14" s="280">
        <v>0</v>
      </c>
      <c r="AL14" s="277">
        <v>0</v>
      </c>
      <c r="AM14" s="279">
        <v>0</v>
      </c>
      <c r="AN14" s="280">
        <v>63</v>
      </c>
      <c r="AO14" s="280">
        <v>8</v>
      </c>
      <c r="AP14" s="280">
        <v>0</v>
      </c>
      <c r="AQ14" s="280">
        <v>12</v>
      </c>
      <c r="AR14" s="280">
        <v>33</v>
      </c>
      <c r="AS14" s="277">
        <v>116</v>
      </c>
      <c r="AT14" s="282">
        <v>116</v>
      </c>
      <c r="AU14" s="276">
        <v>0</v>
      </c>
      <c r="AV14" s="280">
        <v>0</v>
      </c>
      <c r="AW14" s="277">
        <v>0</v>
      </c>
      <c r="AX14" s="279">
        <v>0</v>
      </c>
      <c r="AY14" s="280">
        <v>136</v>
      </c>
      <c r="AZ14" s="280">
        <v>114</v>
      </c>
      <c r="BA14" s="280">
        <v>102</v>
      </c>
      <c r="BB14" s="280">
        <v>117</v>
      </c>
      <c r="BC14" s="280">
        <v>13</v>
      </c>
      <c r="BD14" s="281">
        <v>482</v>
      </c>
      <c r="BE14" s="282">
        <v>482</v>
      </c>
      <c r="BF14" s="276">
        <v>0</v>
      </c>
      <c r="BG14" s="280">
        <v>0</v>
      </c>
      <c r="BH14" s="277">
        <v>0</v>
      </c>
      <c r="BI14" s="279">
        <v>0</v>
      </c>
      <c r="BJ14" s="280">
        <v>77</v>
      </c>
      <c r="BK14" s="280">
        <v>50</v>
      </c>
      <c r="BL14" s="280">
        <v>44</v>
      </c>
      <c r="BM14" s="280">
        <v>18</v>
      </c>
      <c r="BN14" s="280">
        <v>14</v>
      </c>
      <c r="BO14" s="277">
        <v>203</v>
      </c>
      <c r="BP14" s="282">
        <v>203</v>
      </c>
      <c r="BQ14" s="276">
        <v>0</v>
      </c>
      <c r="BR14" s="280">
        <v>0</v>
      </c>
      <c r="BS14" s="277">
        <v>0</v>
      </c>
      <c r="BT14" s="279">
        <v>0</v>
      </c>
      <c r="BU14" s="280">
        <v>11</v>
      </c>
      <c r="BV14" s="280">
        <v>12</v>
      </c>
      <c r="BW14" s="280">
        <v>56</v>
      </c>
      <c r="BX14" s="280">
        <v>31</v>
      </c>
      <c r="BY14" s="280">
        <v>45</v>
      </c>
      <c r="BZ14" s="277">
        <v>155</v>
      </c>
      <c r="CA14" s="282">
        <v>155</v>
      </c>
      <c r="CB14" s="276">
        <v>0</v>
      </c>
      <c r="CC14" s="280">
        <v>0</v>
      </c>
      <c r="CD14" s="277">
        <v>0</v>
      </c>
      <c r="CE14" s="279">
        <v>0</v>
      </c>
      <c r="CF14" s="280">
        <v>3</v>
      </c>
      <c r="CG14" s="280">
        <v>0</v>
      </c>
      <c r="CH14" s="280">
        <v>21</v>
      </c>
      <c r="CI14" s="280">
        <v>1</v>
      </c>
      <c r="CJ14" s="280">
        <v>15</v>
      </c>
      <c r="CK14" s="277">
        <v>40</v>
      </c>
      <c r="CL14" s="282">
        <v>40</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77">
        <v>0</v>
      </c>
      <c r="E15" s="278">
        <v>0</v>
      </c>
      <c r="F15" s="279">
        <v>0</v>
      </c>
      <c r="G15" s="280">
        <v>488</v>
      </c>
      <c r="H15" s="280">
        <v>349</v>
      </c>
      <c r="I15" s="280">
        <v>836</v>
      </c>
      <c r="J15" s="280">
        <v>804</v>
      </c>
      <c r="K15" s="280">
        <v>333</v>
      </c>
      <c r="L15" s="281">
        <v>2810</v>
      </c>
      <c r="M15" s="282">
        <v>2810</v>
      </c>
      <c r="N15" s="276">
        <v>0</v>
      </c>
      <c r="O15" s="280">
        <v>0</v>
      </c>
      <c r="P15" s="277">
        <v>0</v>
      </c>
      <c r="Q15" s="279">
        <v>0</v>
      </c>
      <c r="R15" s="280">
        <v>0</v>
      </c>
      <c r="S15" s="280">
        <v>5</v>
      </c>
      <c r="T15" s="280">
        <v>2</v>
      </c>
      <c r="U15" s="280">
        <v>13</v>
      </c>
      <c r="V15" s="280">
        <v>42</v>
      </c>
      <c r="W15" s="277">
        <v>62</v>
      </c>
      <c r="X15" s="282">
        <v>62</v>
      </c>
      <c r="Y15" s="276">
        <v>23</v>
      </c>
      <c r="Z15" s="280">
        <v>85</v>
      </c>
      <c r="AA15" s="277">
        <v>108</v>
      </c>
      <c r="AB15" s="279">
        <v>0</v>
      </c>
      <c r="AC15" s="280">
        <v>118</v>
      </c>
      <c r="AD15" s="280">
        <v>132</v>
      </c>
      <c r="AE15" s="280">
        <v>203</v>
      </c>
      <c r="AF15" s="280">
        <v>144</v>
      </c>
      <c r="AG15" s="280">
        <v>85</v>
      </c>
      <c r="AH15" s="277">
        <v>682</v>
      </c>
      <c r="AI15" s="282">
        <v>790</v>
      </c>
      <c r="AJ15" s="276">
        <v>0</v>
      </c>
      <c r="AK15" s="280">
        <v>8</v>
      </c>
      <c r="AL15" s="277">
        <v>8</v>
      </c>
      <c r="AM15" s="279">
        <v>0</v>
      </c>
      <c r="AN15" s="280">
        <v>42</v>
      </c>
      <c r="AO15" s="280">
        <v>22</v>
      </c>
      <c r="AP15" s="280">
        <v>8</v>
      </c>
      <c r="AQ15" s="280">
        <v>0</v>
      </c>
      <c r="AR15" s="280">
        <v>0</v>
      </c>
      <c r="AS15" s="277">
        <v>72</v>
      </c>
      <c r="AT15" s="282">
        <v>80</v>
      </c>
      <c r="AU15" s="276">
        <v>0</v>
      </c>
      <c r="AV15" s="280">
        <v>0</v>
      </c>
      <c r="AW15" s="277">
        <v>0</v>
      </c>
      <c r="AX15" s="279">
        <v>0</v>
      </c>
      <c r="AY15" s="280">
        <v>365</v>
      </c>
      <c r="AZ15" s="280">
        <v>214</v>
      </c>
      <c r="BA15" s="280">
        <v>144</v>
      </c>
      <c r="BB15" s="280">
        <v>110</v>
      </c>
      <c r="BC15" s="280">
        <v>41</v>
      </c>
      <c r="BD15" s="281">
        <v>874</v>
      </c>
      <c r="BE15" s="282">
        <v>874</v>
      </c>
      <c r="BF15" s="276">
        <v>0</v>
      </c>
      <c r="BG15" s="280">
        <v>0</v>
      </c>
      <c r="BH15" s="277">
        <v>0</v>
      </c>
      <c r="BI15" s="279">
        <v>0</v>
      </c>
      <c r="BJ15" s="280">
        <v>85</v>
      </c>
      <c r="BK15" s="280">
        <v>108</v>
      </c>
      <c r="BL15" s="280">
        <v>86</v>
      </c>
      <c r="BM15" s="280">
        <v>60</v>
      </c>
      <c r="BN15" s="280">
        <v>0</v>
      </c>
      <c r="BO15" s="277">
        <v>339</v>
      </c>
      <c r="BP15" s="282">
        <v>339</v>
      </c>
      <c r="BQ15" s="276">
        <v>0</v>
      </c>
      <c r="BR15" s="280">
        <v>2</v>
      </c>
      <c r="BS15" s="277">
        <v>2</v>
      </c>
      <c r="BT15" s="279">
        <v>0</v>
      </c>
      <c r="BU15" s="280">
        <v>19</v>
      </c>
      <c r="BV15" s="280">
        <v>14</v>
      </c>
      <c r="BW15" s="280">
        <v>115</v>
      </c>
      <c r="BX15" s="280">
        <v>71</v>
      </c>
      <c r="BY15" s="280">
        <v>36</v>
      </c>
      <c r="BZ15" s="277">
        <v>255</v>
      </c>
      <c r="CA15" s="282">
        <v>257</v>
      </c>
      <c r="CB15" s="276">
        <v>0</v>
      </c>
      <c r="CC15" s="280">
        <v>0</v>
      </c>
      <c r="CD15" s="277">
        <v>0</v>
      </c>
      <c r="CE15" s="279">
        <v>0</v>
      </c>
      <c r="CF15" s="280">
        <v>0</v>
      </c>
      <c r="CG15" s="280">
        <v>0</v>
      </c>
      <c r="CH15" s="280">
        <v>0</v>
      </c>
      <c r="CI15" s="280">
        <v>0</v>
      </c>
      <c r="CJ15" s="280">
        <v>0</v>
      </c>
      <c r="CK15" s="277">
        <v>0</v>
      </c>
      <c r="CL15" s="282">
        <v>0</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77">
        <v>0</v>
      </c>
      <c r="E16" s="278">
        <v>0</v>
      </c>
      <c r="F16" s="279">
        <v>0</v>
      </c>
      <c r="G16" s="280">
        <v>185</v>
      </c>
      <c r="H16" s="280">
        <v>451</v>
      </c>
      <c r="I16" s="280">
        <v>495</v>
      </c>
      <c r="J16" s="280">
        <v>545</v>
      </c>
      <c r="K16" s="280">
        <v>909</v>
      </c>
      <c r="L16" s="281">
        <v>2585</v>
      </c>
      <c r="M16" s="282">
        <v>2585</v>
      </c>
      <c r="N16" s="276">
        <v>0</v>
      </c>
      <c r="O16" s="280">
        <v>0</v>
      </c>
      <c r="P16" s="277">
        <v>0</v>
      </c>
      <c r="Q16" s="279">
        <v>0</v>
      </c>
      <c r="R16" s="280">
        <v>0</v>
      </c>
      <c r="S16" s="280">
        <v>0</v>
      </c>
      <c r="T16" s="280">
        <v>9</v>
      </c>
      <c r="U16" s="280">
        <v>3</v>
      </c>
      <c r="V16" s="280">
        <v>4</v>
      </c>
      <c r="W16" s="277">
        <v>16</v>
      </c>
      <c r="X16" s="282">
        <v>16</v>
      </c>
      <c r="Y16" s="276">
        <v>0</v>
      </c>
      <c r="Z16" s="280">
        <v>19</v>
      </c>
      <c r="AA16" s="277">
        <v>19</v>
      </c>
      <c r="AB16" s="279">
        <v>0</v>
      </c>
      <c r="AC16" s="280">
        <v>140</v>
      </c>
      <c r="AD16" s="280">
        <v>110</v>
      </c>
      <c r="AE16" s="280">
        <v>117</v>
      </c>
      <c r="AF16" s="280">
        <v>103</v>
      </c>
      <c r="AG16" s="280">
        <v>96</v>
      </c>
      <c r="AH16" s="277">
        <v>566</v>
      </c>
      <c r="AI16" s="282">
        <v>585</v>
      </c>
      <c r="AJ16" s="276">
        <v>0</v>
      </c>
      <c r="AK16" s="280">
        <v>0</v>
      </c>
      <c r="AL16" s="277">
        <v>0</v>
      </c>
      <c r="AM16" s="279">
        <v>0</v>
      </c>
      <c r="AN16" s="280">
        <v>47</v>
      </c>
      <c r="AO16" s="280">
        <v>68</v>
      </c>
      <c r="AP16" s="280">
        <v>0</v>
      </c>
      <c r="AQ16" s="280">
        <v>8</v>
      </c>
      <c r="AR16" s="280">
        <v>32</v>
      </c>
      <c r="AS16" s="277">
        <v>155</v>
      </c>
      <c r="AT16" s="282">
        <v>155</v>
      </c>
      <c r="AU16" s="276">
        <v>0</v>
      </c>
      <c r="AV16" s="280">
        <v>0</v>
      </c>
      <c r="AW16" s="277">
        <v>0</v>
      </c>
      <c r="AX16" s="279">
        <v>0</v>
      </c>
      <c r="AY16" s="280">
        <v>125</v>
      </c>
      <c r="AZ16" s="280">
        <v>176</v>
      </c>
      <c r="BA16" s="280">
        <v>180</v>
      </c>
      <c r="BB16" s="280">
        <v>30</v>
      </c>
      <c r="BC16" s="280">
        <v>0</v>
      </c>
      <c r="BD16" s="281">
        <v>511</v>
      </c>
      <c r="BE16" s="282">
        <v>511</v>
      </c>
      <c r="BF16" s="276">
        <v>0</v>
      </c>
      <c r="BG16" s="280">
        <v>0</v>
      </c>
      <c r="BH16" s="277">
        <v>0</v>
      </c>
      <c r="BI16" s="279">
        <v>0</v>
      </c>
      <c r="BJ16" s="280">
        <v>8</v>
      </c>
      <c r="BK16" s="280">
        <v>21</v>
      </c>
      <c r="BL16" s="280">
        <v>38</v>
      </c>
      <c r="BM16" s="280">
        <v>22</v>
      </c>
      <c r="BN16" s="280">
        <v>0</v>
      </c>
      <c r="BO16" s="277">
        <v>89</v>
      </c>
      <c r="BP16" s="282">
        <v>89</v>
      </c>
      <c r="BQ16" s="276">
        <v>0</v>
      </c>
      <c r="BR16" s="280">
        <v>3</v>
      </c>
      <c r="BS16" s="277">
        <v>3</v>
      </c>
      <c r="BT16" s="279">
        <v>0</v>
      </c>
      <c r="BU16" s="280">
        <v>14</v>
      </c>
      <c r="BV16" s="280">
        <v>7</v>
      </c>
      <c r="BW16" s="280">
        <v>23</v>
      </c>
      <c r="BX16" s="280">
        <v>15</v>
      </c>
      <c r="BY16" s="280">
        <v>11</v>
      </c>
      <c r="BZ16" s="277">
        <v>70</v>
      </c>
      <c r="CA16" s="282">
        <v>73</v>
      </c>
      <c r="CB16" s="276">
        <v>0</v>
      </c>
      <c r="CC16" s="280">
        <v>0</v>
      </c>
      <c r="CD16" s="277">
        <v>0</v>
      </c>
      <c r="CE16" s="279">
        <v>0</v>
      </c>
      <c r="CF16" s="280">
        <v>0</v>
      </c>
      <c r="CG16" s="280">
        <v>0</v>
      </c>
      <c r="CH16" s="280">
        <v>3</v>
      </c>
      <c r="CI16" s="280">
        <v>0</v>
      </c>
      <c r="CJ16" s="280">
        <v>0</v>
      </c>
      <c r="CK16" s="277">
        <v>3</v>
      </c>
      <c r="CL16" s="282">
        <v>3</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77">
        <v>0</v>
      </c>
      <c r="E17" s="278">
        <v>0</v>
      </c>
      <c r="F17" s="279">
        <v>0</v>
      </c>
      <c r="G17" s="280">
        <v>19</v>
      </c>
      <c r="H17" s="280">
        <v>79</v>
      </c>
      <c r="I17" s="280">
        <v>0</v>
      </c>
      <c r="J17" s="280">
        <v>12</v>
      </c>
      <c r="K17" s="280">
        <v>218</v>
      </c>
      <c r="L17" s="281">
        <v>328</v>
      </c>
      <c r="M17" s="282">
        <v>328</v>
      </c>
      <c r="N17" s="276">
        <v>0</v>
      </c>
      <c r="O17" s="280">
        <v>0</v>
      </c>
      <c r="P17" s="277">
        <v>0</v>
      </c>
      <c r="Q17" s="279">
        <v>0</v>
      </c>
      <c r="R17" s="280">
        <v>0</v>
      </c>
      <c r="S17" s="280">
        <v>0</v>
      </c>
      <c r="T17" s="280">
        <v>0</v>
      </c>
      <c r="U17" s="280">
        <v>0</v>
      </c>
      <c r="V17" s="280">
        <v>14</v>
      </c>
      <c r="W17" s="277">
        <v>14</v>
      </c>
      <c r="X17" s="282">
        <v>14</v>
      </c>
      <c r="Y17" s="276">
        <v>0</v>
      </c>
      <c r="Z17" s="280">
        <v>4</v>
      </c>
      <c r="AA17" s="277">
        <v>4</v>
      </c>
      <c r="AB17" s="279">
        <v>0</v>
      </c>
      <c r="AC17" s="280">
        <v>9</v>
      </c>
      <c r="AD17" s="280">
        <v>40</v>
      </c>
      <c r="AE17" s="280">
        <v>8</v>
      </c>
      <c r="AF17" s="280">
        <v>22</v>
      </c>
      <c r="AG17" s="280">
        <v>41</v>
      </c>
      <c r="AH17" s="277">
        <v>120</v>
      </c>
      <c r="AI17" s="282">
        <v>124</v>
      </c>
      <c r="AJ17" s="276">
        <v>0</v>
      </c>
      <c r="AK17" s="280">
        <v>0</v>
      </c>
      <c r="AL17" s="277">
        <v>0</v>
      </c>
      <c r="AM17" s="279">
        <v>0</v>
      </c>
      <c r="AN17" s="280">
        <v>0</v>
      </c>
      <c r="AO17" s="280">
        <v>24</v>
      </c>
      <c r="AP17" s="280">
        <v>12</v>
      </c>
      <c r="AQ17" s="280">
        <v>0</v>
      </c>
      <c r="AR17" s="280">
        <v>9</v>
      </c>
      <c r="AS17" s="277">
        <v>45</v>
      </c>
      <c r="AT17" s="282">
        <v>45</v>
      </c>
      <c r="AU17" s="276">
        <v>0</v>
      </c>
      <c r="AV17" s="280">
        <v>0</v>
      </c>
      <c r="AW17" s="277">
        <v>0</v>
      </c>
      <c r="AX17" s="279">
        <v>0</v>
      </c>
      <c r="AY17" s="280">
        <v>30</v>
      </c>
      <c r="AZ17" s="280">
        <v>14</v>
      </c>
      <c r="BA17" s="280">
        <v>17</v>
      </c>
      <c r="BB17" s="280">
        <v>5</v>
      </c>
      <c r="BC17" s="280">
        <v>0</v>
      </c>
      <c r="BD17" s="281">
        <v>66</v>
      </c>
      <c r="BE17" s="282">
        <v>66</v>
      </c>
      <c r="BF17" s="276">
        <v>0</v>
      </c>
      <c r="BG17" s="280">
        <v>0</v>
      </c>
      <c r="BH17" s="277">
        <v>0</v>
      </c>
      <c r="BI17" s="279">
        <v>0</v>
      </c>
      <c r="BJ17" s="280">
        <v>17</v>
      </c>
      <c r="BK17" s="280">
        <v>8</v>
      </c>
      <c r="BL17" s="280">
        <v>7</v>
      </c>
      <c r="BM17" s="280">
        <v>14</v>
      </c>
      <c r="BN17" s="280">
        <v>5</v>
      </c>
      <c r="BO17" s="277">
        <v>51</v>
      </c>
      <c r="BP17" s="282">
        <v>51</v>
      </c>
      <c r="BQ17" s="276">
        <v>0</v>
      </c>
      <c r="BR17" s="280">
        <v>0</v>
      </c>
      <c r="BS17" s="277">
        <v>0</v>
      </c>
      <c r="BT17" s="279">
        <v>0</v>
      </c>
      <c r="BU17" s="280">
        <v>0</v>
      </c>
      <c r="BV17" s="280">
        <v>7</v>
      </c>
      <c r="BW17" s="280">
        <v>7</v>
      </c>
      <c r="BX17" s="280">
        <v>31</v>
      </c>
      <c r="BY17" s="280">
        <v>27</v>
      </c>
      <c r="BZ17" s="277">
        <v>72</v>
      </c>
      <c r="CA17" s="282">
        <v>72</v>
      </c>
      <c r="CB17" s="276">
        <v>0</v>
      </c>
      <c r="CC17" s="280">
        <v>0</v>
      </c>
      <c r="CD17" s="277">
        <v>0</v>
      </c>
      <c r="CE17" s="279">
        <v>0</v>
      </c>
      <c r="CF17" s="280">
        <v>0</v>
      </c>
      <c r="CG17" s="280">
        <v>0</v>
      </c>
      <c r="CH17" s="280">
        <v>0</v>
      </c>
      <c r="CI17" s="280">
        <v>0</v>
      </c>
      <c r="CJ17" s="280">
        <v>0</v>
      </c>
      <c r="CK17" s="277">
        <v>0</v>
      </c>
      <c r="CL17" s="282">
        <v>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77">
        <v>0</v>
      </c>
      <c r="E18" s="278">
        <v>0</v>
      </c>
      <c r="F18" s="279">
        <v>0</v>
      </c>
      <c r="G18" s="280">
        <v>69</v>
      </c>
      <c r="H18" s="280">
        <v>206</v>
      </c>
      <c r="I18" s="280">
        <v>174</v>
      </c>
      <c r="J18" s="280">
        <v>223</v>
      </c>
      <c r="K18" s="280">
        <v>58</v>
      </c>
      <c r="L18" s="281">
        <v>730</v>
      </c>
      <c r="M18" s="282">
        <v>730</v>
      </c>
      <c r="N18" s="276">
        <v>0</v>
      </c>
      <c r="O18" s="280">
        <v>0</v>
      </c>
      <c r="P18" s="277">
        <v>0</v>
      </c>
      <c r="Q18" s="279">
        <v>0</v>
      </c>
      <c r="R18" s="280">
        <v>0</v>
      </c>
      <c r="S18" s="280">
        <v>6</v>
      </c>
      <c r="T18" s="280">
        <v>2</v>
      </c>
      <c r="U18" s="280">
        <v>0</v>
      </c>
      <c r="V18" s="280">
        <v>6</v>
      </c>
      <c r="W18" s="277">
        <v>14</v>
      </c>
      <c r="X18" s="282">
        <v>14</v>
      </c>
      <c r="Y18" s="276">
        <v>1</v>
      </c>
      <c r="Z18" s="280">
        <v>8</v>
      </c>
      <c r="AA18" s="277">
        <v>9</v>
      </c>
      <c r="AB18" s="279">
        <v>0</v>
      </c>
      <c r="AC18" s="280">
        <v>35</v>
      </c>
      <c r="AD18" s="280">
        <v>141</v>
      </c>
      <c r="AE18" s="280">
        <v>78</v>
      </c>
      <c r="AF18" s="280">
        <v>51</v>
      </c>
      <c r="AG18" s="280">
        <v>5</v>
      </c>
      <c r="AH18" s="277">
        <v>310</v>
      </c>
      <c r="AI18" s="282">
        <v>319</v>
      </c>
      <c r="AJ18" s="276">
        <v>0</v>
      </c>
      <c r="AK18" s="280">
        <v>0</v>
      </c>
      <c r="AL18" s="277">
        <v>0</v>
      </c>
      <c r="AM18" s="279">
        <v>0</v>
      </c>
      <c r="AN18" s="280">
        <v>27</v>
      </c>
      <c r="AO18" s="280">
        <v>0</v>
      </c>
      <c r="AP18" s="280">
        <v>39</v>
      </c>
      <c r="AQ18" s="280">
        <v>12</v>
      </c>
      <c r="AR18" s="280">
        <v>0</v>
      </c>
      <c r="AS18" s="277">
        <v>78</v>
      </c>
      <c r="AT18" s="282">
        <v>78</v>
      </c>
      <c r="AU18" s="276">
        <v>0</v>
      </c>
      <c r="AV18" s="280">
        <v>0</v>
      </c>
      <c r="AW18" s="277">
        <v>0</v>
      </c>
      <c r="AX18" s="279">
        <v>0</v>
      </c>
      <c r="AY18" s="280">
        <v>159</v>
      </c>
      <c r="AZ18" s="280">
        <v>164</v>
      </c>
      <c r="BA18" s="280">
        <v>113</v>
      </c>
      <c r="BB18" s="280">
        <v>14</v>
      </c>
      <c r="BC18" s="280">
        <v>33</v>
      </c>
      <c r="BD18" s="281">
        <v>483</v>
      </c>
      <c r="BE18" s="282">
        <v>483</v>
      </c>
      <c r="BF18" s="276">
        <v>0</v>
      </c>
      <c r="BG18" s="280">
        <v>0</v>
      </c>
      <c r="BH18" s="277">
        <v>0</v>
      </c>
      <c r="BI18" s="279">
        <v>0</v>
      </c>
      <c r="BJ18" s="280">
        <v>69</v>
      </c>
      <c r="BK18" s="280">
        <v>146</v>
      </c>
      <c r="BL18" s="280">
        <v>57</v>
      </c>
      <c r="BM18" s="280">
        <v>9</v>
      </c>
      <c r="BN18" s="280">
        <v>18</v>
      </c>
      <c r="BO18" s="277">
        <v>299</v>
      </c>
      <c r="BP18" s="282">
        <v>299</v>
      </c>
      <c r="BQ18" s="276">
        <v>0</v>
      </c>
      <c r="BR18" s="280">
        <v>0</v>
      </c>
      <c r="BS18" s="277">
        <v>0</v>
      </c>
      <c r="BT18" s="279">
        <v>0</v>
      </c>
      <c r="BU18" s="280">
        <v>3</v>
      </c>
      <c r="BV18" s="280">
        <v>17</v>
      </c>
      <c r="BW18" s="280">
        <v>28</v>
      </c>
      <c r="BX18" s="280">
        <v>0</v>
      </c>
      <c r="BY18" s="280">
        <v>0</v>
      </c>
      <c r="BZ18" s="277">
        <v>48</v>
      </c>
      <c r="CA18" s="282">
        <v>48</v>
      </c>
      <c r="CB18" s="276">
        <v>0</v>
      </c>
      <c r="CC18" s="280">
        <v>0</v>
      </c>
      <c r="CD18" s="277">
        <v>0</v>
      </c>
      <c r="CE18" s="279">
        <v>0</v>
      </c>
      <c r="CF18" s="280">
        <v>3</v>
      </c>
      <c r="CG18" s="280">
        <v>0</v>
      </c>
      <c r="CH18" s="280">
        <v>7</v>
      </c>
      <c r="CI18" s="280">
        <v>0</v>
      </c>
      <c r="CJ18" s="280">
        <v>0</v>
      </c>
      <c r="CK18" s="277">
        <v>10</v>
      </c>
      <c r="CL18" s="282">
        <v>10</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77">
        <v>0</v>
      </c>
      <c r="E19" s="278">
        <v>0</v>
      </c>
      <c r="F19" s="279">
        <v>0</v>
      </c>
      <c r="G19" s="280">
        <v>81</v>
      </c>
      <c r="H19" s="280">
        <v>256</v>
      </c>
      <c r="I19" s="280">
        <v>388</v>
      </c>
      <c r="J19" s="280">
        <v>106</v>
      </c>
      <c r="K19" s="280">
        <v>447</v>
      </c>
      <c r="L19" s="281">
        <v>1278</v>
      </c>
      <c r="M19" s="282">
        <v>1278</v>
      </c>
      <c r="N19" s="276">
        <v>0</v>
      </c>
      <c r="O19" s="280">
        <v>0</v>
      </c>
      <c r="P19" s="277">
        <v>0</v>
      </c>
      <c r="Q19" s="279">
        <v>0</v>
      </c>
      <c r="R19" s="280">
        <v>0</v>
      </c>
      <c r="S19" s="280">
        <v>0</v>
      </c>
      <c r="T19" s="280">
        <v>4</v>
      </c>
      <c r="U19" s="280">
        <v>12</v>
      </c>
      <c r="V19" s="280">
        <v>19</v>
      </c>
      <c r="W19" s="277">
        <v>35</v>
      </c>
      <c r="X19" s="282">
        <v>35</v>
      </c>
      <c r="Y19" s="276">
        <v>20</v>
      </c>
      <c r="Z19" s="280">
        <v>37</v>
      </c>
      <c r="AA19" s="277">
        <v>57</v>
      </c>
      <c r="AB19" s="279">
        <v>0</v>
      </c>
      <c r="AC19" s="280">
        <v>109</v>
      </c>
      <c r="AD19" s="280">
        <v>175</v>
      </c>
      <c r="AE19" s="280">
        <v>140</v>
      </c>
      <c r="AF19" s="280">
        <v>28</v>
      </c>
      <c r="AG19" s="280">
        <v>80</v>
      </c>
      <c r="AH19" s="277">
        <v>532</v>
      </c>
      <c r="AI19" s="282">
        <v>589</v>
      </c>
      <c r="AJ19" s="276">
        <v>14</v>
      </c>
      <c r="AK19" s="280">
        <v>0</v>
      </c>
      <c r="AL19" s="277">
        <v>14</v>
      </c>
      <c r="AM19" s="279">
        <v>0</v>
      </c>
      <c r="AN19" s="280">
        <v>19</v>
      </c>
      <c r="AO19" s="280">
        <v>27</v>
      </c>
      <c r="AP19" s="280">
        <v>9</v>
      </c>
      <c r="AQ19" s="280">
        <v>42</v>
      </c>
      <c r="AR19" s="280">
        <v>0</v>
      </c>
      <c r="AS19" s="277">
        <v>97</v>
      </c>
      <c r="AT19" s="282">
        <v>111</v>
      </c>
      <c r="AU19" s="276">
        <v>0</v>
      </c>
      <c r="AV19" s="280">
        <v>0</v>
      </c>
      <c r="AW19" s="277">
        <v>0</v>
      </c>
      <c r="AX19" s="279">
        <v>0</v>
      </c>
      <c r="AY19" s="280">
        <v>193</v>
      </c>
      <c r="AZ19" s="280">
        <v>306</v>
      </c>
      <c r="BA19" s="280">
        <v>89</v>
      </c>
      <c r="BB19" s="280">
        <v>101</v>
      </c>
      <c r="BC19" s="280">
        <v>52</v>
      </c>
      <c r="BD19" s="281">
        <v>741</v>
      </c>
      <c r="BE19" s="282">
        <v>741</v>
      </c>
      <c r="BF19" s="276">
        <v>0</v>
      </c>
      <c r="BG19" s="280">
        <v>0</v>
      </c>
      <c r="BH19" s="277">
        <v>0</v>
      </c>
      <c r="BI19" s="279">
        <v>0</v>
      </c>
      <c r="BJ19" s="280">
        <v>33</v>
      </c>
      <c r="BK19" s="280">
        <v>78</v>
      </c>
      <c r="BL19" s="280">
        <v>42</v>
      </c>
      <c r="BM19" s="280">
        <v>15</v>
      </c>
      <c r="BN19" s="280">
        <v>3</v>
      </c>
      <c r="BO19" s="277">
        <v>171</v>
      </c>
      <c r="BP19" s="282">
        <v>171</v>
      </c>
      <c r="BQ19" s="276">
        <v>0</v>
      </c>
      <c r="BR19" s="280">
        <v>0</v>
      </c>
      <c r="BS19" s="277">
        <v>0</v>
      </c>
      <c r="BT19" s="279">
        <v>0</v>
      </c>
      <c r="BU19" s="280">
        <v>24</v>
      </c>
      <c r="BV19" s="280">
        <v>56</v>
      </c>
      <c r="BW19" s="280">
        <v>91</v>
      </c>
      <c r="BX19" s="280">
        <v>104</v>
      </c>
      <c r="BY19" s="280">
        <v>39</v>
      </c>
      <c r="BZ19" s="277">
        <v>314</v>
      </c>
      <c r="CA19" s="282">
        <v>314</v>
      </c>
      <c r="CB19" s="276">
        <v>0</v>
      </c>
      <c r="CC19" s="280">
        <v>0</v>
      </c>
      <c r="CD19" s="277">
        <v>0</v>
      </c>
      <c r="CE19" s="279">
        <v>0</v>
      </c>
      <c r="CF19" s="280">
        <v>5</v>
      </c>
      <c r="CG19" s="280">
        <v>0</v>
      </c>
      <c r="CH19" s="280">
        <v>7</v>
      </c>
      <c r="CI19" s="280">
        <v>9</v>
      </c>
      <c r="CJ19" s="280">
        <v>0</v>
      </c>
      <c r="CK19" s="277">
        <v>21</v>
      </c>
      <c r="CL19" s="282">
        <v>21</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77">
        <v>0</v>
      </c>
      <c r="E20" s="278">
        <v>0</v>
      </c>
      <c r="F20" s="279">
        <v>0</v>
      </c>
      <c r="G20" s="280">
        <v>323</v>
      </c>
      <c r="H20" s="280">
        <v>276</v>
      </c>
      <c r="I20" s="280">
        <v>696</v>
      </c>
      <c r="J20" s="280">
        <v>922</v>
      </c>
      <c r="K20" s="280">
        <v>561</v>
      </c>
      <c r="L20" s="281">
        <v>2778</v>
      </c>
      <c r="M20" s="282">
        <v>2778</v>
      </c>
      <c r="N20" s="276">
        <v>0</v>
      </c>
      <c r="O20" s="280">
        <v>0</v>
      </c>
      <c r="P20" s="277">
        <v>0</v>
      </c>
      <c r="Q20" s="279">
        <v>0</v>
      </c>
      <c r="R20" s="280">
        <v>0</v>
      </c>
      <c r="S20" s="280">
        <v>0</v>
      </c>
      <c r="T20" s="280">
        <v>12</v>
      </c>
      <c r="U20" s="280">
        <v>13</v>
      </c>
      <c r="V20" s="280">
        <v>28</v>
      </c>
      <c r="W20" s="277">
        <v>53</v>
      </c>
      <c r="X20" s="282">
        <v>53</v>
      </c>
      <c r="Y20" s="276">
        <v>38</v>
      </c>
      <c r="Z20" s="280">
        <v>52</v>
      </c>
      <c r="AA20" s="277">
        <v>90</v>
      </c>
      <c r="AB20" s="279">
        <v>0</v>
      </c>
      <c r="AC20" s="280">
        <v>184</v>
      </c>
      <c r="AD20" s="280">
        <v>277</v>
      </c>
      <c r="AE20" s="280">
        <v>154</v>
      </c>
      <c r="AF20" s="280">
        <v>173</v>
      </c>
      <c r="AG20" s="280">
        <v>148</v>
      </c>
      <c r="AH20" s="277">
        <v>936</v>
      </c>
      <c r="AI20" s="282">
        <v>1026</v>
      </c>
      <c r="AJ20" s="276">
        <v>12</v>
      </c>
      <c r="AK20" s="280">
        <v>0</v>
      </c>
      <c r="AL20" s="277">
        <v>12</v>
      </c>
      <c r="AM20" s="279">
        <v>0</v>
      </c>
      <c r="AN20" s="280">
        <v>38</v>
      </c>
      <c r="AO20" s="280">
        <v>31</v>
      </c>
      <c r="AP20" s="280">
        <v>36</v>
      </c>
      <c r="AQ20" s="280">
        <v>39</v>
      </c>
      <c r="AR20" s="280">
        <v>18</v>
      </c>
      <c r="AS20" s="277">
        <v>162</v>
      </c>
      <c r="AT20" s="282">
        <v>174</v>
      </c>
      <c r="AU20" s="276">
        <v>0</v>
      </c>
      <c r="AV20" s="280">
        <v>0</v>
      </c>
      <c r="AW20" s="277">
        <v>0</v>
      </c>
      <c r="AX20" s="279">
        <v>0</v>
      </c>
      <c r="AY20" s="280">
        <v>298</v>
      </c>
      <c r="AZ20" s="280">
        <v>396</v>
      </c>
      <c r="BA20" s="280">
        <v>132</v>
      </c>
      <c r="BB20" s="280">
        <v>97</v>
      </c>
      <c r="BC20" s="280">
        <v>59</v>
      </c>
      <c r="BD20" s="281">
        <v>982</v>
      </c>
      <c r="BE20" s="282">
        <v>982</v>
      </c>
      <c r="BF20" s="276">
        <v>0</v>
      </c>
      <c r="BG20" s="280">
        <v>0</v>
      </c>
      <c r="BH20" s="277">
        <v>0</v>
      </c>
      <c r="BI20" s="279">
        <v>0</v>
      </c>
      <c r="BJ20" s="280">
        <v>97</v>
      </c>
      <c r="BK20" s="280">
        <v>118</v>
      </c>
      <c r="BL20" s="280">
        <v>50</v>
      </c>
      <c r="BM20" s="280">
        <v>63</v>
      </c>
      <c r="BN20" s="280">
        <v>14</v>
      </c>
      <c r="BO20" s="277">
        <v>342</v>
      </c>
      <c r="BP20" s="282">
        <v>342</v>
      </c>
      <c r="BQ20" s="276">
        <v>0</v>
      </c>
      <c r="BR20" s="280">
        <v>0</v>
      </c>
      <c r="BS20" s="277">
        <v>0</v>
      </c>
      <c r="BT20" s="279">
        <v>0</v>
      </c>
      <c r="BU20" s="280">
        <v>14</v>
      </c>
      <c r="BV20" s="280">
        <v>95</v>
      </c>
      <c r="BW20" s="280">
        <v>70</v>
      </c>
      <c r="BX20" s="280">
        <v>163</v>
      </c>
      <c r="BY20" s="280">
        <v>69</v>
      </c>
      <c r="BZ20" s="277">
        <v>411</v>
      </c>
      <c r="CA20" s="282">
        <v>411</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77">
        <v>0</v>
      </c>
      <c r="E21" s="278">
        <v>0</v>
      </c>
      <c r="F21" s="279">
        <v>0</v>
      </c>
      <c r="G21" s="280">
        <v>47</v>
      </c>
      <c r="H21" s="280">
        <v>79</v>
      </c>
      <c r="I21" s="280">
        <v>288</v>
      </c>
      <c r="J21" s="280">
        <v>265</v>
      </c>
      <c r="K21" s="280">
        <v>133</v>
      </c>
      <c r="L21" s="281">
        <v>812</v>
      </c>
      <c r="M21" s="282">
        <v>812</v>
      </c>
      <c r="N21" s="276">
        <v>0</v>
      </c>
      <c r="O21" s="280">
        <v>0</v>
      </c>
      <c r="P21" s="277">
        <v>0</v>
      </c>
      <c r="Q21" s="279">
        <v>0</v>
      </c>
      <c r="R21" s="280">
        <v>2</v>
      </c>
      <c r="S21" s="280">
        <v>0</v>
      </c>
      <c r="T21" s="280">
        <v>8</v>
      </c>
      <c r="U21" s="280">
        <v>8</v>
      </c>
      <c r="V21" s="280">
        <v>18</v>
      </c>
      <c r="W21" s="277">
        <v>36</v>
      </c>
      <c r="X21" s="282">
        <v>36</v>
      </c>
      <c r="Y21" s="276">
        <v>13</v>
      </c>
      <c r="Z21" s="280">
        <v>24</v>
      </c>
      <c r="AA21" s="277">
        <v>37</v>
      </c>
      <c r="AB21" s="279">
        <v>0</v>
      </c>
      <c r="AC21" s="280">
        <v>97</v>
      </c>
      <c r="AD21" s="280">
        <v>59</v>
      </c>
      <c r="AE21" s="280">
        <v>44</v>
      </c>
      <c r="AF21" s="280">
        <v>107</v>
      </c>
      <c r="AG21" s="280">
        <v>44</v>
      </c>
      <c r="AH21" s="277">
        <v>351</v>
      </c>
      <c r="AI21" s="282">
        <v>388</v>
      </c>
      <c r="AJ21" s="276">
        <v>0</v>
      </c>
      <c r="AK21" s="280">
        <v>0</v>
      </c>
      <c r="AL21" s="277">
        <v>0</v>
      </c>
      <c r="AM21" s="279">
        <v>0</v>
      </c>
      <c r="AN21" s="280">
        <v>70</v>
      </c>
      <c r="AO21" s="280">
        <v>0</v>
      </c>
      <c r="AP21" s="280">
        <v>12</v>
      </c>
      <c r="AQ21" s="280">
        <v>24</v>
      </c>
      <c r="AR21" s="280">
        <v>0</v>
      </c>
      <c r="AS21" s="277">
        <v>106</v>
      </c>
      <c r="AT21" s="282">
        <v>106</v>
      </c>
      <c r="AU21" s="276">
        <v>0</v>
      </c>
      <c r="AV21" s="280">
        <v>0</v>
      </c>
      <c r="AW21" s="277">
        <v>0</v>
      </c>
      <c r="AX21" s="279">
        <v>0</v>
      </c>
      <c r="AY21" s="280">
        <v>99</v>
      </c>
      <c r="AZ21" s="280">
        <v>40</v>
      </c>
      <c r="BA21" s="280">
        <v>65</v>
      </c>
      <c r="BB21" s="280">
        <v>61</v>
      </c>
      <c r="BC21" s="280">
        <v>61</v>
      </c>
      <c r="BD21" s="281">
        <v>326</v>
      </c>
      <c r="BE21" s="282">
        <v>326</v>
      </c>
      <c r="BF21" s="276">
        <v>0</v>
      </c>
      <c r="BG21" s="280">
        <v>0</v>
      </c>
      <c r="BH21" s="277">
        <v>0</v>
      </c>
      <c r="BI21" s="279">
        <v>0</v>
      </c>
      <c r="BJ21" s="280">
        <v>49</v>
      </c>
      <c r="BK21" s="280">
        <v>9</v>
      </c>
      <c r="BL21" s="280">
        <v>23</v>
      </c>
      <c r="BM21" s="280">
        <v>35</v>
      </c>
      <c r="BN21" s="280">
        <v>13</v>
      </c>
      <c r="BO21" s="277">
        <v>129</v>
      </c>
      <c r="BP21" s="282">
        <v>129</v>
      </c>
      <c r="BQ21" s="276">
        <v>0</v>
      </c>
      <c r="BR21" s="280">
        <v>3</v>
      </c>
      <c r="BS21" s="277">
        <v>3</v>
      </c>
      <c r="BT21" s="279">
        <v>0</v>
      </c>
      <c r="BU21" s="280">
        <v>7</v>
      </c>
      <c r="BV21" s="280">
        <v>9</v>
      </c>
      <c r="BW21" s="280">
        <v>2</v>
      </c>
      <c r="BX21" s="280">
        <v>3</v>
      </c>
      <c r="BY21" s="280">
        <v>25</v>
      </c>
      <c r="BZ21" s="277">
        <v>46</v>
      </c>
      <c r="CA21" s="282">
        <v>49</v>
      </c>
      <c r="CB21" s="276">
        <v>0</v>
      </c>
      <c r="CC21" s="280">
        <v>0</v>
      </c>
      <c r="CD21" s="277">
        <v>0</v>
      </c>
      <c r="CE21" s="279">
        <v>0</v>
      </c>
      <c r="CF21" s="280">
        <v>0</v>
      </c>
      <c r="CG21" s="280">
        <v>0</v>
      </c>
      <c r="CH21" s="280">
        <v>11</v>
      </c>
      <c r="CI21" s="280">
        <v>0</v>
      </c>
      <c r="CJ21" s="280">
        <v>0</v>
      </c>
      <c r="CK21" s="277">
        <v>11</v>
      </c>
      <c r="CL21" s="282">
        <v>11</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77">
        <v>0</v>
      </c>
      <c r="E22" s="278">
        <v>0</v>
      </c>
      <c r="F22" s="279">
        <v>0</v>
      </c>
      <c r="G22" s="280">
        <v>172</v>
      </c>
      <c r="H22" s="280">
        <v>116</v>
      </c>
      <c r="I22" s="280">
        <v>196</v>
      </c>
      <c r="J22" s="280">
        <v>151</v>
      </c>
      <c r="K22" s="280">
        <v>139</v>
      </c>
      <c r="L22" s="281">
        <v>774</v>
      </c>
      <c r="M22" s="282">
        <v>774</v>
      </c>
      <c r="N22" s="276">
        <v>0</v>
      </c>
      <c r="O22" s="280">
        <v>0</v>
      </c>
      <c r="P22" s="277">
        <v>0</v>
      </c>
      <c r="Q22" s="279">
        <v>0</v>
      </c>
      <c r="R22" s="280">
        <v>0</v>
      </c>
      <c r="S22" s="280">
        <v>4</v>
      </c>
      <c r="T22" s="280">
        <v>8</v>
      </c>
      <c r="U22" s="280">
        <v>9</v>
      </c>
      <c r="V22" s="280">
        <v>12</v>
      </c>
      <c r="W22" s="277">
        <v>33</v>
      </c>
      <c r="X22" s="282">
        <v>33</v>
      </c>
      <c r="Y22" s="276">
        <v>6</v>
      </c>
      <c r="Z22" s="280">
        <v>107</v>
      </c>
      <c r="AA22" s="277">
        <v>113</v>
      </c>
      <c r="AB22" s="279">
        <v>0</v>
      </c>
      <c r="AC22" s="280">
        <v>136</v>
      </c>
      <c r="AD22" s="280">
        <v>108</v>
      </c>
      <c r="AE22" s="280">
        <v>136</v>
      </c>
      <c r="AF22" s="280">
        <v>24</v>
      </c>
      <c r="AG22" s="280">
        <v>30</v>
      </c>
      <c r="AH22" s="277">
        <v>434</v>
      </c>
      <c r="AI22" s="282">
        <v>547</v>
      </c>
      <c r="AJ22" s="276">
        <v>0</v>
      </c>
      <c r="AK22" s="280">
        <v>24</v>
      </c>
      <c r="AL22" s="277">
        <v>24</v>
      </c>
      <c r="AM22" s="279">
        <v>0</v>
      </c>
      <c r="AN22" s="280">
        <v>67</v>
      </c>
      <c r="AO22" s="280">
        <v>13</v>
      </c>
      <c r="AP22" s="280">
        <v>37</v>
      </c>
      <c r="AQ22" s="280">
        <v>16</v>
      </c>
      <c r="AR22" s="280">
        <v>8</v>
      </c>
      <c r="AS22" s="277">
        <v>141</v>
      </c>
      <c r="AT22" s="282">
        <v>165</v>
      </c>
      <c r="AU22" s="276">
        <v>0</v>
      </c>
      <c r="AV22" s="280">
        <v>0</v>
      </c>
      <c r="AW22" s="277">
        <v>0</v>
      </c>
      <c r="AX22" s="279">
        <v>0</v>
      </c>
      <c r="AY22" s="280">
        <v>80</v>
      </c>
      <c r="AZ22" s="280">
        <v>88</v>
      </c>
      <c r="BA22" s="280">
        <v>111</v>
      </c>
      <c r="BB22" s="280">
        <v>40</v>
      </c>
      <c r="BC22" s="280">
        <v>25</v>
      </c>
      <c r="BD22" s="281">
        <v>344</v>
      </c>
      <c r="BE22" s="282">
        <v>344</v>
      </c>
      <c r="BF22" s="276">
        <v>0</v>
      </c>
      <c r="BG22" s="280">
        <v>0</v>
      </c>
      <c r="BH22" s="277">
        <v>0</v>
      </c>
      <c r="BI22" s="279">
        <v>0</v>
      </c>
      <c r="BJ22" s="280">
        <v>85</v>
      </c>
      <c r="BK22" s="280">
        <v>91</v>
      </c>
      <c r="BL22" s="280">
        <v>28</v>
      </c>
      <c r="BM22" s="280">
        <v>17</v>
      </c>
      <c r="BN22" s="280">
        <v>20</v>
      </c>
      <c r="BO22" s="277">
        <v>241</v>
      </c>
      <c r="BP22" s="282">
        <v>241</v>
      </c>
      <c r="BQ22" s="276">
        <v>0</v>
      </c>
      <c r="BR22" s="280">
        <v>0</v>
      </c>
      <c r="BS22" s="277">
        <v>0</v>
      </c>
      <c r="BT22" s="279">
        <v>0</v>
      </c>
      <c r="BU22" s="280">
        <v>39</v>
      </c>
      <c r="BV22" s="280">
        <v>22</v>
      </c>
      <c r="BW22" s="280">
        <v>51</v>
      </c>
      <c r="BX22" s="280">
        <v>70</v>
      </c>
      <c r="BY22" s="280">
        <v>0</v>
      </c>
      <c r="BZ22" s="277">
        <v>182</v>
      </c>
      <c r="CA22" s="282">
        <v>182</v>
      </c>
      <c r="CB22" s="276">
        <v>0</v>
      </c>
      <c r="CC22" s="280">
        <v>0</v>
      </c>
      <c r="CD22" s="277">
        <v>0</v>
      </c>
      <c r="CE22" s="279">
        <v>0</v>
      </c>
      <c r="CF22" s="280">
        <v>0</v>
      </c>
      <c r="CG22" s="280">
        <v>0</v>
      </c>
      <c r="CH22" s="280">
        <v>5</v>
      </c>
      <c r="CI22" s="280">
        <v>0</v>
      </c>
      <c r="CJ22" s="280">
        <v>0</v>
      </c>
      <c r="CK22" s="277">
        <v>5</v>
      </c>
      <c r="CL22" s="282">
        <v>5</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77">
        <v>0</v>
      </c>
      <c r="E23" s="278">
        <v>0</v>
      </c>
      <c r="F23" s="279">
        <v>0</v>
      </c>
      <c r="G23" s="280">
        <v>133</v>
      </c>
      <c r="H23" s="280">
        <v>166</v>
      </c>
      <c r="I23" s="280">
        <v>219</v>
      </c>
      <c r="J23" s="280">
        <v>374</v>
      </c>
      <c r="K23" s="280">
        <v>163</v>
      </c>
      <c r="L23" s="281">
        <v>1055</v>
      </c>
      <c r="M23" s="282">
        <v>1055</v>
      </c>
      <c r="N23" s="276">
        <v>0</v>
      </c>
      <c r="O23" s="280">
        <v>0</v>
      </c>
      <c r="P23" s="277">
        <v>0</v>
      </c>
      <c r="Q23" s="279">
        <v>0</v>
      </c>
      <c r="R23" s="280">
        <v>0</v>
      </c>
      <c r="S23" s="280">
        <v>1</v>
      </c>
      <c r="T23" s="280">
        <v>12</v>
      </c>
      <c r="U23" s="280">
        <v>12</v>
      </c>
      <c r="V23" s="280">
        <v>22</v>
      </c>
      <c r="W23" s="277">
        <v>47</v>
      </c>
      <c r="X23" s="282">
        <v>47</v>
      </c>
      <c r="Y23" s="276">
        <v>52</v>
      </c>
      <c r="Z23" s="280">
        <v>0</v>
      </c>
      <c r="AA23" s="277">
        <v>52</v>
      </c>
      <c r="AB23" s="279">
        <v>0</v>
      </c>
      <c r="AC23" s="280">
        <v>116</v>
      </c>
      <c r="AD23" s="280">
        <v>142</v>
      </c>
      <c r="AE23" s="280">
        <v>75</v>
      </c>
      <c r="AF23" s="280">
        <v>76</v>
      </c>
      <c r="AG23" s="280">
        <v>56</v>
      </c>
      <c r="AH23" s="277">
        <v>465</v>
      </c>
      <c r="AI23" s="282">
        <v>517</v>
      </c>
      <c r="AJ23" s="276">
        <v>8</v>
      </c>
      <c r="AK23" s="280">
        <v>0</v>
      </c>
      <c r="AL23" s="277">
        <v>8</v>
      </c>
      <c r="AM23" s="279">
        <v>0</v>
      </c>
      <c r="AN23" s="280">
        <v>0</v>
      </c>
      <c r="AO23" s="280">
        <v>8</v>
      </c>
      <c r="AP23" s="280">
        <v>8</v>
      </c>
      <c r="AQ23" s="280">
        <v>16</v>
      </c>
      <c r="AR23" s="280">
        <v>9</v>
      </c>
      <c r="AS23" s="277">
        <v>41</v>
      </c>
      <c r="AT23" s="282">
        <v>49</v>
      </c>
      <c r="AU23" s="276">
        <v>0</v>
      </c>
      <c r="AV23" s="280">
        <v>0</v>
      </c>
      <c r="AW23" s="277">
        <v>0</v>
      </c>
      <c r="AX23" s="279">
        <v>0</v>
      </c>
      <c r="AY23" s="280">
        <v>165</v>
      </c>
      <c r="AZ23" s="280">
        <v>107</v>
      </c>
      <c r="BA23" s="280">
        <v>38</v>
      </c>
      <c r="BB23" s="280">
        <v>39</v>
      </c>
      <c r="BC23" s="280">
        <v>22</v>
      </c>
      <c r="BD23" s="281">
        <v>371</v>
      </c>
      <c r="BE23" s="282">
        <v>371</v>
      </c>
      <c r="BF23" s="276">
        <v>0</v>
      </c>
      <c r="BG23" s="280">
        <v>0</v>
      </c>
      <c r="BH23" s="277">
        <v>0</v>
      </c>
      <c r="BI23" s="279">
        <v>0</v>
      </c>
      <c r="BJ23" s="280">
        <v>4</v>
      </c>
      <c r="BK23" s="280">
        <v>23</v>
      </c>
      <c r="BL23" s="280">
        <v>24</v>
      </c>
      <c r="BM23" s="280">
        <v>0</v>
      </c>
      <c r="BN23" s="280">
        <v>17</v>
      </c>
      <c r="BO23" s="277">
        <v>68</v>
      </c>
      <c r="BP23" s="282">
        <v>68</v>
      </c>
      <c r="BQ23" s="276">
        <v>4</v>
      </c>
      <c r="BR23" s="280">
        <v>0</v>
      </c>
      <c r="BS23" s="277">
        <v>4</v>
      </c>
      <c r="BT23" s="279">
        <v>0</v>
      </c>
      <c r="BU23" s="280">
        <v>16</v>
      </c>
      <c r="BV23" s="280">
        <v>27</v>
      </c>
      <c r="BW23" s="280">
        <v>76</v>
      </c>
      <c r="BX23" s="280">
        <v>9</v>
      </c>
      <c r="BY23" s="280">
        <v>31</v>
      </c>
      <c r="BZ23" s="277">
        <v>159</v>
      </c>
      <c r="CA23" s="282">
        <v>163</v>
      </c>
      <c r="CB23" s="276">
        <v>0</v>
      </c>
      <c r="CC23" s="280">
        <v>0</v>
      </c>
      <c r="CD23" s="277">
        <v>0</v>
      </c>
      <c r="CE23" s="279">
        <v>0</v>
      </c>
      <c r="CF23" s="280">
        <v>0</v>
      </c>
      <c r="CG23" s="280">
        <v>15</v>
      </c>
      <c r="CH23" s="280">
        <v>0</v>
      </c>
      <c r="CI23" s="280">
        <v>0</v>
      </c>
      <c r="CJ23" s="280">
        <v>8</v>
      </c>
      <c r="CK23" s="277">
        <v>23</v>
      </c>
      <c r="CL23" s="282">
        <v>23</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77">
        <v>0</v>
      </c>
      <c r="E24" s="278">
        <v>0</v>
      </c>
      <c r="F24" s="279">
        <v>0</v>
      </c>
      <c r="G24" s="280">
        <v>47</v>
      </c>
      <c r="H24" s="280">
        <v>11</v>
      </c>
      <c r="I24" s="280">
        <v>8</v>
      </c>
      <c r="J24" s="280">
        <v>2</v>
      </c>
      <c r="K24" s="280">
        <v>192</v>
      </c>
      <c r="L24" s="281">
        <v>260</v>
      </c>
      <c r="M24" s="282">
        <v>260</v>
      </c>
      <c r="N24" s="276">
        <v>0</v>
      </c>
      <c r="O24" s="280">
        <v>0</v>
      </c>
      <c r="P24" s="277">
        <v>0</v>
      </c>
      <c r="Q24" s="279">
        <v>0</v>
      </c>
      <c r="R24" s="280">
        <v>0</v>
      </c>
      <c r="S24" s="280">
        <v>0</v>
      </c>
      <c r="T24" s="280">
        <v>0</v>
      </c>
      <c r="U24" s="280">
        <v>0</v>
      </c>
      <c r="V24" s="280">
        <v>38</v>
      </c>
      <c r="W24" s="277">
        <v>38</v>
      </c>
      <c r="X24" s="282">
        <v>38</v>
      </c>
      <c r="Y24" s="276">
        <v>3</v>
      </c>
      <c r="Z24" s="280">
        <v>4</v>
      </c>
      <c r="AA24" s="277">
        <v>7</v>
      </c>
      <c r="AB24" s="279">
        <v>0</v>
      </c>
      <c r="AC24" s="280">
        <v>37</v>
      </c>
      <c r="AD24" s="280">
        <v>26</v>
      </c>
      <c r="AE24" s="280">
        <v>1</v>
      </c>
      <c r="AF24" s="280">
        <v>20</v>
      </c>
      <c r="AG24" s="280">
        <v>74</v>
      </c>
      <c r="AH24" s="277">
        <v>158</v>
      </c>
      <c r="AI24" s="282">
        <v>165</v>
      </c>
      <c r="AJ24" s="276">
        <v>0</v>
      </c>
      <c r="AK24" s="280">
        <v>0</v>
      </c>
      <c r="AL24" s="277">
        <v>0</v>
      </c>
      <c r="AM24" s="279">
        <v>0</v>
      </c>
      <c r="AN24" s="280">
        <v>39</v>
      </c>
      <c r="AO24" s="280">
        <v>27</v>
      </c>
      <c r="AP24" s="280">
        <v>0</v>
      </c>
      <c r="AQ24" s="280">
        <v>32</v>
      </c>
      <c r="AR24" s="280">
        <v>0</v>
      </c>
      <c r="AS24" s="277">
        <v>98</v>
      </c>
      <c r="AT24" s="282">
        <v>98</v>
      </c>
      <c r="AU24" s="276">
        <v>0</v>
      </c>
      <c r="AV24" s="280">
        <v>0</v>
      </c>
      <c r="AW24" s="277">
        <v>0</v>
      </c>
      <c r="AX24" s="279">
        <v>0</v>
      </c>
      <c r="AY24" s="280">
        <v>111</v>
      </c>
      <c r="AZ24" s="280">
        <v>22</v>
      </c>
      <c r="BA24" s="280">
        <v>25</v>
      </c>
      <c r="BB24" s="280">
        <v>37</v>
      </c>
      <c r="BC24" s="280">
        <v>22</v>
      </c>
      <c r="BD24" s="281">
        <v>217</v>
      </c>
      <c r="BE24" s="282">
        <v>217</v>
      </c>
      <c r="BF24" s="276">
        <v>0</v>
      </c>
      <c r="BG24" s="280">
        <v>0</v>
      </c>
      <c r="BH24" s="277">
        <v>0</v>
      </c>
      <c r="BI24" s="279">
        <v>0</v>
      </c>
      <c r="BJ24" s="280">
        <v>8</v>
      </c>
      <c r="BK24" s="280">
        <v>0</v>
      </c>
      <c r="BL24" s="280">
        <v>0</v>
      </c>
      <c r="BM24" s="280">
        <v>9</v>
      </c>
      <c r="BN24" s="280">
        <v>0</v>
      </c>
      <c r="BO24" s="277">
        <v>17</v>
      </c>
      <c r="BP24" s="282">
        <v>17</v>
      </c>
      <c r="BQ24" s="276">
        <v>0</v>
      </c>
      <c r="BR24" s="280">
        <v>0</v>
      </c>
      <c r="BS24" s="277">
        <v>0</v>
      </c>
      <c r="BT24" s="279">
        <v>0</v>
      </c>
      <c r="BU24" s="280">
        <v>8</v>
      </c>
      <c r="BV24" s="280">
        <v>14</v>
      </c>
      <c r="BW24" s="280">
        <v>13</v>
      </c>
      <c r="BX24" s="280">
        <v>9</v>
      </c>
      <c r="BY24" s="280">
        <v>0</v>
      </c>
      <c r="BZ24" s="277">
        <v>44</v>
      </c>
      <c r="CA24" s="282">
        <v>44</v>
      </c>
      <c r="CB24" s="276">
        <v>30</v>
      </c>
      <c r="CC24" s="280">
        <v>0</v>
      </c>
      <c r="CD24" s="277">
        <v>30</v>
      </c>
      <c r="CE24" s="279">
        <v>0</v>
      </c>
      <c r="CF24" s="280">
        <v>0</v>
      </c>
      <c r="CG24" s="280">
        <v>0</v>
      </c>
      <c r="CH24" s="280">
        <v>0</v>
      </c>
      <c r="CI24" s="280">
        <v>0</v>
      </c>
      <c r="CJ24" s="280">
        <v>0</v>
      </c>
      <c r="CK24" s="277">
        <v>0</v>
      </c>
      <c r="CL24" s="282">
        <v>30</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77">
        <v>0</v>
      </c>
      <c r="E25" s="278">
        <v>0</v>
      </c>
      <c r="F25" s="279">
        <v>0</v>
      </c>
      <c r="G25" s="280">
        <v>11</v>
      </c>
      <c r="H25" s="280">
        <v>141</v>
      </c>
      <c r="I25" s="280">
        <v>298</v>
      </c>
      <c r="J25" s="280">
        <v>10</v>
      </c>
      <c r="K25" s="280">
        <v>0</v>
      </c>
      <c r="L25" s="281">
        <v>460</v>
      </c>
      <c r="M25" s="282">
        <v>460</v>
      </c>
      <c r="N25" s="276">
        <v>0</v>
      </c>
      <c r="O25" s="280">
        <v>0</v>
      </c>
      <c r="P25" s="277">
        <v>0</v>
      </c>
      <c r="Q25" s="279">
        <v>0</v>
      </c>
      <c r="R25" s="280">
        <v>4</v>
      </c>
      <c r="S25" s="280">
        <v>0</v>
      </c>
      <c r="T25" s="280">
        <v>9</v>
      </c>
      <c r="U25" s="280">
        <v>0</v>
      </c>
      <c r="V25" s="280">
        <v>0</v>
      </c>
      <c r="W25" s="277">
        <v>13</v>
      </c>
      <c r="X25" s="282">
        <v>13</v>
      </c>
      <c r="Y25" s="276">
        <v>35</v>
      </c>
      <c r="Z25" s="280">
        <v>9</v>
      </c>
      <c r="AA25" s="277">
        <v>44</v>
      </c>
      <c r="AB25" s="279">
        <v>0</v>
      </c>
      <c r="AC25" s="280">
        <v>59</v>
      </c>
      <c r="AD25" s="280">
        <v>64</v>
      </c>
      <c r="AE25" s="280">
        <v>66</v>
      </c>
      <c r="AF25" s="280">
        <v>21</v>
      </c>
      <c r="AG25" s="280">
        <v>0</v>
      </c>
      <c r="AH25" s="277">
        <v>210</v>
      </c>
      <c r="AI25" s="282">
        <v>254</v>
      </c>
      <c r="AJ25" s="276">
        <v>0</v>
      </c>
      <c r="AK25" s="280">
        <v>12</v>
      </c>
      <c r="AL25" s="277">
        <v>12</v>
      </c>
      <c r="AM25" s="279">
        <v>0</v>
      </c>
      <c r="AN25" s="280">
        <v>0</v>
      </c>
      <c r="AO25" s="280">
        <v>64</v>
      </c>
      <c r="AP25" s="280">
        <v>6</v>
      </c>
      <c r="AQ25" s="280">
        <v>0</v>
      </c>
      <c r="AR25" s="280">
        <v>0</v>
      </c>
      <c r="AS25" s="277">
        <v>70</v>
      </c>
      <c r="AT25" s="282">
        <v>82</v>
      </c>
      <c r="AU25" s="276">
        <v>0</v>
      </c>
      <c r="AV25" s="280">
        <v>0</v>
      </c>
      <c r="AW25" s="277">
        <v>0</v>
      </c>
      <c r="AX25" s="279">
        <v>0</v>
      </c>
      <c r="AY25" s="280">
        <v>60</v>
      </c>
      <c r="AZ25" s="280">
        <v>140</v>
      </c>
      <c r="BA25" s="280">
        <v>29</v>
      </c>
      <c r="BB25" s="280">
        <v>42</v>
      </c>
      <c r="BC25" s="280">
        <v>0</v>
      </c>
      <c r="BD25" s="281">
        <v>271</v>
      </c>
      <c r="BE25" s="282">
        <v>271</v>
      </c>
      <c r="BF25" s="276">
        <v>0</v>
      </c>
      <c r="BG25" s="280">
        <v>0</v>
      </c>
      <c r="BH25" s="277">
        <v>0</v>
      </c>
      <c r="BI25" s="279">
        <v>0</v>
      </c>
      <c r="BJ25" s="280">
        <v>16</v>
      </c>
      <c r="BK25" s="280">
        <v>16</v>
      </c>
      <c r="BL25" s="280">
        <v>64</v>
      </c>
      <c r="BM25" s="280">
        <v>23</v>
      </c>
      <c r="BN25" s="280">
        <v>0</v>
      </c>
      <c r="BO25" s="277">
        <v>119</v>
      </c>
      <c r="BP25" s="282">
        <v>119</v>
      </c>
      <c r="BQ25" s="276">
        <v>0</v>
      </c>
      <c r="BR25" s="280">
        <v>0</v>
      </c>
      <c r="BS25" s="277">
        <v>0</v>
      </c>
      <c r="BT25" s="279">
        <v>0</v>
      </c>
      <c r="BU25" s="280">
        <v>17</v>
      </c>
      <c r="BV25" s="280">
        <v>37</v>
      </c>
      <c r="BW25" s="280">
        <v>26</v>
      </c>
      <c r="BX25" s="280">
        <v>34</v>
      </c>
      <c r="BY25" s="280">
        <v>0</v>
      </c>
      <c r="BZ25" s="277">
        <v>114</v>
      </c>
      <c r="CA25" s="282">
        <v>114</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77">
        <v>0</v>
      </c>
      <c r="E26" s="278">
        <v>0</v>
      </c>
      <c r="F26" s="279">
        <v>0</v>
      </c>
      <c r="G26" s="280">
        <v>72</v>
      </c>
      <c r="H26" s="280">
        <v>49</v>
      </c>
      <c r="I26" s="280">
        <v>52</v>
      </c>
      <c r="J26" s="280">
        <v>226</v>
      </c>
      <c r="K26" s="280">
        <v>234</v>
      </c>
      <c r="L26" s="281">
        <v>633</v>
      </c>
      <c r="M26" s="282">
        <v>633</v>
      </c>
      <c r="N26" s="276">
        <v>0</v>
      </c>
      <c r="O26" s="280">
        <v>0</v>
      </c>
      <c r="P26" s="277">
        <v>0</v>
      </c>
      <c r="Q26" s="279">
        <v>0</v>
      </c>
      <c r="R26" s="280">
        <v>0</v>
      </c>
      <c r="S26" s="280">
        <v>0</v>
      </c>
      <c r="T26" s="280">
        <v>0</v>
      </c>
      <c r="U26" s="280">
        <v>0</v>
      </c>
      <c r="V26" s="280">
        <v>8</v>
      </c>
      <c r="W26" s="277">
        <v>8</v>
      </c>
      <c r="X26" s="282">
        <v>8</v>
      </c>
      <c r="Y26" s="276">
        <v>2</v>
      </c>
      <c r="Z26" s="280">
        <v>7</v>
      </c>
      <c r="AA26" s="277">
        <v>9</v>
      </c>
      <c r="AB26" s="279">
        <v>0</v>
      </c>
      <c r="AC26" s="280">
        <v>44</v>
      </c>
      <c r="AD26" s="280">
        <v>11</v>
      </c>
      <c r="AE26" s="280">
        <v>67</v>
      </c>
      <c r="AF26" s="280">
        <v>34</v>
      </c>
      <c r="AG26" s="280">
        <v>35</v>
      </c>
      <c r="AH26" s="277">
        <v>191</v>
      </c>
      <c r="AI26" s="282">
        <v>200</v>
      </c>
      <c r="AJ26" s="276">
        <v>0</v>
      </c>
      <c r="AK26" s="280">
        <v>0</v>
      </c>
      <c r="AL26" s="277">
        <v>0</v>
      </c>
      <c r="AM26" s="279">
        <v>0</v>
      </c>
      <c r="AN26" s="280">
        <v>0</v>
      </c>
      <c r="AO26" s="280">
        <v>0</v>
      </c>
      <c r="AP26" s="280">
        <v>0</v>
      </c>
      <c r="AQ26" s="280">
        <v>0</v>
      </c>
      <c r="AR26" s="280">
        <v>12</v>
      </c>
      <c r="AS26" s="277">
        <v>12</v>
      </c>
      <c r="AT26" s="282">
        <v>12</v>
      </c>
      <c r="AU26" s="276">
        <v>0</v>
      </c>
      <c r="AV26" s="280">
        <v>0</v>
      </c>
      <c r="AW26" s="277">
        <v>0</v>
      </c>
      <c r="AX26" s="279">
        <v>0</v>
      </c>
      <c r="AY26" s="280">
        <v>48</v>
      </c>
      <c r="AZ26" s="280">
        <v>63</v>
      </c>
      <c r="BA26" s="280">
        <v>23</v>
      </c>
      <c r="BB26" s="280">
        <v>8</v>
      </c>
      <c r="BC26" s="280">
        <v>8</v>
      </c>
      <c r="BD26" s="281">
        <v>150</v>
      </c>
      <c r="BE26" s="282">
        <v>150</v>
      </c>
      <c r="BF26" s="276">
        <v>0</v>
      </c>
      <c r="BG26" s="280">
        <v>0</v>
      </c>
      <c r="BH26" s="277">
        <v>0</v>
      </c>
      <c r="BI26" s="279">
        <v>0</v>
      </c>
      <c r="BJ26" s="280">
        <v>38</v>
      </c>
      <c r="BK26" s="280">
        <v>38</v>
      </c>
      <c r="BL26" s="280">
        <v>9</v>
      </c>
      <c r="BM26" s="280">
        <v>8</v>
      </c>
      <c r="BN26" s="280">
        <v>14</v>
      </c>
      <c r="BO26" s="277">
        <v>107</v>
      </c>
      <c r="BP26" s="282">
        <v>107</v>
      </c>
      <c r="BQ26" s="276">
        <v>0</v>
      </c>
      <c r="BR26" s="280">
        <v>0</v>
      </c>
      <c r="BS26" s="277">
        <v>0</v>
      </c>
      <c r="BT26" s="279">
        <v>0</v>
      </c>
      <c r="BU26" s="280">
        <v>0</v>
      </c>
      <c r="BV26" s="280">
        <v>8</v>
      </c>
      <c r="BW26" s="280">
        <v>0</v>
      </c>
      <c r="BX26" s="280">
        <v>3</v>
      </c>
      <c r="BY26" s="280">
        <v>9</v>
      </c>
      <c r="BZ26" s="277">
        <v>20</v>
      </c>
      <c r="CA26" s="282">
        <v>20</v>
      </c>
      <c r="CB26" s="276">
        <v>0</v>
      </c>
      <c r="CC26" s="280">
        <v>0</v>
      </c>
      <c r="CD26" s="277">
        <v>0</v>
      </c>
      <c r="CE26" s="279">
        <v>0</v>
      </c>
      <c r="CF26" s="280">
        <v>0</v>
      </c>
      <c r="CG26" s="280">
        <v>0</v>
      </c>
      <c r="CH26" s="280">
        <v>0</v>
      </c>
      <c r="CI26" s="280">
        <v>0</v>
      </c>
      <c r="CJ26" s="280">
        <v>10</v>
      </c>
      <c r="CK26" s="277">
        <v>10</v>
      </c>
      <c r="CL26" s="282">
        <v>10</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77">
        <v>0</v>
      </c>
      <c r="E27" s="278">
        <v>0</v>
      </c>
      <c r="F27" s="279">
        <v>0</v>
      </c>
      <c r="G27" s="280">
        <v>35</v>
      </c>
      <c r="H27" s="280">
        <v>37</v>
      </c>
      <c r="I27" s="280">
        <v>21</v>
      </c>
      <c r="J27" s="280">
        <v>5</v>
      </c>
      <c r="K27" s="280">
        <v>9</v>
      </c>
      <c r="L27" s="281">
        <v>107</v>
      </c>
      <c r="M27" s="282">
        <v>107</v>
      </c>
      <c r="N27" s="276">
        <v>0</v>
      </c>
      <c r="O27" s="280">
        <v>0</v>
      </c>
      <c r="P27" s="277">
        <v>0</v>
      </c>
      <c r="Q27" s="279">
        <v>0</v>
      </c>
      <c r="R27" s="280">
        <v>0</v>
      </c>
      <c r="S27" s="280">
        <v>0</v>
      </c>
      <c r="T27" s="280">
        <v>0</v>
      </c>
      <c r="U27" s="280">
        <v>13</v>
      </c>
      <c r="V27" s="280">
        <v>24</v>
      </c>
      <c r="W27" s="277">
        <v>37</v>
      </c>
      <c r="X27" s="282">
        <v>37</v>
      </c>
      <c r="Y27" s="276">
        <v>4</v>
      </c>
      <c r="Z27" s="280">
        <v>20</v>
      </c>
      <c r="AA27" s="277">
        <v>24</v>
      </c>
      <c r="AB27" s="279">
        <v>0</v>
      </c>
      <c r="AC27" s="280">
        <v>27</v>
      </c>
      <c r="AD27" s="280">
        <v>17</v>
      </c>
      <c r="AE27" s="280">
        <v>14</v>
      </c>
      <c r="AF27" s="280">
        <v>4</v>
      </c>
      <c r="AG27" s="280">
        <v>34</v>
      </c>
      <c r="AH27" s="277">
        <v>96</v>
      </c>
      <c r="AI27" s="282">
        <v>120</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63</v>
      </c>
      <c r="AZ27" s="280">
        <v>64</v>
      </c>
      <c r="BA27" s="280">
        <v>39</v>
      </c>
      <c r="BB27" s="280">
        <v>3</v>
      </c>
      <c r="BC27" s="280">
        <v>0</v>
      </c>
      <c r="BD27" s="281">
        <v>169</v>
      </c>
      <c r="BE27" s="282">
        <v>169</v>
      </c>
      <c r="BF27" s="276">
        <v>0</v>
      </c>
      <c r="BG27" s="280">
        <v>0</v>
      </c>
      <c r="BH27" s="277">
        <v>0</v>
      </c>
      <c r="BI27" s="279">
        <v>0</v>
      </c>
      <c r="BJ27" s="280">
        <v>19</v>
      </c>
      <c r="BK27" s="280">
        <v>45</v>
      </c>
      <c r="BL27" s="280">
        <v>8</v>
      </c>
      <c r="BM27" s="280">
        <v>0</v>
      </c>
      <c r="BN27" s="280">
        <v>22</v>
      </c>
      <c r="BO27" s="277">
        <v>94</v>
      </c>
      <c r="BP27" s="282">
        <v>94</v>
      </c>
      <c r="BQ27" s="276">
        <v>0</v>
      </c>
      <c r="BR27" s="280">
        <v>0</v>
      </c>
      <c r="BS27" s="277">
        <v>0</v>
      </c>
      <c r="BT27" s="279">
        <v>0</v>
      </c>
      <c r="BU27" s="280">
        <v>0</v>
      </c>
      <c r="BV27" s="280">
        <v>19</v>
      </c>
      <c r="BW27" s="280">
        <v>14</v>
      </c>
      <c r="BX27" s="280">
        <v>0</v>
      </c>
      <c r="BY27" s="280">
        <v>0</v>
      </c>
      <c r="BZ27" s="277">
        <v>33</v>
      </c>
      <c r="CA27" s="282">
        <v>33</v>
      </c>
      <c r="CB27" s="276">
        <v>0</v>
      </c>
      <c r="CC27" s="280">
        <v>0</v>
      </c>
      <c r="CD27" s="277">
        <v>0</v>
      </c>
      <c r="CE27" s="279">
        <v>0</v>
      </c>
      <c r="CF27" s="280">
        <v>3</v>
      </c>
      <c r="CG27" s="280">
        <v>0</v>
      </c>
      <c r="CH27" s="280">
        <v>1</v>
      </c>
      <c r="CI27" s="280">
        <v>0</v>
      </c>
      <c r="CJ27" s="280">
        <v>0</v>
      </c>
      <c r="CK27" s="277">
        <v>4</v>
      </c>
      <c r="CL27" s="282">
        <v>4</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77">
        <v>0</v>
      </c>
      <c r="E28" s="278">
        <v>0</v>
      </c>
      <c r="F28" s="279">
        <v>0</v>
      </c>
      <c r="G28" s="280">
        <v>20</v>
      </c>
      <c r="H28" s="280">
        <v>9</v>
      </c>
      <c r="I28" s="280">
        <v>79</v>
      </c>
      <c r="J28" s="280">
        <v>161</v>
      </c>
      <c r="K28" s="280">
        <v>113</v>
      </c>
      <c r="L28" s="281">
        <v>382</v>
      </c>
      <c r="M28" s="282">
        <v>382</v>
      </c>
      <c r="N28" s="276">
        <v>0</v>
      </c>
      <c r="O28" s="280">
        <v>0</v>
      </c>
      <c r="P28" s="277">
        <v>0</v>
      </c>
      <c r="Q28" s="279">
        <v>0</v>
      </c>
      <c r="R28" s="280">
        <v>0</v>
      </c>
      <c r="S28" s="280">
        <v>0</v>
      </c>
      <c r="T28" s="280">
        <v>9</v>
      </c>
      <c r="U28" s="280">
        <v>0</v>
      </c>
      <c r="V28" s="280">
        <v>7</v>
      </c>
      <c r="W28" s="277">
        <v>16</v>
      </c>
      <c r="X28" s="282">
        <v>16</v>
      </c>
      <c r="Y28" s="276">
        <v>0</v>
      </c>
      <c r="Z28" s="280">
        <v>9</v>
      </c>
      <c r="AA28" s="277">
        <v>9</v>
      </c>
      <c r="AB28" s="279">
        <v>0</v>
      </c>
      <c r="AC28" s="280">
        <v>36</v>
      </c>
      <c r="AD28" s="280">
        <v>50</v>
      </c>
      <c r="AE28" s="280">
        <v>19</v>
      </c>
      <c r="AF28" s="280">
        <v>43</v>
      </c>
      <c r="AG28" s="280">
        <v>31</v>
      </c>
      <c r="AH28" s="277">
        <v>179</v>
      </c>
      <c r="AI28" s="282">
        <v>188</v>
      </c>
      <c r="AJ28" s="276">
        <v>0</v>
      </c>
      <c r="AK28" s="280">
        <v>0</v>
      </c>
      <c r="AL28" s="277">
        <v>0</v>
      </c>
      <c r="AM28" s="279">
        <v>0</v>
      </c>
      <c r="AN28" s="280">
        <v>0</v>
      </c>
      <c r="AO28" s="280">
        <v>27</v>
      </c>
      <c r="AP28" s="280">
        <v>27</v>
      </c>
      <c r="AQ28" s="280">
        <v>0</v>
      </c>
      <c r="AR28" s="280">
        <v>0</v>
      </c>
      <c r="AS28" s="277">
        <v>54</v>
      </c>
      <c r="AT28" s="282">
        <v>54</v>
      </c>
      <c r="AU28" s="276">
        <v>0</v>
      </c>
      <c r="AV28" s="280">
        <v>0</v>
      </c>
      <c r="AW28" s="277">
        <v>0</v>
      </c>
      <c r="AX28" s="279">
        <v>0</v>
      </c>
      <c r="AY28" s="280">
        <v>52</v>
      </c>
      <c r="AZ28" s="280">
        <v>27</v>
      </c>
      <c r="BA28" s="280">
        <v>14</v>
      </c>
      <c r="BB28" s="280">
        <v>8</v>
      </c>
      <c r="BC28" s="280">
        <v>0</v>
      </c>
      <c r="BD28" s="281">
        <v>101</v>
      </c>
      <c r="BE28" s="282">
        <v>101</v>
      </c>
      <c r="BF28" s="276">
        <v>0</v>
      </c>
      <c r="BG28" s="280">
        <v>0</v>
      </c>
      <c r="BH28" s="277">
        <v>0</v>
      </c>
      <c r="BI28" s="279">
        <v>0</v>
      </c>
      <c r="BJ28" s="280">
        <v>20</v>
      </c>
      <c r="BK28" s="280">
        <v>33</v>
      </c>
      <c r="BL28" s="280">
        <v>7</v>
      </c>
      <c r="BM28" s="280">
        <v>0</v>
      </c>
      <c r="BN28" s="280">
        <v>0</v>
      </c>
      <c r="BO28" s="277">
        <v>60</v>
      </c>
      <c r="BP28" s="282">
        <v>60</v>
      </c>
      <c r="BQ28" s="276">
        <v>0</v>
      </c>
      <c r="BR28" s="280">
        <v>0</v>
      </c>
      <c r="BS28" s="277">
        <v>0</v>
      </c>
      <c r="BT28" s="279">
        <v>0</v>
      </c>
      <c r="BU28" s="280">
        <v>5</v>
      </c>
      <c r="BV28" s="280">
        <v>0</v>
      </c>
      <c r="BW28" s="280">
        <v>15</v>
      </c>
      <c r="BX28" s="280">
        <v>0</v>
      </c>
      <c r="BY28" s="280">
        <v>0</v>
      </c>
      <c r="BZ28" s="277">
        <v>20</v>
      </c>
      <c r="CA28" s="282">
        <v>20</v>
      </c>
      <c r="CB28" s="276">
        <v>0</v>
      </c>
      <c r="CC28" s="280">
        <v>0</v>
      </c>
      <c r="CD28" s="277">
        <v>0</v>
      </c>
      <c r="CE28" s="279">
        <v>0</v>
      </c>
      <c r="CF28" s="280">
        <v>0</v>
      </c>
      <c r="CG28" s="280">
        <v>2</v>
      </c>
      <c r="CH28" s="280">
        <v>3</v>
      </c>
      <c r="CI28" s="280">
        <v>0</v>
      </c>
      <c r="CJ28" s="280">
        <v>0</v>
      </c>
      <c r="CK28" s="277">
        <v>5</v>
      </c>
      <c r="CL28" s="282">
        <v>5</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77">
        <v>0</v>
      </c>
      <c r="E29" s="278">
        <v>0</v>
      </c>
      <c r="F29" s="279">
        <v>0</v>
      </c>
      <c r="G29" s="280">
        <v>16</v>
      </c>
      <c r="H29" s="280">
        <v>56</v>
      </c>
      <c r="I29" s="280">
        <v>131</v>
      </c>
      <c r="J29" s="280">
        <v>0</v>
      </c>
      <c r="K29" s="280">
        <v>88</v>
      </c>
      <c r="L29" s="281">
        <v>291</v>
      </c>
      <c r="M29" s="282">
        <v>291</v>
      </c>
      <c r="N29" s="276">
        <v>0</v>
      </c>
      <c r="O29" s="280">
        <v>0</v>
      </c>
      <c r="P29" s="277">
        <v>0</v>
      </c>
      <c r="Q29" s="279">
        <v>0</v>
      </c>
      <c r="R29" s="280">
        <v>0</v>
      </c>
      <c r="S29" s="280">
        <v>0</v>
      </c>
      <c r="T29" s="280">
        <v>0</v>
      </c>
      <c r="U29" s="280">
        <v>0</v>
      </c>
      <c r="V29" s="280">
        <v>0</v>
      </c>
      <c r="W29" s="277">
        <v>0</v>
      </c>
      <c r="X29" s="282">
        <v>0</v>
      </c>
      <c r="Y29" s="276">
        <v>36</v>
      </c>
      <c r="Z29" s="280">
        <v>16</v>
      </c>
      <c r="AA29" s="277">
        <v>52</v>
      </c>
      <c r="AB29" s="279">
        <v>0</v>
      </c>
      <c r="AC29" s="280">
        <v>-1</v>
      </c>
      <c r="AD29" s="280">
        <v>34</v>
      </c>
      <c r="AE29" s="280">
        <v>12</v>
      </c>
      <c r="AF29" s="280">
        <v>2</v>
      </c>
      <c r="AG29" s="280">
        <v>5</v>
      </c>
      <c r="AH29" s="277">
        <v>52</v>
      </c>
      <c r="AI29" s="282">
        <v>104</v>
      </c>
      <c r="AJ29" s="276">
        <v>0</v>
      </c>
      <c r="AK29" s="280">
        <v>0</v>
      </c>
      <c r="AL29" s="277">
        <v>0</v>
      </c>
      <c r="AM29" s="279">
        <v>0</v>
      </c>
      <c r="AN29" s="280">
        <v>0</v>
      </c>
      <c r="AO29" s="280">
        <v>4</v>
      </c>
      <c r="AP29" s="280">
        <v>0</v>
      </c>
      <c r="AQ29" s="280">
        <v>0</v>
      </c>
      <c r="AR29" s="280">
        <v>0</v>
      </c>
      <c r="AS29" s="277">
        <v>4</v>
      </c>
      <c r="AT29" s="282">
        <v>4</v>
      </c>
      <c r="AU29" s="276">
        <v>0</v>
      </c>
      <c r="AV29" s="280">
        <v>0</v>
      </c>
      <c r="AW29" s="277">
        <v>0</v>
      </c>
      <c r="AX29" s="279">
        <v>0</v>
      </c>
      <c r="AY29" s="280">
        <v>0</v>
      </c>
      <c r="AZ29" s="280">
        <v>9</v>
      </c>
      <c r="BA29" s="280">
        <v>25</v>
      </c>
      <c r="BB29" s="280">
        <v>9</v>
      </c>
      <c r="BC29" s="280">
        <v>0</v>
      </c>
      <c r="BD29" s="281">
        <v>43</v>
      </c>
      <c r="BE29" s="282">
        <v>43</v>
      </c>
      <c r="BF29" s="276">
        <v>0</v>
      </c>
      <c r="BG29" s="280">
        <v>0</v>
      </c>
      <c r="BH29" s="277">
        <v>0</v>
      </c>
      <c r="BI29" s="279">
        <v>0</v>
      </c>
      <c r="BJ29" s="280">
        <v>5</v>
      </c>
      <c r="BK29" s="280">
        <v>7</v>
      </c>
      <c r="BL29" s="280">
        <v>8</v>
      </c>
      <c r="BM29" s="280">
        <v>0</v>
      </c>
      <c r="BN29" s="280">
        <v>0</v>
      </c>
      <c r="BO29" s="277">
        <v>20</v>
      </c>
      <c r="BP29" s="282">
        <v>20</v>
      </c>
      <c r="BQ29" s="276">
        <v>0</v>
      </c>
      <c r="BR29" s="280">
        <v>0</v>
      </c>
      <c r="BS29" s="277">
        <v>0</v>
      </c>
      <c r="BT29" s="279">
        <v>0</v>
      </c>
      <c r="BU29" s="280">
        <v>0</v>
      </c>
      <c r="BV29" s="280">
        <v>0</v>
      </c>
      <c r="BW29" s="280">
        <v>20</v>
      </c>
      <c r="BX29" s="280">
        <v>6</v>
      </c>
      <c r="BY29" s="280">
        <v>0</v>
      </c>
      <c r="BZ29" s="277">
        <v>26</v>
      </c>
      <c r="CA29" s="282">
        <v>26</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77">
        <v>0</v>
      </c>
      <c r="E30" s="278">
        <v>0</v>
      </c>
      <c r="F30" s="279">
        <v>0</v>
      </c>
      <c r="G30" s="280">
        <v>8</v>
      </c>
      <c r="H30" s="280">
        <v>13</v>
      </c>
      <c r="I30" s="280">
        <v>0</v>
      </c>
      <c r="J30" s="280">
        <v>0</v>
      </c>
      <c r="K30" s="280">
        <v>26</v>
      </c>
      <c r="L30" s="281">
        <v>47</v>
      </c>
      <c r="M30" s="282">
        <v>47</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v>
      </c>
      <c r="AD30" s="280">
        <v>14</v>
      </c>
      <c r="AE30" s="280">
        <v>2</v>
      </c>
      <c r="AF30" s="280">
        <v>0</v>
      </c>
      <c r="AG30" s="280">
        <v>0</v>
      </c>
      <c r="AH30" s="277">
        <v>18</v>
      </c>
      <c r="AI30" s="282">
        <v>18</v>
      </c>
      <c r="AJ30" s="276">
        <v>0</v>
      </c>
      <c r="AK30" s="280">
        <v>0</v>
      </c>
      <c r="AL30" s="277">
        <v>0</v>
      </c>
      <c r="AM30" s="279">
        <v>0</v>
      </c>
      <c r="AN30" s="280">
        <v>21</v>
      </c>
      <c r="AO30" s="280">
        <v>0</v>
      </c>
      <c r="AP30" s="280">
        <v>0</v>
      </c>
      <c r="AQ30" s="280">
        <v>0</v>
      </c>
      <c r="AR30" s="280">
        <v>0</v>
      </c>
      <c r="AS30" s="277">
        <v>21</v>
      </c>
      <c r="AT30" s="282">
        <v>21</v>
      </c>
      <c r="AU30" s="276">
        <v>0</v>
      </c>
      <c r="AV30" s="280">
        <v>0</v>
      </c>
      <c r="AW30" s="277">
        <v>0</v>
      </c>
      <c r="AX30" s="279">
        <v>0</v>
      </c>
      <c r="AY30" s="280">
        <v>5</v>
      </c>
      <c r="AZ30" s="280">
        <v>21</v>
      </c>
      <c r="BA30" s="280">
        <v>0</v>
      </c>
      <c r="BB30" s="280">
        <v>12</v>
      </c>
      <c r="BC30" s="280">
        <v>0</v>
      </c>
      <c r="BD30" s="281">
        <v>38</v>
      </c>
      <c r="BE30" s="282">
        <v>38</v>
      </c>
      <c r="BF30" s="276">
        <v>0</v>
      </c>
      <c r="BG30" s="280">
        <v>0</v>
      </c>
      <c r="BH30" s="277">
        <v>0</v>
      </c>
      <c r="BI30" s="279">
        <v>0</v>
      </c>
      <c r="BJ30" s="280">
        <v>13</v>
      </c>
      <c r="BK30" s="280">
        <v>3</v>
      </c>
      <c r="BL30" s="280">
        <v>8</v>
      </c>
      <c r="BM30" s="280">
        <v>0</v>
      </c>
      <c r="BN30" s="280">
        <v>8</v>
      </c>
      <c r="BO30" s="277">
        <v>32</v>
      </c>
      <c r="BP30" s="282">
        <v>32</v>
      </c>
      <c r="BQ30" s="276">
        <v>0</v>
      </c>
      <c r="BR30" s="280">
        <v>0</v>
      </c>
      <c r="BS30" s="277">
        <v>0</v>
      </c>
      <c r="BT30" s="279">
        <v>0</v>
      </c>
      <c r="BU30" s="280">
        <v>0</v>
      </c>
      <c r="BV30" s="280">
        <v>1</v>
      </c>
      <c r="BW30" s="280">
        <v>0</v>
      </c>
      <c r="BX30" s="280">
        <v>0</v>
      </c>
      <c r="BY30" s="280">
        <v>0</v>
      </c>
      <c r="BZ30" s="277">
        <v>1</v>
      </c>
      <c r="CA30" s="282">
        <v>1</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77">
        <v>0</v>
      </c>
      <c r="E31" s="278">
        <v>0</v>
      </c>
      <c r="F31" s="279">
        <v>0</v>
      </c>
      <c r="G31" s="280">
        <v>8</v>
      </c>
      <c r="H31" s="280">
        <v>13</v>
      </c>
      <c r="I31" s="280">
        <v>36</v>
      </c>
      <c r="J31" s="280">
        <v>64</v>
      </c>
      <c r="K31" s="280">
        <v>0</v>
      </c>
      <c r="L31" s="281">
        <v>121</v>
      </c>
      <c r="M31" s="282">
        <v>121</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7</v>
      </c>
      <c r="AE31" s="280">
        <v>34</v>
      </c>
      <c r="AF31" s="280">
        <v>0</v>
      </c>
      <c r="AG31" s="280">
        <v>0</v>
      </c>
      <c r="AH31" s="277">
        <v>51</v>
      </c>
      <c r="AI31" s="282">
        <v>51</v>
      </c>
      <c r="AJ31" s="276">
        <v>0</v>
      </c>
      <c r="AK31" s="280">
        <v>0</v>
      </c>
      <c r="AL31" s="277">
        <v>0</v>
      </c>
      <c r="AM31" s="279">
        <v>0</v>
      </c>
      <c r="AN31" s="280">
        <v>0</v>
      </c>
      <c r="AO31" s="280">
        <v>12</v>
      </c>
      <c r="AP31" s="280">
        <v>27</v>
      </c>
      <c r="AQ31" s="280">
        <v>0</v>
      </c>
      <c r="AR31" s="280">
        <v>0</v>
      </c>
      <c r="AS31" s="277">
        <v>39</v>
      </c>
      <c r="AT31" s="282">
        <v>39</v>
      </c>
      <c r="AU31" s="276">
        <v>0</v>
      </c>
      <c r="AV31" s="280">
        <v>0</v>
      </c>
      <c r="AW31" s="277">
        <v>0</v>
      </c>
      <c r="AX31" s="279">
        <v>0</v>
      </c>
      <c r="AY31" s="280">
        <v>14</v>
      </c>
      <c r="AZ31" s="280">
        <v>0</v>
      </c>
      <c r="BA31" s="280">
        <v>4</v>
      </c>
      <c r="BB31" s="280">
        <v>0</v>
      </c>
      <c r="BC31" s="280">
        <v>0</v>
      </c>
      <c r="BD31" s="281">
        <v>18</v>
      </c>
      <c r="BE31" s="282">
        <v>18</v>
      </c>
      <c r="BF31" s="276">
        <v>0</v>
      </c>
      <c r="BG31" s="280">
        <v>0</v>
      </c>
      <c r="BH31" s="277">
        <v>0</v>
      </c>
      <c r="BI31" s="279">
        <v>0</v>
      </c>
      <c r="BJ31" s="280">
        <v>9</v>
      </c>
      <c r="BK31" s="280">
        <v>8</v>
      </c>
      <c r="BL31" s="280">
        <v>14</v>
      </c>
      <c r="BM31" s="280">
        <v>8</v>
      </c>
      <c r="BN31" s="280">
        <v>0</v>
      </c>
      <c r="BO31" s="277">
        <v>39</v>
      </c>
      <c r="BP31" s="282">
        <v>39</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2</v>
      </c>
      <c r="CH31" s="280">
        <v>0</v>
      </c>
      <c r="CI31" s="280">
        <v>0</v>
      </c>
      <c r="CJ31" s="280">
        <v>0</v>
      </c>
      <c r="CK31" s="277">
        <v>2</v>
      </c>
      <c r="CL31" s="282">
        <v>2</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77">
        <v>0</v>
      </c>
      <c r="E32" s="278">
        <v>0</v>
      </c>
      <c r="F32" s="279">
        <v>0</v>
      </c>
      <c r="G32" s="280">
        <v>8</v>
      </c>
      <c r="H32" s="280">
        <v>0</v>
      </c>
      <c r="I32" s="280">
        <v>92</v>
      </c>
      <c r="J32" s="280">
        <v>4</v>
      </c>
      <c r="K32" s="280">
        <v>0</v>
      </c>
      <c r="L32" s="281">
        <v>104</v>
      </c>
      <c r="M32" s="282">
        <v>104</v>
      </c>
      <c r="N32" s="276">
        <v>0</v>
      </c>
      <c r="O32" s="280">
        <v>0</v>
      </c>
      <c r="P32" s="277">
        <v>0</v>
      </c>
      <c r="Q32" s="279">
        <v>0</v>
      </c>
      <c r="R32" s="280">
        <v>0</v>
      </c>
      <c r="S32" s="280">
        <v>0</v>
      </c>
      <c r="T32" s="280">
        <v>0</v>
      </c>
      <c r="U32" s="280">
        <v>5</v>
      </c>
      <c r="V32" s="280">
        <v>0</v>
      </c>
      <c r="W32" s="277">
        <v>5</v>
      </c>
      <c r="X32" s="282">
        <v>5</v>
      </c>
      <c r="Y32" s="276">
        <v>0</v>
      </c>
      <c r="Z32" s="280">
        <v>0</v>
      </c>
      <c r="AA32" s="277">
        <v>0</v>
      </c>
      <c r="AB32" s="279">
        <v>0</v>
      </c>
      <c r="AC32" s="280">
        <v>4</v>
      </c>
      <c r="AD32" s="280">
        <v>0</v>
      </c>
      <c r="AE32" s="280">
        <v>0</v>
      </c>
      <c r="AF32" s="280">
        <v>4</v>
      </c>
      <c r="AG32" s="280">
        <v>0</v>
      </c>
      <c r="AH32" s="277">
        <v>8</v>
      </c>
      <c r="AI32" s="282">
        <v>8</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10</v>
      </c>
      <c r="AZ32" s="280">
        <v>11</v>
      </c>
      <c r="BA32" s="280">
        <v>0</v>
      </c>
      <c r="BB32" s="280">
        <v>0</v>
      </c>
      <c r="BC32" s="280">
        <v>0</v>
      </c>
      <c r="BD32" s="281">
        <v>21</v>
      </c>
      <c r="BE32" s="282">
        <v>21</v>
      </c>
      <c r="BF32" s="276">
        <v>0</v>
      </c>
      <c r="BG32" s="280">
        <v>0</v>
      </c>
      <c r="BH32" s="277">
        <v>0</v>
      </c>
      <c r="BI32" s="279">
        <v>0</v>
      </c>
      <c r="BJ32" s="280">
        <v>0</v>
      </c>
      <c r="BK32" s="280">
        <v>16</v>
      </c>
      <c r="BL32" s="280">
        <v>0</v>
      </c>
      <c r="BM32" s="280">
        <v>0</v>
      </c>
      <c r="BN32" s="280">
        <v>0</v>
      </c>
      <c r="BO32" s="277">
        <v>16</v>
      </c>
      <c r="BP32" s="282">
        <v>16</v>
      </c>
      <c r="BQ32" s="276">
        <v>0</v>
      </c>
      <c r="BR32" s="280">
        <v>0</v>
      </c>
      <c r="BS32" s="277">
        <v>0</v>
      </c>
      <c r="BT32" s="279">
        <v>0</v>
      </c>
      <c r="BU32" s="280">
        <v>7</v>
      </c>
      <c r="BV32" s="280">
        <v>0</v>
      </c>
      <c r="BW32" s="280">
        <v>0</v>
      </c>
      <c r="BX32" s="280">
        <v>0</v>
      </c>
      <c r="BY32" s="280">
        <v>0</v>
      </c>
      <c r="BZ32" s="277">
        <v>7</v>
      </c>
      <c r="CA32" s="282">
        <v>7</v>
      </c>
      <c r="CB32" s="276">
        <v>0</v>
      </c>
      <c r="CC32" s="280">
        <v>0</v>
      </c>
      <c r="CD32" s="277">
        <v>0</v>
      </c>
      <c r="CE32" s="279">
        <v>0</v>
      </c>
      <c r="CF32" s="280">
        <v>0</v>
      </c>
      <c r="CG32" s="280">
        <v>5</v>
      </c>
      <c r="CH32" s="280">
        <v>0</v>
      </c>
      <c r="CI32" s="280">
        <v>0</v>
      </c>
      <c r="CJ32" s="280">
        <v>0</v>
      </c>
      <c r="CK32" s="277">
        <v>5</v>
      </c>
      <c r="CL32" s="282">
        <v>5</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77">
        <v>0</v>
      </c>
      <c r="E33" s="278">
        <v>0</v>
      </c>
      <c r="F33" s="279">
        <v>0</v>
      </c>
      <c r="G33" s="280">
        <v>0</v>
      </c>
      <c r="H33" s="280">
        <v>0</v>
      </c>
      <c r="I33" s="280">
        <v>0</v>
      </c>
      <c r="J33" s="280">
        <v>1</v>
      </c>
      <c r="K33" s="280">
        <v>0</v>
      </c>
      <c r="L33" s="281">
        <v>1</v>
      </c>
      <c r="M33" s="282">
        <v>1</v>
      </c>
      <c r="N33" s="276">
        <v>0</v>
      </c>
      <c r="O33" s="280">
        <v>0</v>
      </c>
      <c r="P33" s="277">
        <v>0</v>
      </c>
      <c r="Q33" s="279">
        <v>0</v>
      </c>
      <c r="R33" s="280">
        <v>0</v>
      </c>
      <c r="S33" s="280">
        <v>0</v>
      </c>
      <c r="T33" s="280">
        <v>0</v>
      </c>
      <c r="U33" s="280">
        <v>0</v>
      </c>
      <c r="V33" s="280">
        <v>8</v>
      </c>
      <c r="W33" s="277">
        <v>8</v>
      </c>
      <c r="X33" s="282">
        <v>8</v>
      </c>
      <c r="Y33" s="276">
        <v>0</v>
      </c>
      <c r="Z33" s="280">
        <v>0</v>
      </c>
      <c r="AA33" s="277">
        <v>0</v>
      </c>
      <c r="AB33" s="279">
        <v>0</v>
      </c>
      <c r="AC33" s="280">
        <v>3</v>
      </c>
      <c r="AD33" s="280">
        <v>0</v>
      </c>
      <c r="AE33" s="280">
        <v>0</v>
      </c>
      <c r="AF33" s="280">
        <v>8</v>
      </c>
      <c r="AG33" s="280">
        <v>28</v>
      </c>
      <c r="AH33" s="277">
        <v>39</v>
      </c>
      <c r="AI33" s="282">
        <v>39</v>
      </c>
      <c r="AJ33" s="276">
        <v>0</v>
      </c>
      <c r="AK33" s="280">
        <v>0</v>
      </c>
      <c r="AL33" s="277">
        <v>0</v>
      </c>
      <c r="AM33" s="279">
        <v>0</v>
      </c>
      <c r="AN33" s="280">
        <v>0</v>
      </c>
      <c r="AO33" s="280">
        <v>0</v>
      </c>
      <c r="AP33" s="280">
        <v>43</v>
      </c>
      <c r="AQ33" s="280">
        <v>0</v>
      </c>
      <c r="AR33" s="280">
        <v>0</v>
      </c>
      <c r="AS33" s="277">
        <v>43</v>
      </c>
      <c r="AT33" s="282">
        <v>43</v>
      </c>
      <c r="AU33" s="276">
        <v>0</v>
      </c>
      <c r="AV33" s="280">
        <v>0</v>
      </c>
      <c r="AW33" s="277">
        <v>0</v>
      </c>
      <c r="AX33" s="279">
        <v>0</v>
      </c>
      <c r="AY33" s="280">
        <v>0</v>
      </c>
      <c r="AZ33" s="280">
        <v>8</v>
      </c>
      <c r="BA33" s="280">
        <v>36</v>
      </c>
      <c r="BB33" s="280">
        <v>9</v>
      </c>
      <c r="BC33" s="280">
        <v>0</v>
      </c>
      <c r="BD33" s="281">
        <v>53</v>
      </c>
      <c r="BE33" s="282">
        <v>53</v>
      </c>
      <c r="BF33" s="276">
        <v>0</v>
      </c>
      <c r="BG33" s="280">
        <v>0</v>
      </c>
      <c r="BH33" s="277">
        <v>0</v>
      </c>
      <c r="BI33" s="279">
        <v>0</v>
      </c>
      <c r="BJ33" s="280">
        <v>0</v>
      </c>
      <c r="BK33" s="280">
        <v>0</v>
      </c>
      <c r="BL33" s="280">
        <v>0</v>
      </c>
      <c r="BM33" s="280">
        <v>0</v>
      </c>
      <c r="BN33" s="280">
        <v>0</v>
      </c>
      <c r="BO33" s="277">
        <v>0</v>
      </c>
      <c r="BP33" s="282">
        <v>0</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77">
        <v>0</v>
      </c>
      <c r="E34" s="278">
        <v>0</v>
      </c>
      <c r="F34" s="279">
        <v>0</v>
      </c>
      <c r="G34" s="280">
        <v>0</v>
      </c>
      <c r="H34" s="280">
        <v>0</v>
      </c>
      <c r="I34" s="280">
        <v>0</v>
      </c>
      <c r="J34" s="280">
        <v>124</v>
      </c>
      <c r="K34" s="280">
        <v>0</v>
      </c>
      <c r="L34" s="281">
        <v>124</v>
      </c>
      <c r="M34" s="282">
        <v>124</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2</v>
      </c>
      <c r="AE34" s="280">
        <v>0</v>
      </c>
      <c r="AF34" s="280">
        <v>0</v>
      </c>
      <c r="AG34" s="280">
        <v>0</v>
      </c>
      <c r="AH34" s="277">
        <v>12</v>
      </c>
      <c r="AI34" s="282">
        <v>12</v>
      </c>
      <c r="AJ34" s="276">
        <v>8</v>
      </c>
      <c r="AK34" s="280">
        <v>0</v>
      </c>
      <c r="AL34" s="277">
        <v>8</v>
      </c>
      <c r="AM34" s="279">
        <v>0</v>
      </c>
      <c r="AN34" s="280">
        <v>0</v>
      </c>
      <c r="AO34" s="280">
        <v>0</v>
      </c>
      <c r="AP34" s="280">
        <v>0</v>
      </c>
      <c r="AQ34" s="280">
        <v>12</v>
      </c>
      <c r="AR34" s="280">
        <v>0</v>
      </c>
      <c r="AS34" s="277">
        <v>12</v>
      </c>
      <c r="AT34" s="282">
        <v>20</v>
      </c>
      <c r="AU34" s="276">
        <v>0</v>
      </c>
      <c r="AV34" s="280">
        <v>0</v>
      </c>
      <c r="AW34" s="277">
        <v>0</v>
      </c>
      <c r="AX34" s="279">
        <v>0</v>
      </c>
      <c r="AY34" s="280">
        <v>14</v>
      </c>
      <c r="AZ34" s="280">
        <v>33</v>
      </c>
      <c r="BA34" s="280">
        <v>0</v>
      </c>
      <c r="BB34" s="280">
        <v>0</v>
      </c>
      <c r="BC34" s="280">
        <v>0</v>
      </c>
      <c r="BD34" s="281">
        <v>47</v>
      </c>
      <c r="BE34" s="282">
        <v>47</v>
      </c>
      <c r="BF34" s="276">
        <v>0</v>
      </c>
      <c r="BG34" s="280">
        <v>0</v>
      </c>
      <c r="BH34" s="277">
        <v>0</v>
      </c>
      <c r="BI34" s="279">
        <v>0</v>
      </c>
      <c r="BJ34" s="280">
        <v>0</v>
      </c>
      <c r="BK34" s="280">
        <v>0</v>
      </c>
      <c r="BL34" s="280">
        <v>6</v>
      </c>
      <c r="BM34" s="280">
        <v>16</v>
      </c>
      <c r="BN34" s="280">
        <v>0</v>
      </c>
      <c r="BO34" s="277">
        <v>22</v>
      </c>
      <c r="BP34" s="282">
        <v>22</v>
      </c>
      <c r="BQ34" s="276">
        <v>0</v>
      </c>
      <c r="BR34" s="280">
        <v>0</v>
      </c>
      <c r="BS34" s="277">
        <v>0</v>
      </c>
      <c r="BT34" s="279">
        <v>0</v>
      </c>
      <c r="BU34" s="280">
        <v>0</v>
      </c>
      <c r="BV34" s="280">
        <v>0</v>
      </c>
      <c r="BW34" s="280">
        <v>3</v>
      </c>
      <c r="BX34" s="280">
        <v>0</v>
      </c>
      <c r="BY34" s="280">
        <v>0</v>
      </c>
      <c r="BZ34" s="277">
        <v>3</v>
      </c>
      <c r="CA34" s="282">
        <v>3</v>
      </c>
      <c r="CB34" s="276">
        <v>0</v>
      </c>
      <c r="CC34" s="280">
        <v>0</v>
      </c>
      <c r="CD34" s="277">
        <v>0</v>
      </c>
      <c r="CE34" s="279">
        <v>0</v>
      </c>
      <c r="CF34" s="280">
        <v>0</v>
      </c>
      <c r="CG34" s="280">
        <v>0</v>
      </c>
      <c r="CH34" s="280">
        <v>0</v>
      </c>
      <c r="CI34" s="280">
        <v>8</v>
      </c>
      <c r="CJ34" s="280">
        <v>0</v>
      </c>
      <c r="CK34" s="277">
        <v>8</v>
      </c>
      <c r="CL34" s="282">
        <v>8</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77">
        <v>0</v>
      </c>
      <c r="E35" s="278">
        <v>0</v>
      </c>
      <c r="F35" s="279">
        <v>0</v>
      </c>
      <c r="G35" s="280">
        <v>31</v>
      </c>
      <c r="H35" s="280">
        <v>0</v>
      </c>
      <c r="I35" s="280">
        <v>28</v>
      </c>
      <c r="J35" s="280">
        <v>4</v>
      </c>
      <c r="K35" s="280">
        <v>0</v>
      </c>
      <c r="L35" s="281">
        <v>63</v>
      </c>
      <c r="M35" s="282">
        <v>63</v>
      </c>
      <c r="N35" s="276">
        <v>0</v>
      </c>
      <c r="O35" s="280">
        <v>0</v>
      </c>
      <c r="P35" s="277">
        <v>0</v>
      </c>
      <c r="Q35" s="279">
        <v>0</v>
      </c>
      <c r="R35" s="280">
        <v>0</v>
      </c>
      <c r="S35" s="280">
        <v>0</v>
      </c>
      <c r="T35" s="280">
        <v>5</v>
      </c>
      <c r="U35" s="280">
        <v>0</v>
      </c>
      <c r="V35" s="280">
        <v>0</v>
      </c>
      <c r="W35" s="277">
        <v>5</v>
      </c>
      <c r="X35" s="282">
        <v>5</v>
      </c>
      <c r="Y35" s="276">
        <v>0</v>
      </c>
      <c r="Z35" s="280">
        <v>0</v>
      </c>
      <c r="AA35" s="277">
        <v>0</v>
      </c>
      <c r="AB35" s="279">
        <v>0</v>
      </c>
      <c r="AC35" s="280">
        <v>0</v>
      </c>
      <c r="AD35" s="280">
        <v>5</v>
      </c>
      <c r="AE35" s="280">
        <v>44</v>
      </c>
      <c r="AF35" s="280">
        <v>4</v>
      </c>
      <c r="AG35" s="280">
        <v>10</v>
      </c>
      <c r="AH35" s="277">
        <v>63</v>
      </c>
      <c r="AI35" s="282">
        <v>63</v>
      </c>
      <c r="AJ35" s="276">
        <v>18</v>
      </c>
      <c r="AK35" s="280">
        <v>6</v>
      </c>
      <c r="AL35" s="277">
        <v>24</v>
      </c>
      <c r="AM35" s="279">
        <v>0</v>
      </c>
      <c r="AN35" s="280">
        <v>0</v>
      </c>
      <c r="AO35" s="280">
        <v>19</v>
      </c>
      <c r="AP35" s="280">
        <v>12</v>
      </c>
      <c r="AQ35" s="280">
        <v>24</v>
      </c>
      <c r="AR35" s="280">
        <v>0</v>
      </c>
      <c r="AS35" s="277">
        <v>55</v>
      </c>
      <c r="AT35" s="282">
        <v>79</v>
      </c>
      <c r="AU35" s="276">
        <v>0</v>
      </c>
      <c r="AV35" s="280">
        <v>0</v>
      </c>
      <c r="AW35" s="277">
        <v>0</v>
      </c>
      <c r="AX35" s="279">
        <v>0</v>
      </c>
      <c r="AY35" s="280">
        <v>12</v>
      </c>
      <c r="AZ35" s="280">
        <v>0</v>
      </c>
      <c r="BA35" s="280">
        <v>0</v>
      </c>
      <c r="BB35" s="280">
        <v>0</v>
      </c>
      <c r="BC35" s="280">
        <v>0</v>
      </c>
      <c r="BD35" s="281">
        <v>12</v>
      </c>
      <c r="BE35" s="282">
        <v>12</v>
      </c>
      <c r="BF35" s="276">
        <v>0</v>
      </c>
      <c r="BG35" s="280">
        <v>0</v>
      </c>
      <c r="BH35" s="277">
        <v>0</v>
      </c>
      <c r="BI35" s="279">
        <v>0</v>
      </c>
      <c r="BJ35" s="280">
        <v>5</v>
      </c>
      <c r="BK35" s="280">
        <v>0</v>
      </c>
      <c r="BL35" s="280">
        <v>0</v>
      </c>
      <c r="BM35" s="280">
        <v>0</v>
      </c>
      <c r="BN35" s="280">
        <v>0</v>
      </c>
      <c r="BO35" s="277">
        <v>5</v>
      </c>
      <c r="BP35" s="282">
        <v>5</v>
      </c>
      <c r="BQ35" s="276">
        <v>0</v>
      </c>
      <c r="BR35" s="280">
        <v>0</v>
      </c>
      <c r="BS35" s="277">
        <v>0</v>
      </c>
      <c r="BT35" s="279">
        <v>0</v>
      </c>
      <c r="BU35" s="280">
        <v>0</v>
      </c>
      <c r="BV35" s="280">
        <v>0</v>
      </c>
      <c r="BW35" s="280">
        <v>3</v>
      </c>
      <c r="BX35" s="280">
        <v>30</v>
      </c>
      <c r="BY35" s="280">
        <v>0</v>
      </c>
      <c r="BZ35" s="277">
        <v>33</v>
      </c>
      <c r="CA35" s="282">
        <v>33</v>
      </c>
      <c r="CB35" s="276">
        <v>0</v>
      </c>
      <c r="CC35" s="280">
        <v>0</v>
      </c>
      <c r="CD35" s="277">
        <v>0</v>
      </c>
      <c r="CE35" s="279">
        <v>0</v>
      </c>
      <c r="CF35" s="280">
        <v>0</v>
      </c>
      <c r="CG35" s="280">
        <v>0</v>
      </c>
      <c r="CH35" s="280">
        <v>14</v>
      </c>
      <c r="CI35" s="280">
        <v>0</v>
      </c>
      <c r="CJ35" s="280">
        <v>0</v>
      </c>
      <c r="CK35" s="277">
        <v>14</v>
      </c>
      <c r="CL35" s="282">
        <v>14</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77">
        <v>0</v>
      </c>
      <c r="E36" s="278">
        <v>0</v>
      </c>
      <c r="F36" s="279">
        <v>0</v>
      </c>
      <c r="G36" s="280">
        <v>7</v>
      </c>
      <c r="H36" s="280">
        <v>0</v>
      </c>
      <c r="I36" s="280">
        <v>9</v>
      </c>
      <c r="J36" s="280">
        <v>0</v>
      </c>
      <c r="K36" s="280">
        <v>0</v>
      </c>
      <c r="L36" s="281">
        <v>16</v>
      </c>
      <c r="M36" s="282">
        <v>16</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0</v>
      </c>
      <c r="AZ36" s="280">
        <v>18</v>
      </c>
      <c r="BA36" s="280">
        <v>25</v>
      </c>
      <c r="BB36" s="280">
        <v>0</v>
      </c>
      <c r="BC36" s="280">
        <v>0</v>
      </c>
      <c r="BD36" s="281">
        <v>43</v>
      </c>
      <c r="BE36" s="282">
        <v>43</v>
      </c>
      <c r="BF36" s="276">
        <v>0</v>
      </c>
      <c r="BG36" s="280">
        <v>0</v>
      </c>
      <c r="BH36" s="277">
        <v>0</v>
      </c>
      <c r="BI36" s="279">
        <v>0</v>
      </c>
      <c r="BJ36" s="280">
        <v>5</v>
      </c>
      <c r="BK36" s="280">
        <v>0</v>
      </c>
      <c r="BL36" s="280">
        <v>0</v>
      </c>
      <c r="BM36" s="280">
        <v>0</v>
      </c>
      <c r="BN36" s="280">
        <v>0</v>
      </c>
      <c r="BO36" s="277">
        <v>5</v>
      </c>
      <c r="BP36" s="282">
        <v>5</v>
      </c>
      <c r="BQ36" s="276">
        <v>0</v>
      </c>
      <c r="BR36" s="280">
        <v>0</v>
      </c>
      <c r="BS36" s="277">
        <v>0</v>
      </c>
      <c r="BT36" s="279">
        <v>0</v>
      </c>
      <c r="BU36" s="280">
        <v>0</v>
      </c>
      <c r="BV36" s="280">
        <v>3</v>
      </c>
      <c r="BW36" s="280">
        <v>0</v>
      </c>
      <c r="BX36" s="280">
        <v>0</v>
      </c>
      <c r="BY36" s="280">
        <v>0</v>
      </c>
      <c r="BZ36" s="277">
        <v>3</v>
      </c>
      <c r="CA36" s="282">
        <v>3</v>
      </c>
      <c r="CB36" s="276">
        <v>0</v>
      </c>
      <c r="CC36" s="280">
        <v>0</v>
      </c>
      <c r="CD36" s="277">
        <v>0</v>
      </c>
      <c r="CE36" s="279">
        <v>0</v>
      </c>
      <c r="CF36" s="280">
        <v>7</v>
      </c>
      <c r="CG36" s="280">
        <v>0</v>
      </c>
      <c r="CH36" s="280">
        <v>0</v>
      </c>
      <c r="CI36" s="280">
        <v>0</v>
      </c>
      <c r="CJ36" s="280">
        <v>0</v>
      </c>
      <c r="CK36" s="277">
        <v>7</v>
      </c>
      <c r="CL36" s="282">
        <v>7</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77">
        <v>0</v>
      </c>
      <c r="E37" s="278">
        <v>0</v>
      </c>
      <c r="F37" s="279">
        <v>0</v>
      </c>
      <c r="G37" s="280">
        <v>73</v>
      </c>
      <c r="H37" s="280">
        <v>40</v>
      </c>
      <c r="I37" s="280">
        <v>18</v>
      </c>
      <c r="J37" s="280">
        <v>81</v>
      </c>
      <c r="K37" s="280">
        <v>0</v>
      </c>
      <c r="L37" s="281">
        <v>212</v>
      </c>
      <c r="M37" s="282">
        <v>212</v>
      </c>
      <c r="N37" s="276">
        <v>0</v>
      </c>
      <c r="O37" s="280">
        <v>0</v>
      </c>
      <c r="P37" s="277">
        <v>0</v>
      </c>
      <c r="Q37" s="279">
        <v>0</v>
      </c>
      <c r="R37" s="280">
        <v>0</v>
      </c>
      <c r="S37" s="280">
        <v>0</v>
      </c>
      <c r="T37" s="280">
        <v>0</v>
      </c>
      <c r="U37" s="280">
        <v>0</v>
      </c>
      <c r="V37" s="280">
        <v>0</v>
      </c>
      <c r="W37" s="277">
        <v>0</v>
      </c>
      <c r="X37" s="282">
        <v>0</v>
      </c>
      <c r="Y37" s="276">
        <v>0</v>
      </c>
      <c r="Z37" s="280">
        <v>20</v>
      </c>
      <c r="AA37" s="277">
        <v>20</v>
      </c>
      <c r="AB37" s="279">
        <v>0</v>
      </c>
      <c r="AC37" s="280">
        <v>28</v>
      </c>
      <c r="AD37" s="280">
        <v>13</v>
      </c>
      <c r="AE37" s="280">
        <v>4</v>
      </c>
      <c r="AF37" s="280">
        <v>46</v>
      </c>
      <c r="AG37" s="280">
        <v>0</v>
      </c>
      <c r="AH37" s="277">
        <v>91</v>
      </c>
      <c r="AI37" s="282">
        <v>111</v>
      </c>
      <c r="AJ37" s="276">
        <v>0</v>
      </c>
      <c r="AK37" s="280">
        <v>0</v>
      </c>
      <c r="AL37" s="277">
        <v>0</v>
      </c>
      <c r="AM37" s="279">
        <v>0</v>
      </c>
      <c r="AN37" s="280">
        <v>20</v>
      </c>
      <c r="AO37" s="280">
        <v>0</v>
      </c>
      <c r="AP37" s="280">
        <v>0</v>
      </c>
      <c r="AQ37" s="280">
        <v>0</v>
      </c>
      <c r="AR37" s="280">
        <v>0</v>
      </c>
      <c r="AS37" s="277">
        <v>20</v>
      </c>
      <c r="AT37" s="282">
        <v>20</v>
      </c>
      <c r="AU37" s="276">
        <v>0</v>
      </c>
      <c r="AV37" s="280">
        <v>0</v>
      </c>
      <c r="AW37" s="277">
        <v>0</v>
      </c>
      <c r="AX37" s="279">
        <v>0</v>
      </c>
      <c r="AY37" s="280">
        <v>57</v>
      </c>
      <c r="AZ37" s="280">
        <v>20</v>
      </c>
      <c r="BA37" s="280">
        <v>6</v>
      </c>
      <c r="BB37" s="280">
        <v>10</v>
      </c>
      <c r="BC37" s="280">
        <v>0</v>
      </c>
      <c r="BD37" s="281">
        <v>93</v>
      </c>
      <c r="BE37" s="282">
        <v>93</v>
      </c>
      <c r="BF37" s="276">
        <v>0</v>
      </c>
      <c r="BG37" s="280">
        <v>0</v>
      </c>
      <c r="BH37" s="277">
        <v>0</v>
      </c>
      <c r="BI37" s="279">
        <v>0</v>
      </c>
      <c r="BJ37" s="280">
        <v>3</v>
      </c>
      <c r="BK37" s="280">
        <v>17</v>
      </c>
      <c r="BL37" s="280">
        <v>0</v>
      </c>
      <c r="BM37" s="280">
        <v>12</v>
      </c>
      <c r="BN37" s="280">
        <v>0</v>
      </c>
      <c r="BO37" s="277">
        <v>32</v>
      </c>
      <c r="BP37" s="282">
        <v>32</v>
      </c>
      <c r="BQ37" s="276">
        <v>0</v>
      </c>
      <c r="BR37" s="280">
        <v>0</v>
      </c>
      <c r="BS37" s="277">
        <v>0</v>
      </c>
      <c r="BT37" s="279">
        <v>0</v>
      </c>
      <c r="BU37" s="280">
        <v>2</v>
      </c>
      <c r="BV37" s="280">
        <v>0</v>
      </c>
      <c r="BW37" s="280">
        <v>0</v>
      </c>
      <c r="BX37" s="280">
        <v>20</v>
      </c>
      <c r="BY37" s="280">
        <v>0</v>
      </c>
      <c r="BZ37" s="277">
        <v>22</v>
      </c>
      <c r="CA37" s="282">
        <v>22</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77">
        <v>0</v>
      </c>
      <c r="E38" s="278">
        <v>0</v>
      </c>
      <c r="F38" s="279">
        <v>0</v>
      </c>
      <c r="G38" s="280">
        <v>13</v>
      </c>
      <c r="H38" s="280">
        <v>0</v>
      </c>
      <c r="I38" s="280">
        <v>0</v>
      </c>
      <c r="J38" s="280">
        <v>2</v>
      </c>
      <c r="K38" s="280">
        <v>0</v>
      </c>
      <c r="L38" s="281">
        <v>15</v>
      </c>
      <c r="M38" s="282">
        <v>15</v>
      </c>
      <c r="N38" s="276">
        <v>0</v>
      </c>
      <c r="O38" s="280">
        <v>0</v>
      </c>
      <c r="P38" s="277">
        <v>0</v>
      </c>
      <c r="Q38" s="279">
        <v>0</v>
      </c>
      <c r="R38" s="280">
        <v>0</v>
      </c>
      <c r="S38" s="280">
        <v>0</v>
      </c>
      <c r="T38" s="280">
        <v>0</v>
      </c>
      <c r="U38" s="280">
        <v>0</v>
      </c>
      <c r="V38" s="280">
        <v>0</v>
      </c>
      <c r="W38" s="277">
        <v>0</v>
      </c>
      <c r="X38" s="282">
        <v>0</v>
      </c>
      <c r="Y38" s="276">
        <v>10</v>
      </c>
      <c r="Z38" s="280">
        <v>16</v>
      </c>
      <c r="AA38" s="277">
        <v>26</v>
      </c>
      <c r="AB38" s="279">
        <v>0</v>
      </c>
      <c r="AC38" s="280">
        <v>17</v>
      </c>
      <c r="AD38" s="280">
        <v>23</v>
      </c>
      <c r="AE38" s="280">
        <v>1</v>
      </c>
      <c r="AF38" s="280">
        <v>0</v>
      </c>
      <c r="AG38" s="280">
        <v>0</v>
      </c>
      <c r="AH38" s="277">
        <v>41</v>
      </c>
      <c r="AI38" s="282">
        <v>67</v>
      </c>
      <c r="AJ38" s="276">
        <v>0</v>
      </c>
      <c r="AK38" s="280">
        <v>0</v>
      </c>
      <c r="AL38" s="277">
        <v>0</v>
      </c>
      <c r="AM38" s="279">
        <v>0</v>
      </c>
      <c r="AN38" s="280">
        <v>16</v>
      </c>
      <c r="AO38" s="280">
        <v>0</v>
      </c>
      <c r="AP38" s="280">
        <v>0</v>
      </c>
      <c r="AQ38" s="280">
        <v>0</v>
      </c>
      <c r="AR38" s="280">
        <v>0</v>
      </c>
      <c r="AS38" s="277">
        <v>16</v>
      </c>
      <c r="AT38" s="282">
        <v>16</v>
      </c>
      <c r="AU38" s="276">
        <v>0</v>
      </c>
      <c r="AV38" s="280">
        <v>0</v>
      </c>
      <c r="AW38" s="277">
        <v>0</v>
      </c>
      <c r="AX38" s="279">
        <v>0</v>
      </c>
      <c r="AY38" s="280">
        <v>18</v>
      </c>
      <c r="AZ38" s="280">
        <v>5</v>
      </c>
      <c r="BA38" s="280">
        <v>15</v>
      </c>
      <c r="BB38" s="280">
        <v>12</v>
      </c>
      <c r="BC38" s="280">
        <v>7</v>
      </c>
      <c r="BD38" s="281">
        <v>57</v>
      </c>
      <c r="BE38" s="282">
        <v>57</v>
      </c>
      <c r="BF38" s="276">
        <v>0</v>
      </c>
      <c r="BG38" s="280">
        <v>0</v>
      </c>
      <c r="BH38" s="277">
        <v>0</v>
      </c>
      <c r="BI38" s="279">
        <v>0</v>
      </c>
      <c r="BJ38" s="280">
        <v>2</v>
      </c>
      <c r="BK38" s="280">
        <v>0</v>
      </c>
      <c r="BL38" s="280">
        <v>0</v>
      </c>
      <c r="BM38" s="280">
        <v>0</v>
      </c>
      <c r="BN38" s="280">
        <v>0</v>
      </c>
      <c r="BO38" s="277">
        <v>2</v>
      </c>
      <c r="BP38" s="282">
        <v>2</v>
      </c>
      <c r="BQ38" s="276">
        <v>0</v>
      </c>
      <c r="BR38" s="280">
        <v>0</v>
      </c>
      <c r="BS38" s="277">
        <v>0</v>
      </c>
      <c r="BT38" s="279">
        <v>0</v>
      </c>
      <c r="BU38" s="280">
        <v>0</v>
      </c>
      <c r="BV38" s="280">
        <v>17</v>
      </c>
      <c r="BW38" s="280">
        <v>6</v>
      </c>
      <c r="BX38" s="280">
        <v>0</v>
      </c>
      <c r="BY38" s="280">
        <v>0</v>
      </c>
      <c r="BZ38" s="277">
        <v>23</v>
      </c>
      <c r="CA38" s="282">
        <v>23</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4">
        <v>0</v>
      </c>
      <c r="E39" s="285">
        <v>0</v>
      </c>
      <c r="F39" s="286">
        <v>0</v>
      </c>
      <c r="G39" s="287">
        <v>0</v>
      </c>
      <c r="H39" s="287">
        <v>0</v>
      </c>
      <c r="I39" s="287">
        <v>0</v>
      </c>
      <c r="J39" s="287">
        <v>0</v>
      </c>
      <c r="K39" s="287">
        <v>28</v>
      </c>
      <c r="L39" s="288">
        <v>28</v>
      </c>
      <c r="M39" s="289">
        <v>28</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5</v>
      </c>
      <c r="AH39" s="284">
        <v>5</v>
      </c>
      <c r="AI39" s="289">
        <v>5</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8">
        <v>0</v>
      </c>
      <c r="BE39" s="289">
        <v>0</v>
      </c>
      <c r="BF39" s="283">
        <v>0</v>
      </c>
      <c r="BG39" s="287">
        <v>0</v>
      </c>
      <c r="BH39" s="284">
        <v>0</v>
      </c>
      <c r="BI39" s="286">
        <v>0</v>
      </c>
      <c r="BJ39" s="287">
        <v>0</v>
      </c>
      <c r="BK39" s="287">
        <v>0</v>
      </c>
      <c r="BL39" s="287">
        <v>0</v>
      </c>
      <c r="BM39" s="287">
        <v>0</v>
      </c>
      <c r="BN39" s="287">
        <v>0</v>
      </c>
      <c r="BO39" s="284">
        <v>0</v>
      </c>
      <c r="BP39" s="289">
        <v>0</v>
      </c>
      <c r="BQ39" s="283">
        <v>0</v>
      </c>
      <c r="BR39" s="287">
        <v>0</v>
      </c>
      <c r="BS39" s="284">
        <v>0</v>
      </c>
      <c r="BT39" s="286">
        <v>0</v>
      </c>
      <c r="BU39" s="287">
        <v>0</v>
      </c>
      <c r="BV39" s="287">
        <v>0</v>
      </c>
      <c r="BW39" s="287">
        <v>0</v>
      </c>
      <c r="BX39" s="287">
        <v>0</v>
      </c>
      <c r="BY39" s="287">
        <v>1</v>
      </c>
      <c r="BZ39" s="284">
        <v>1</v>
      </c>
      <c r="CA39" s="289">
        <v>1</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AJ4:AL4"/>
    <mergeCell ref="AJ3:AT3"/>
    <mergeCell ref="AU3:BE3"/>
    <mergeCell ref="BF3:BP3"/>
    <mergeCell ref="BQ3:CA3"/>
    <mergeCell ref="AM4:AS4"/>
    <mergeCell ref="AT4:AT5"/>
    <mergeCell ref="AU4:AW4"/>
    <mergeCell ref="AX4:BD4"/>
    <mergeCell ref="BE4:BE5"/>
    <mergeCell ref="BF4:BH4"/>
    <mergeCell ref="BI4:BO4"/>
    <mergeCell ref="BP4:BP5"/>
    <mergeCell ref="BQ4:BS4"/>
    <mergeCell ref="BT4:BZ4"/>
    <mergeCell ref="CA4:CA5"/>
    <mergeCell ref="Y3:AI3"/>
    <mergeCell ref="C4:E4"/>
    <mergeCell ref="F4:L4"/>
    <mergeCell ref="M4:M5"/>
    <mergeCell ref="N4:P4"/>
    <mergeCell ref="Q4:W4"/>
    <mergeCell ref="X4:X5"/>
    <mergeCell ref="Y4:AA4"/>
    <mergeCell ref="AB4:AH4"/>
    <mergeCell ref="AI4:AI5"/>
    <mergeCell ref="J1:K1"/>
    <mergeCell ref="M1:N1"/>
    <mergeCell ref="B3:B5"/>
    <mergeCell ref="C3:M3"/>
    <mergeCell ref="N3:X3"/>
    <mergeCell ref="CX3:DH3"/>
    <mergeCell ref="CX4:CZ4"/>
    <mergeCell ref="DA4:DG4"/>
    <mergeCell ref="DH4:DH5"/>
    <mergeCell ref="CB3:CL3"/>
    <mergeCell ref="CM3:CW3"/>
    <mergeCell ref="CB4:CD4"/>
    <mergeCell ref="CE4:CK4"/>
    <mergeCell ref="CL4:CL5"/>
    <mergeCell ref="CM4:CO4"/>
    <mergeCell ref="CP4:CV4"/>
    <mergeCell ref="CW4:CW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J1" sqref="J1"/>
    </sheetView>
  </sheetViews>
  <sheetFormatPr defaultColWidth="9" defaultRowHeight="13.2" x14ac:dyDescent="0.2"/>
  <cols>
    <col min="1" max="1" width="2.77734375" style="44" customWidth="1"/>
    <col min="2" max="2" width="9" style="1" customWidth="1"/>
    <col min="3" max="5" width="7.77734375" style="3" customWidth="1"/>
    <col min="6" max="6" width="9.109375" style="3" customWidth="1"/>
    <col min="7" max="7" width="9.44140625" style="3" customWidth="1"/>
    <col min="8" max="26" width="7.77734375" style="3" customWidth="1"/>
    <col min="27" max="35" width="7.77734375" style="1" customWidth="1"/>
    <col min="36" max="16384" width="9" style="1"/>
  </cols>
  <sheetData>
    <row r="1" spans="2:35" ht="24" customHeight="1" x14ac:dyDescent="0.2">
      <c r="B1" s="20" t="s">
        <v>129</v>
      </c>
      <c r="F1" s="22"/>
      <c r="H1" s="535">
        <f>第１表!F2</f>
        <v>4</v>
      </c>
      <c r="I1" s="535"/>
      <c r="J1" s="767">
        <f>第１表!G2</f>
        <v>12</v>
      </c>
      <c r="K1" s="565">
        <f>IF(J1&lt;3,J1-2+12,J1-2)</f>
        <v>10</v>
      </c>
      <c r="L1" s="565"/>
    </row>
    <row r="2" spans="2:35" ht="24" customHeight="1" thickBot="1" x14ac:dyDescent="0.25">
      <c r="J2" s="5"/>
      <c r="K2" s="5"/>
      <c r="L2" s="5"/>
      <c r="M2" s="5"/>
      <c r="N2" s="5"/>
      <c r="O2" s="5"/>
      <c r="P2" s="30"/>
      <c r="Q2" s="30"/>
      <c r="R2" s="30"/>
    </row>
    <row r="3" spans="2:35" ht="21" customHeight="1" thickBot="1" x14ac:dyDescent="0.25">
      <c r="B3" s="26"/>
      <c r="C3" s="566" t="s">
        <v>53</v>
      </c>
      <c r="D3" s="567"/>
      <c r="E3" s="567"/>
      <c r="F3" s="567"/>
      <c r="G3" s="567"/>
      <c r="H3" s="567"/>
      <c r="I3" s="567"/>
      <c r="J3" s="567"/>
      <c r="K3" s="567"/>
      <c r="L3" s="567"/>
      <c r="M3" s="568"/>
      <c r="N3" s="566" t="s">
        <v>54</v>
      </c>
      <c r="O3" s="567"/>
      <c r="P3" s="567"/>
      <c r="Q3" s="567"/>
      <c r="R3" s="567"/>
      <c r="S3" s="567"/>
      <c r="T3" s="567"/>
      <c r="U3" s="567"/>
      <c r="V3" s="567"/>
      <c r="W3" s="567"/>
      <c r="X3" s="568"/>
      <c r="Y3" s="566" t="s">
        <v>55</v>
      </c>
      <c r="Z3" s="567"/>
      <c r="AA3" s="567"/>
      <c r="AB3" s="567"/>
      <c r="AC3" s="567"/>
      <c r="AD3" s="567"/>
      <c r="AE3" s="567"/>
      <c r="AF3" s="567"/>
      <c r="AG3" s="567"/>
      <c r="AH3" s="567"/>
      <c r="AI3" s="568"/>
    </row>
    <row r="4" spans="2:35" ht="30" customHeight="1" thickBot="1" x14ac:dyDescent="0.25">
      <c r="B4" s="26" t="s">
        <v>42</v>
      </c>
      <c r="C4" s="27" t="s">
        <v>43</v>
      </c>
      <c r="D4" s="6" t="s">
        <v>44</v>
      </c>
      <c r="E4" s="28" t="s">
        <v>45</v>
      </c>
      <c r="F4" s="29" t="s">
        <v>46</v>
      </c>
      <c r="G4" s="6" t="s">
        <v>47</v>
      </c>
      <c r="H4" s="6" t="s">
        <v>48</v>
      </c>
      <c r="I4" s="6" t="s">
        <v>49</v>
      </c>
      <c r="J4" s="6" t="s">
        <v>50</v>
      </c>
      <c r="K4" s="6" t="s">
        <v>51</v>
      </c>
      <c r="L4" s="28" t="s">
        <v>45</v>
      </c>
      <c r="M4" s="13" t="s">
        <v>52</v>
      </c>
      <c r="N4" s="27" t="s">
        <v>43</v>
      </c>
      <c r="O4" s="6" t="s">
        <v>44</v>
      </c>
      <c r="P4" s="28" t="s">
        <v>45</v>
      </c>
      <c r="Q4" s="29" t="s">
        <v>46</v>
      </c>
      <c r="R4" s="6" t="s">
        <v>47</v>
      </c>
      <c r="S4" s="6" t="s">
        <v>48</v>
      </c>
      <c r="T4" s="6" t="s">
        <v>49</v>
      </c>
      <c r="U4" s="6" t="s">
        <v>50</v>
      </c>
      <c r="V4" s="6" t="s">
        <v>51</v>
      </c>
      <c r="W4" s="28" t="s">
        <v>45</v>
      </c>
      <c r="X4" s="13" t="s">
        <v>52</v>
      </c>
      <c r="Y4" s="27" t="s">
        <v>43</v>
      </c>
      <c r="Z4" s="6" t="s">
        <v>44</v>
      </c>
      <c r="AA4" s="28" t="s">
        <v>45</v>
      </c>
      <c r="AB4" s="29" t="s">
        <v>46</v>
      </c>
      <c r="AC4" s="6" t="s">
        <v>47</v>
      </c>
      <c r="AD4" s="6" t="s">
        <v>48</v>
      </c>
      <c r="AE4" s="6" t="s">
        <v>49</v>
      </c>
      <c r="AF4" s="6" t="s">
        <v>50</v>
      </c>
      <c r="AG4" s="6" t="s">
        <v>51</v>
      </c>
      <c r="AH4" s="28" t="s">
        <v>45</v>
      </c>
      <c r="AI4" s="13" t="s">
        <v>52</v>
      </c>
    </row>
    <row r="5" spans="2:35" ht="21" customHeight="1" x14ac:dyDescent="0.2">
      <c r="B5" s="14" t="s">
        <v>4</v>
      </c>
      <c r="C5" s="91">
        <v>190</v>
      </c>
      <c r="D5" s="92">
        <v>329</v>
      </c>
      <c r="E5" s="93">
        <v>519</v>
      </c>
      <c r="F5" s="94">
        <v>0</v>
      </c>
      <c r="G5" s="92">
        <v>18597</v>
      </c>
      <c r="H5" s="92">
        <v>18550</v>
      </c>
      <c r="I5" s="92">
        <v>12579</v>
      </c>
      <c r="J5" s="92">
        <v>8105</v>
      </c>
      <c r="K5" s="92">
        <v>5114</v>
      </c>
      <c r="L5" s="93">
        <v>62945</v>
      </c>
      <c r="M5" s="95">
        <v>63464</v>
      </c>
      <c r="N5" s="96">
        <v>1</v>
      </c>
      <c r="O5" s="92">
        <v>2</v>
      </c>
      <c r="P5" s="93">
        <v>3</v>
      </c>
      <c r="Q5" s="94">
        <v>0</v>
      </c>
      <c r="R5" s="92">
        <v>196</v>
      </c>
      <c r="S5" s="92">
        <v>347</v>
      </c>
      <c r="T5" s="92">
        <v>252</v>
      </c>
      <c r="U5" s="92">
        <v>162</v>
      </c>
      <c r="V5" s="92">
        <v>170</v>
      </c>
      <c r="W5" s="93">
        <v>1127</v>
      </c>
      <c r="X5" s="95">
        <v>1130</v>
      </c>
      <c r="Y5" s="96">
        <v>191</v>
      </c>
      <c r="Z5" s="92">
        <v>331</v>
      </c>
      <c r="AA5" s="93">
        <v>522</v>
      </c>
      <c r="AB5" s="94">
        <v>0</v>
      </c>
      <c r="AC5" s="92">
        <v>18793</v>
      </c>
      <c r="AD5" s="92">
        <v>18897</v>
      </c>
      <c r="AE5" s="92">
        <v>12831</v>
      </c>
      <c r="AF5" s="92">
        <v>8267</v>
      </c>
      <c r="AG5" s="92">
        <v>5284</v>
      </c>
      <c r="AH5" s="93">
        <v>64072</v>
      </c>
      <c r="AI5" s="95">
        <v>64594</v>
      </c>
    </row>
    <row r="6" spans="2:35" ht="21" customHeight="1" x14ac:dyDescent="0.2">
      <c r="B6" s="18" t="s">
        <v>5</v>
      </c>
      <c r="C6" s="97">
        <v>79</v>
      </c>
      <c r="D6" s="98">
        <v>124</v>
      </c>
      <c r="E6" s="99">
        <v>203</v>
      </c>
      <c r="F6" s="100">
        <v>0</v>
      </c>
      <c r="G6" s="98">
        <v>6833</v>
      </c>
      <c r="H6" s="98">
        <v>8619</v>
      </c>
      <c r="I6" s="98">
        <v>5522</v>
      </c>
      <c r="J6" s="98">
        <v>3531</v>
      </c>
      <c r="K6" s="98">
        <v>2372</v>
      </c>
      <c r="L6" s="99">
        <v>26877</v>
      </c>
      <c r="M6" s="101">
        <v>27080</v>
      </c>
      <c r="N6" s="102">
        <v>0</v>
      </c>
      <c r="O6" s="98">
        <v>0</v>
      </c>
      <c r="P6" s="99">
        <v>0</v>
      </c>
      <c r="Q6" s="100">
        <v>0</v>
      </c>
      <c r="R6" s="98">
        <v>62</v>
      </c>
      <c r="S6" s="98">
        <v>156</v>
      </c>
      <c r="T6" s="98">
        <v>132</v>
      </c>
      <c r="U6" s="98">
        <v>72</v>
      </c>
      <c r="V6" s="98">
        <v>82</v>
      </c>
      <c r="W6" s="99">
        <v>504</v>
      </c>
      <c r="X6" s="101">
        <v>504</v>
      </c>
      <c r="Y6" s="102">
        <v>79</v>
      </c>
      <c r="Z6" s="98">
        <v>124</v>
      </c>
      <c r="AA6" s="99">
        <v>203</v>
      </c>
      <c r="AB6" s="100">
        <v>0</v>
      </c>
      <c r="AC6" s="98">
        <v>6895</v>
      </c>
      <c r="AD6" s="98">
        <v>8775</v>
      </c>
      <c r="AE6" s="98">
        <v>5654</v>
      </c>
      <c r="AF6" s="98">
        <v>3603</v>
      </c>
      <c r="AG6" s="98">
        <v>2454</v>
      </c>
      <c r="AH6" s="99">
        <v>27381</v>
      </c>
      <c r="AI6" s="101">
        <v>27584</v>
      </c>
    </row>
    <row r="7" spans="2:35" ht="21" customHeight="1" x14ac:dyDescent="0.2">
      <c r="B7" s="18" t="s">
        <v>6</v>
      </c>
      <c r="C7" s="97">
        <v>23</v>
      </c>
      <c r="D7" s="98">
        <v>36</v>
      </c>
      <c r="E7" s="99">
        <v>59</v>
      </c>
      <c r="F7" s="100">
        <v>0</v>
      </c>
      <c r="G7" s="98">
        <v>2988</v>
      </c>
      <c r="H7" s="98">
        <v>2432</v>
      </c>
      <c r="I7" s="98">
        <v>1898</v>
      </c>
      <c r="J7" s="98">
        <v>1410</v>
      </c>
      <c r="K7" s="98">
        <v>906</v>
      </c>
      <c r="L7" s="99">
        <v>9634</v>
      </c>
      <c r="M7" s="101">
        <v>9693</v>
      </c>
      <c r="N7" s="102">
        <v>0</v>
      </c>
      <c r="O7" s="98">
        <v>0</v>
      </c>
      <c r="P7" s="99">
        <v>0</v>
      </c>
      <c r="Q7" s="100">
        <v>0</v>
      </c>
      <c r="R7" s="98">
        <v>36</v>
      </c>
      <c r="S7" s="98">
        <v>37</v>
      </c>
      <c r="T7" s="98">
        <v>33</v>
      </c>
      <c r="U7" s="98">
        <v>23</v>
      </c>
      <c r="V7" s="98">
        <v>34</v>
      </c>
      <c r="W7" s="99">
        <v>163</v>
      </c>
      <c r="X7" s="101">
        <v>163</v>
      </c>
      <c r="Y7" s="102">
        <v>23</v>
      </c>
      <c r="Z7" s="98">
        <v>36</v>
      </c>
      <c r="AA7" s="99">
        <v>59</v>
      </c>
      <c r="AB7" s="100">
        <v>0</v>
      </c>
      <c r="AC7" s="98">
        <v>3024</v>
      </c>
      <c r="AD7" s="98">
        <v>2469</v>
      </c>
      <c r="AE7" s="98">
        <v>1931</v>
      </c>
      <c r="AF7" s="98">
        <v>1433</v>
      </c>
      <c r="AG7" s="98">
        <v>940</v>
      </c>
      <c r="AH7" s="99">
        <v>9797</v>
      </c>
      <c r="AI7" s="101">
        <v>9856</v>
      </c>
    </row>
    <row r="8" spans="2:35" ht="21" customHeight="1" x14ac:dyDescent="0.2">
      <c r="B8" s="18" t="s">
        <v>14</v>
      </c>
      <c r="C8" s="97">
        <v>20</v>
      </c>
      <c r="D8" s="98">
        <v>32</v>
      </c>
      <c r="E8" s="99">
        <v>52</v>
      </c>
      <c r="F8" s="100">
        <v>0</v>
      </c>
      <c r="G8" s="98">
        <v>1417</v>
      </c>
      <c r="H8" s="98">
        <v>1575</v>
      </c>
      <c r="I8" s="98">
        <v>1076</v>
      </c>
      <c r="J8" s="98">
        <v>636</v>
      </c>
      <c r="K8" s="98">
        <v>343</v>
      </c>
      <c r="L8" s="99">
        <v>5047</v>
      </c>
      <c r="M8" s="101">
        <v>5099</v>
      </c>
      <c r="N8" s="102">
        <v>0</v>
      </c>
      <c r="O8" s="98">
        <v>0</v>
      </c>
      <c r="P8" s="99">
        <v>0</v>
      </c>
      <c r="Q8" s="100">
        <v>0</v>
      </c>
      <c r="R8" s="98">
        <v>10</v>
      </c>
      <c r="S8" s="98">
        <v>39</v>
      </c>
      <c r="T8" s="98">
        <v>10</v>
      </c>
      <c r="U8" s="98">
        <v>12</v>
      </c>
      <c r="V8" s="98">
        <v>10</v>
      </c>
      <c r="W8" s="99">
        <v>81</v>
      </c>
      <c r="X8" s="101">
        <v>81</v>
      </c>
      <c r="Y8" s="102">
        <v>20</v>
      </c>
      <c r="Z8" s="98">
        <v>32</v>
      </c>
      <c r="AA8" s="99">
        <v>52</v>
      </c>
      <c r="AB8" s="100">
        <v>0</v>
      </c>
      <c r="AC8" s="98">
        <v>1427</v>
      </c>
      <c r="AD8" s="98">
        <v>1614</v>
      </c>
      <c r="AE8" s="98">
        <v>1086</v>
      </c>
      <c r="AF8" s="98">
        <v>648</v>
      </c>
      <c r="AG8" s="98">
        <v>353</v>
      </c>
      <c r="AH8" s="99">
        <v>5128</v>
      </c>
      <c r="AI8" s="101">
        <v>5180</v>
      </c>
    </row>
    <row r="9" spans="2:35" ht="21" customHeight="1" x14ac:dyDescent="0.2">
      <c r="B9" s="18" t="s">
        <v>7</v>
      </c>
      <c r="C9" s="97">
        <v>5</v>
      </c>
      <c r="D9" s="98">
        <v>11</v>
      </c>
      <c r="E9" s="99">
        <v>16</v>
      </c>
      <c r="F9" s="100">
        <v>0</v>
      </c>
      <c r="G9" s="98">
        <v>1355</v>
      </c>
      <c r="H9" s="98">
        <v>916</v>
      </c>
      <c r="I9" s="98">
        <v>631</v>
      </c>
      <c r="J9" s="98">
        <v>334</v>
      </c>
      <c r="K9" s="98">
        <v>169</v>
      </c>
      <c r="L9" s="99">
        <v>3405</v>
      </c>
      <c r="M9" s="101">
        <v>3421</v>
      </c>
      <c r="N9" s="102">
        <v>1</v>
      </c>
      <c r="O9" s="98">
        <v>0</v>
      </c>
      <c r="P9" s="99">
        <v>1</v>
      </c>
      <c r="Q9" s="100">
        <v>0</v>
      </c>
      <c r="R9" s="98">
        <v>14</v>
      </c>
      <c r="S9" s="98">
        <v>17</v>
      </c>
      <c r="T9" s="98">
        <v>9</v>
      </c>
      <c r="U9" s="98">
        <v>6</v>
      </c>
      <c r="V9" s="98">
        <v>10</v>
      </c>
      <c r="W9" s="99">
        <v>56</v>
      </c>
      <c r="X9" s="101">
        <v>57</v>
      </c>
      <c r="Y9" s="102">
        <v>6</v>
      </c>
      <c r="Z9" s="98">
        <v>11</v>
      </c>
      <c r="AA9" s="99">
        <v>17</v>
      </c>
      <c r="AB9" s="100">
        <v>0</v>
      </c>
      <c r="AC9" s="98">
        <v>1369</v>
      </c>
      <c r="AD9" s="98">
        <v>933</v>
      </c>
      <c r="AE9" s="98">
        <v>640</v>
      </c>
      <c r="AF9" s="98">
        <v>340</v>
      </c>
      <c r="AG9" s="98">
        <v>179</v>
      </c>
      <c r="AH9" s="99">
        <v>3461</v>
      </c>
      <c r="AI9" s="101">
        <v>3478</v>
      </c>
    </row>
    <row r="10" spans="2:35" ht="21" customHeight="1" x14ac:dyDescent="0.2">
      <c r="B10" s="18" t="s">
        <v>8</v>
      </c>
      <c r="C10" s="97">
        <v>9</v>
      </c>
      <c r="D10" s="98">
        <v>13</v>
      </c>
      <c r="E10" s="99">
        <v>22</v>
      </c>
      <c r="F10" s="100">
        <v>0</v>
      </c>
      <c r="G10" s="98">
        <v>744</v>
      </c>
      <c r="H10" s="98">
        <v>652</v>
      </c>
      <c r="I10" s="98">
        <v>411</v>
      </c>
      <c r="J10" s="98">
        <v>231</v>
      </c>
      <c r="K10" s="98">
        <v>121</v>
      </c>
      <c r="L10" s="99">
        <v>2159</v>
      </c>
      <c r="M10" s="101">
        <v>2181</v>
      </c>
      <c r="N10" s="102">
        <v>0</v>
      </c>
      <c r="O10" s="98">
        <v>0</v>
      </c>
      <c r="P10" s="99">
        <v>0</v>
      </c>
      <c r="Q10" s="100">
        <v>0</v>
      </c>
      <c r="R10" s="98">
        <v>15</v>
      </c>
      <c r="S10" s="98">
        <v>21</v>
      </c>
      <c r="T10" s="98">
        <v>7</v>
      </c>
      <c r="U10" s="98">
        <v>4</v>
      </c>
      <c r="V10" s="98">
        <v>4</v>
      </c>
      <c r="W10" s="99">
        <v>51</v>
      </c>
      <c r="X10" s="101">
        <v>51</v>
      </c>
      <c r="Y10" s="102">
        <v>9</v>
      </c>
      <c r="Z10" s="98">
        <v>13</v>
      </c>
      <c r="AA10" s="99">
        <v>22</v>
      </c>
      <c r="AB10" s="100">
        <v>0</v>
      </c>
      <c r="AC10" s="98">
        <v>759</v>
      </c>
      <c r="AD10" s="98">
        <v>673</v>
      </c>
      <c r="AE10" s="98">
        <v>418</v>
      </c>
      <c r="AF10" s="98">
        <v>235</v>
      </c>
      <c r="AG10" s="98">
        <v>125</v>
      </c>
      <c r="AH10" s="99">
        <v>2210</v>
      </c>
      <c r="AI10" s="101">
        <v>2232</v>
      </c>
    </row>
    <row r="11" spans="2:35" ht="21" customHeight="1" x14ac:dyDescent="0.2">
      <c r="B11" s="18" t="s">
        <v>9</v>
      </c>
      <c r="C11" s="97">
        <v>5</v>
      </c>
      <c r="D11" s="98">
        <v>4</v>
      </c>
      <c r="E11" s="99">
        <v>9</v>
      </c>
      <c r="F11" s="100">
        <v>0</v>
      </c>
      <c r="G11" s="98">
        <v>516</v>
      </c>
      <c r="H11" s="98">
        <v>371</v>
      </c>
      <c r="I11" s="98">
        <v>279</v>
      </c>
      <c r="J11" s="98">
        <v>183</v>
      </c>
      <c r="K11" s="98">
        <v>90</v>
      </c>
      <c r="L11" s="99">
        <v>1439</v>
      </c>
      <c r="M11" s="101">
        <v>1448</v>
      </c>
      <c r="N11" s="102">
        <v>0</v>
      </c>
      <c r="O11" s="98">
        <v>0</v>
      </c>
      <c r="P11" s="99">
        <v>0</v>
      </c>
      <c r="Q11" s="100">
        <v>0</v>
      </c>
      <c r="R11" s="98">
        <v>12</v>
      </c>
      <c r="S11" s="98">
        <v>9</v>
      </c>
      <c r="T11" s="98">
        <v>8</v>
      </c>
      <c r="U11" s="98">
        <v>5</v>
      </c>
      <c r="V11" s="98">
        <v>3</v>
      </c>
      <c r="W11" s="99">
        <v>37</v>
      </c>
      <c r="X11" s="101">
        <v>37</v>
      </c>
      <c r="Y11" s="102">
        <v>5</v>
      </c>
      <c r="Z11" s="98">
        <v>4</v>
      </c>
      <c r="AA11" s="99">
        <v>9</v>
      </c>
      <c r="AB11" s="100">
        <v>0</v>
      </c>
      <c r="AC11" s="98">
        <v>528</v>
      </c>
      <c r="AD11" s="98">
        <v>380</v>
      </c>
      <c r="AE11" s="98">
        <v>287</v>
      </c>
      <c r="AF11" s="98">
        <v>188</v>
      </c>
      <c r="AG11" s="98">
        <v>93</v>
      </c>
      <c r="AH11" s="99">
        <v>1476</v>
      </c>
      <c r="AI11" s="101">
        <v>1485</v>
      </c>
    </row>
    <row r="12" spans="2:35" ht="21" customHeight="1" x14ac:dyDescent="0.2">
      <c r="B12" s="18" t="s">
        <v>10</v>
      </c>
      <c r="C12" s="97">
        <v>7</v>
      </c>
      <c r="D12" s="98">
        <v>29</v>
      </c>
      <c r="E12" s="99">
        <v>36</v>
      </c>
      <c r="F12" s="100">
        <v>0</v>
      </c>
      <c r="G12" s="98">
        <v>859</v>
      </c>
      <c r="H12" s="98">
        <v>565</v>
      </c>
      <c r="I12" s="98">
        <v>405</v>
      </c>
      <c r="J12" s="98">
        <v>324</v>
      </c>
      <c r="K12" s="98">
        <v>254</v>
      </c>
      <c r="L12" s="99">
        <v>2407</v>
      </c>
      <c r="M12" s="101">
        <v>2443</v>
      </c>
      <c r="N12" s="102">
        <v>0</v>
      </c>
      <c r="O12" s="98">
        <v>1</v>
      </c>
      <c r="P12" s="99">
        <v>1</v>
      </c>
      <c r="Q12" s="100">
        <v>0</v>
      </c>
      <c r="R12" s="98">
        <v>11</v>
      </c>
      <c r="S12" s="98">
        <v>9</v>
      </c>
      <c r="T12" s="98">
        <v>9</v>
      </c>
      <c r="U12" s="98">
        <v>8</v>
      </c>
      <c r="V12" s="98">
        <v>4</v>
      </c>
      <c r="W12" s="99">
        <v>41</v>
      </c>
      <c r="X12" s="101">
        <v>42</v>
      </c>
      <c r="Y12" s="102">
        <v>7</v>
      </c>
      <c r="Z12" s="98">
        <v>30</v>
      </c>
      <c r="AA12" s="99">
        <v>37</v>
      </c>
      <c r="AB12" s="100">
        <v>0</v>
      </c>
      <c r="AC12" s="98">
        <v>870</v>
      </c>
      <c r="AD12" s="98">
        <v>574</v>
      </c>
      <c r="AE12" s="98">
        <v>414</v>
      </c>
      <c r="AF12" s="98">
        <v>332</v>
      </c>
      <c r="AG12" s="98">
        <v>258</v>
      </c>
      <c r="AH12" s="99">
        <v>2448</v>
      </c>
      <c r="AI12" s="101">
        <v>2485</v>
      </c>
    </row>
    <row r="13" spans="2:35" ht="21" customHeight="1" x14ac:dyDescent="0.2">
      <c r="B13" s="18" t="s">
        <v>11</v>
      </c>
      <c r="C13" s="97">
        <v>2</v>
      </c>
      <c r="D13" s="98">
        <v>12</v>
      </c>
      <c r="E13" s="99">
        <v>14</v>
      </c>
      <c r="F13" s="100">
        <v>0</v>
      </c>
      <c r="G13" s="98">
        <v>656</v>
      </c>
      <c r="H13" s="98">
        <v>415</v>
      </c>
      <c r="I13" s="98">
        <v>269</v>
      </c>
      <c r="J13" s="98">
        <v>165</v>
      </c>
      <c r="K13" s="98">
        <v>75</v>
      </c>
      <c r="L13" s="99">
        <v>1580</v>
      </c>
      <c r="M13" s="101">
        <v>1594</v>
      </c>
      <c r="N13" s="102">
        <v>0</v>
      </c>
      <c r="O13" s="98">
        <v>0</v>
      </c>
      <c r="P13" s="99">
        <v>0</v>
      </c>
      <c r="Q13" s="100">
        <v>0</v>
      </c>
      <c r="R13" s="98">
        <v>8</v>
      </c>
      <c r="S13" s="98">
        <v>7</v>
      </c>
      <c r="T13" s="98">
        <v>3</v>
      </c>
      <c r="U13" s="98">
        <v>3</v>
      </c>
      <c r="V13" s="98">
        <v>2</v>
      </c>
      <c r="W13" s="99">
        <v>23</v>
      </c>
      <c r="X13" s="101">
        <v>23</v>
      </c>
      <c r="Y13" s="102">
        <v>2</v>
      </c>
      <c r="Z13" s="98">
        <v>12</v>
      </c>
      <c r="AA13" s="99">
        <v>14</v>
      </c>
      <c r="AB13" s="100">
        <v>0</v>
      </c>
      <c r="AC13" s="98">
        <v>664</v>
      </c>
      <c r="AD13" s="98">
        <v>422</v>
      </c>
      <c r="AE13" s="98">
        <v>272</v>
      </c>
      <c r="AF13" s="98">
        <v>168</v>
      </c>
      <c r="AG13" s="98">
        <v>77</v>
      </c>
      <c r="AH13" s="99">
        <v>1603</v>
      </c>
      <c r="AI13" s="101">
        <v>1617</v>
      </c>
    </row>
    <row r="14" spans="2:35" ht="21" customHeight="1" x14ac:dyDescent="0.2">
      <c r="B14" s="18" t="s">
        <v>12</v>
      </c>
      <c r="C14" s="97">
        <v>0</v>
      </c>
      <c r="D14" s="98">
        <v>1</v>
      </c>
      <c r="E14" s="99">
        <v>1</v>
      </c>
      <c r="F14" s="100">
        <v>0</v>
      </c>
      <c r="G14" s="98">
        <v>457</v>
      </c>
      <c r="H14" s="98">
        <v>362</v>
      </c>
      <c r="I14" s="98">
        <v>295</v>
      </c>
      <c r="J14" s="98">
        <v>204</v>
      </c>
      <c r="K14" s="98">
        <v>124</v>
      </c>
      <c r="L14" s="99">
        <v>1442</v>
      </c>
      <c r="M14" s="101">
        <v>1443</v>
      </c>
      <c r="N14" s="102">
        <v>0</v>
      </c>
      <c r="O14" s="98">
        <v>0</v>
      </c>
      <c r="P14" s="99">
        <v>0</v>
      </c>
      <c r="Q14" s="100">
        <v>0</v>
      </c>
      <c r="R14" s="98">
        <v>3</v>
      </c>
      <c r="S14" s="98">
        <v>6</v>
      </c>
      <c r="T14" s="98">
        <v>3</v>
      </c>
      <c r="U14" s="98">
        <v>3</v>
      </c>
      <c r="V14" s="98">
        <v>3</v>
      </c>
      <c r="W14" s="99">
        <v>18</v>
      </c>
      <c r="X14" s="101">
        <v>18</v>
      </c>
      <c r="Y14" s="102">
        <v>0</v>
      </c>
      <c r="Z14" s="98">
        <v>1</v>
      </c>
      <c r="AA14" s="99">
        <v>1</v>
      </c>
      <c r="AB14" s="100">
        <v>0</v>
      </c>
      <c r="AC14" s="98">
        <v>460</v>
      </c>
      <c r="AD14" s="98">
        <v>368</v>
      </c>
      <c r="AE14" s="98">
        <v>298</v>
      </c>
      <c r="AF14" s="98">
        <v>207</v>
      </c>
      <c r="AG14" s="98">
        <v>127</v>
      </c>
      <c r="AH14" s="99">
        <v>1460</v>
      </c>
      <c r="AI14" s="101">
        <v>1461</v>
      </c>
    </row>
    <row r="15" spans="2:35" ht="21" customHeight="1" x14ac:dyDescent="0.2">
      <c r="B15" s="18" t="s">
        <v>13</v>
      </c>
      <c r="C15" s="97">
        <v>1</v>
      </c>
      <c r="D15" s="98">
        <v>3</v>
      </c>
      <c r="E15" s="99">
        <v>4</v>
      </c>
      <c r="F15" s="100">
        <v>0</v>
      </c>
      <c r="G15" s="98">
        <v>154</v>
      </c>
      <c r="H15" s="98">
        <v>150</v>
      </c>
      <c r="I15" s="98">
        <v>94</v>
      </c>
      <c r="J15" s="98">
        <v>61</v>
      </c>
      <c r="K15" s="98">
        <v>28</v>
      </c>
      <c r="L15" s="99">
        <v>487</v>
      </c>
      <c r="M15" s="101">
        <v>491</v>
      </c>
      <c r="N15" s="102">
        <v>0</v>
      </c>
      <c r="O15" s="98">
        <v>0</v>
      </c>
      <c r="P15" s="99">
        <v>0</v>
      </c>
      <c r="Q15" s="100">
        <v>0</v>
      </c>
      <c r="R15" s="98">
        <v>2</v>
      </c>
      <c r="S15" s="98">
        <v>2</v>
      </c>
      <c r="T15" s="98">
        <v>5</v>
      </c>
      <c r="U15" s="98">
        <v>1</v>
      </c>
      <c r="V15" s="98">
        <v>0</v>
      </c>
      <c r="W15" s="99">
        <v>10</v>
      </c>
      <c r="X15" s="101">
        <v>10</v>
      </c>
      <c r="Y15" s="102">
        <v>1</v>
      </c>
      <c r="Z15" s="98">
        <v>3</v>
      </c>
      <c r="AA15" s="99">
        <v>4</v>
      </c>
      <c r="AB15" s="100">
        <v>0</v>
      </c>
      <c r="AC15" s="98">
        <v>156</v>
      </c>
      <c r="AD15" s="98">
        <v>152</v>
      </c>
      <c r="AE15" s="98">
        <v>99</v>
      </c>
      <c r="AF15" s="98">
        <v>62</v>
      </c>
      <c r="AG15" s="98">
        <v>28</v>
      </c>
      <c r="AH15" s="99">
        <v>497</v>
      </c>
      <c r="AI15" s="101">
        <v>501</v>
      </c>
    </row>
    <row r="16" spans="2:35" ht="21" customHeight="1" x14ac:dyDescent="0.2">
      <c r="B16" s="18" t="s">
        <v>15</v>
      </c>
      <c r="C16" s="97">
        <v>3</v>
      </c>
      <c r="D16" s="98">
        <v>16</v>
      </c>
      <c r="E16" s="99">
        <v>19</v>
      </c>
      <c r="F16" s="100">
        <v>0</v>
      </c>
      <c r="G16" s="98">
        <v>198</v>
      </c>
      <c r="H16" s="98">
        <v>227</v>
      </c>
      <c r="I16" s="98">
        <v>134</v>
      </c>
      <c r="J16" s="98">
        <v>101</v>
      </c>
      <c r="K16" s="98">
        <v>46</v>
      </c>
      <c r="L16" s="99">
        <v>706</v>
      </c>
      <c r="M16" s="101">
        <v>725</v>
      </c>
      <c r="N16" s="102">
        <v>0</v>
      </c>
      <c r="O16" s="98">
        <v>1</v>
      </c>
      <c r="P16" s="99">
        <v>1</v>
      </c>
      <c r="Q16" s="100">
        <v>0</v>
      </c>
      <c r="R16" s="98">
        <v>2</v>
      </c>
      <c r="S16" s="98">
        <v>6</v>
      </c>
      <c r="T16" s="98">
        <v>1</v>
      </c>
      <c r="U16" s="98">
        <v>1</v>
      </c>
      <c r="V16" s="98">
        <v>1</v>
      </c>
      <c r="W16" s="99">
        <v>11</v>
      </c>
      <c r="X16" s="101">
        <v>12</v>
      </c>
      <c r="Y16" s="102">
        <v>3</v>
      </c>
      <c r="Z16" s="98">
        <v>17</v>
      </c>
      <c r="AA16" s="99">
        <v>20</v>
      </c>
      <c r="AB16" s="100">
        <v>0</v>
      </c>
      <c r="AC16" s="98">
        <v>200</v>
      </c>
      <c r="AD16" s="98">
        <v>233</v>
      </c>
      <c r="AE16" s="98">
        <v>135</v>
      </c>
      <c r="AF16" s="98">
        <v>102</v>
      </c>
      <c r="AG16" s="98">
        <v>47</v>
      </c>
      <c r="AH16" s="99">
        <v>717</v>
      </c>
      <c r="AI16" s="101">
        <v>737</v>
      </c>
    </row>
    <row r="17" spans="2:35" ht="21" customHeight="1" x14ac:dyDescent="0.2">
      <c r="B17" s="18" t="s">
        <v>16</v>
      </c>
      <c r="C17" s="97">
        <v>1</v>
      </c>
      <c r="D17" s="98">
        <v>2</v>
      </c>
      <c r="E17" s="99">
        <v>3</v>
      </c>
      <c r="F17" s="100">
        <v>0</v>
      </c>
      <c r="G17" s="98">
        <v>199</v>
      </c>
      <c r="H17" s="98">
        <v>284</v>
      </c>
      <c r="I17" s="98">
        <v>189</v>
      </c>
      <c r="J17" s="98">
        <v>127</v>
      </c>
      <c r="K17" s="98">
        <v>78</v>
      </c>
      <c r="L17" s="99">
        <v>877</v>
      </c>
      <c r="M17" s="101">
        <v>880</v>
      </c>
      <c r="N17" s="102">
        <v>0</v>
      </c>
      <c r="O17" s="98">
        <v>0</v>
      </c>
      <c r="P17" s="99">
        <v>0</v>
      </c>
      <c r="Q17" s="100">
        <v>0</v>
      </c>
      <c r="R17" s="98">
        <v>1</v>
      </c>
      <c r="S17" s="98">
        <v>4</v>
      </c>
      <c r="T17" s="98">
        <v>6</v>
      </c>
      <c r="U17" s="98">
        <v>1</v>
      </c>
      <c r="V17" s="98">
        <v>3</v>
      </c>
      <c r="W17" s="99">
        <v>15</v>
      </c>
      <c r="X17" s="101">
        <v>15</v>
      </c>
      <c r="Y17" s="102">
        <v>1</v>
      </c>
      <c r="Z17" s="98">
        <v>2</v>
      </c>
      <c r="AA17" s="99">
        <v>3</v>
      </c>
      <c r="AB17" s="100">
        <v>0</v>
      </c>
      <c r="AC17" s="98">
        <v>200</v>
      </c>
      <c r="AD17" s="98">
        <v>288</v>
      </c>
      <c r="AE17" s="98">
        <v>195</v>
      </c>
      <c r="AF17" s="98">
        <v>128</v>
      </c>
      <c r="AG17" s="98">
        <v>81</v>
      </c>
      <c r="AH17" s="99">
        <v>892</v>
      </c>
      <c r="AI17" s="101">
        <v>895</v>
      </c>
    </row>
    <row r="18" spans="2:35" ht="21" customHeight="1" x14ac:dyDescent="0.2">
      <c r="B18" s="18" t="s">
        <v>17</v>
      </c>
      <c r="C18" s="97">
        <v>2</v>
      </c>
      <c r="D18" s="98">
        <v>4</v>
      </c>
      <c r="E18" s="99">
        <v>6</v>
      </c>
      <c r="F18" s="100">
        <v>0</v>
      </c>
      <c r="G18" s="98">
        <v>310</v>
      </c>
      <c r="H18" s="98">
        <v>409</v>
      </c>
      <c r="I18" s="98">
        <v>272</v>
      </c>
      <c r="J18" s="98">
        <v>200</v>
      </c>
      <c r="K18" s="98">
        <v>142</v>
      </c>
      <c r="L18" s="99">
        <v>1333</v>
      </c>
      <c r="M18" s="101">
        <v>1339</v>
      </c>
      <c r="N18" s="102">
        <v>0</v>
      </c>
      <c r="O18" s="98">
        <v>0</v>
      </c>
      <c r="P18" s="99">
        <v>0</v>
      </c>
      <c r="Q18" s="100">
        <v>0</v>
      </c>
      <c r="R18" s="98">
        <v>2</v>
      </c>
      <c r="S18" s="98">
        <v>14</v>
      </c>
      <c r="T18" s="98">
        <v>10</v>
      </c>
      <c r="U18" s="98">
        <v>10</v>
      </c>
      <c r="V18" s="98">
        <v>6</v>
      </c>
      <c r="W18" s="99">
        <v>42</v>
      </c>
      <c r="X18" s="101">
        <v>42</v>
      </c>
      <c r="Y18" s="102">
        <v>2</v>
      </c>
      <c r="Z18" s="98">
        <v>4</v>
      </c>
      <c r="AA18" s="99">
        <v>6</v>
      </c>
      <c r="AB18" s="100">
        <v>0</v>
      </c>
      <c r="AC18" s="98">
        <v>312</v>
      </c>
      <c r="AD18" s="98">
        <v>423</v>
      </c>
      <c r="AE18" s="98">
        <v>282</v>
      </c>
      <c r="AF18" s="98">
        <v>210</v>
      </c>
      <c r="AG18" s="98">
        <v>148</v>
      </c>
      <c r="AH18" s="99">
        <v>1375</v>
      </c>
      <c r="AI18" s="101">
        <v>1381</v>
      </c>
    </row>
    <row r="19" spans="2:35" ht="21" customHeight="1" x14ac:dyDescent="0.2">
      <c r="B19" s="18" t="s">
        <v>18</v>
      </c>
      <c r="C19" s="97">
        <v>11</v>
      </c>
      <c r="D19" s="98">
        <v>12</v>
      </c>
      <c r="E19" s="99">
        <v>23</v>
      </c>
      <c r="F19" s="100">
        <v>0</v>
      </c>
      <c r="G19" s="98">
        <v>375</v>
      </c>
      <c r="H19" s="98">
        <v>327</v>
      </c>
      <c r="I19" s="98">
        <v>275</v>
      </c>
      <c r="J19" s="98">
        <v>158</v>
      </c>
      <c r="K19" s="98">
        <v>94</v>
      </c>
      <c r="L19" s="99">
        <v>1229</v>
      </c>
      <c r="M19" s="101">
        <v>1252</v>
      </c>
      <c r="N19" s="102">
        <v>0</v>
      </c>
      <c r="O19" s="98">
        <v>0</v>
      </c>
      <c r="P19" s="99">
        <v>0</v>
      </c>
      <c r="Q19" s="100">
        <v>0</v>
      </c>
      <c r="R19" s="98">
        <v>2</v>
      </c>
      <c r="S19" s="98">
        <v>5</v>
      </c>
      <c r="T19" s="98">
        <v>2</v>
      </c>
      <c r="U19" s="98">
        <v>6</v>
      </c>
      <c r="V19" s="98">
        <v>4</v>
      </c>
      <c r="W19" s="99">
        <v>19</v>
      </c>
      <c r="X19" s="101">
        <v>19</v>
      </c>
      <c r="Y19" s="102">
        <v>11</v>
      </c>
      <c r="Z19" s="98">
        <v>12</v>
      </c>
      <c r="AA19" s="99">
        <v>23</v>
      </c>
      <c r="AB19" s="100">
        <v>0</v>
      </c>
      <c r="AC19" s="98">
        <v>377</v>
      </c>
      <c r="AD19" s="98">
        <v>332</v>
      </c>
      <c r="AE19" s="98">
        <v>277</v>
      </c>
      <c r="AF19" s="98">
        <v>164</v>
      </c>
      <c r="AG19" s="98">
        <v>98</v>
      </c>
      <c r="AH19" s="99">
        <v>1248</v>
      </c>
      <c r="AI19" s="101">
        <v>1271</v>
      </c>
    </row>
    <row r="20" spans="2:35" ht="21" customHeight="1" x14ac:dyDescent="0.2">
      <c r="B20" s="18" t="s">
        <v>19</v>
      </c>
      <c r="C20" s="97">
        <v>1</v>
      </c>
      <c r="D20" s="98">
        <v>3</v>
      </c>
      <c r="E20" s="99">
        <v>4</v>
      </c>
      <c r="F20" s="100">
        <v>0</v>
      </c>
      <c r="G20" s="98">
        <v>202</v>
      </c>
      <c r="H20" s="98">
        <v>202</v>
      </c>
      <c r="I20" s="98">
        <v>113</v>
      </c>
      <c r="J20" s="98">
        <v>63</v>
      </c>
      <c r="K20" s="98">
        <v>56</v>
      </c>
      <c r="L20" s="99">
        <v>636</v>
      </c>
      <c r="M20" s="101">
        <v>640</v>
      </c>
      <c r="N20" s="102">
        <v>0</v>
      </c>
      <c r="O20" s="98">
        <v>0</v>
      </c>
      <c r="P20" s="99">
        <v>0</v>
      </c>
      <c r="Q20" s="100">
        <v>0</v>
      </c>
      <c r="R20" s="98">
        <v>0</v>
      </c>
      <c r="S20" s="98">
        <v>1</v>
      </c>
      <c r="T20" s="98">
        <v>3</v>
      </c>
      <c r="U20" s="98">
        <v>2</v>
      </c>
      <c r="V20" s="98">
        <v>0</v>
      </c>
      <c r="W20" s="99">
        <v>6</v>
      </c>
      <c r="X20" s="101">
        <v>6</v>
      </c>
      <c r="Y20" s="102">
        <v>1</v>
      </c>
      <c r="Z20" s="98">
        <v>3</v>
      </c>
      <c r="AA20" s="99">
        <v>4</v>
      </c>
      <c r="AB20" s="100">
        <v>0</v>
      </c>
      <c r="AC20" s="98">
        <v>202</v>
      </c>
      <c r="AD20" s="98">
        <v>203</v>
      </c>
      <c r="AE20" s="98">
        <v>116</v>
      </c>
      <c r="AF20" s="98">
        <v>65</v>
      </c>
      <c r="AG20" s="98">
        <v>56</v>
      </c>
      <c r="AH20" s="99">
        <v>642</v>
      </c>
      <c r="AI20" s="101">
        <v>646</v>
      </c>
    </row>
    <row r="21" spans="2:35" ht="21" customHeight="1" x14ac:dyDescent="0.2">
      <c r="B21" s="18" t="s">
        <v>20</v>
      </c>
      <c r="C21" s="97">
        <v>1</v>
      </c>
      <c r="D21" s="98">
        <v>3</v>
      </c>
      <c r="E21" s="99">
        <v>4</v>
      </c>
      <c r="F21" s="100">
        <v>0</v>
      </c>
      <c r="G21" s="98">
        <v>209</v>
      </c>
      <c r="H21" s="98">
        <v>126</v>
      </c>
      <c r="I21" s="98">
        <v>97</v>
      </c>
      <c r="J21" s="98">
        <v>35</v>
      </c>
      <c r="K21" s="98">
        <v>21</v>
      </c>
      <c r="L21" s="99">
        <v>488</v>
      </c>
      <c r="M21" s="101">
        <v>492</v>
      </c>
      <c r="N21" s="102">
        <v>0</v>
      </c>
      <c r="O21" s="98">
        <v>0</v>
      </c>
      <c r="P21" s="99">
        <v>0</v>
      </c>
      <c r="Q21" s="100">
        <v>0</v>
      </c>
      <c r="R21" s="98">
        <v>4</v>
      </c>
      <c r="S21" s="98">
        <v>2</v>
      </c>
      <c r="T21" s="98">
        <v>0</v>
      </c>
      <c r="U21" s="98">
        <v>0</v>
      </c>
      <c r="V21" s="98">
        <v>0</v>
      </c>
      <c r="W21" s="99">
        <v>6</v>
      </c>
      <c r="X21" s="101">
        <v>6</v>
      </c>
      <c r="Y21" s="102">
        <v>1</v>
      </c>
      <c r="Z21" s="98">
        <v>3</v>
      </c>
      <c r="AA21" s="99">
        <v>4</v>
      </c>
      <c r="AB21" s="100">
        <v>0</v>
      </c>
      <c r="AC21" s="98">
        <v>213</v>
      </c>
      <c r="AD21" s="98">
        <v>128</v>
      </c>
      <c r="AE21" s="98">
        <v>97</v>
      </c>
      <c r="AF21" s="98">
        <v>35</v>
      </c>
      <c r="AG21" s="98">
        <v>21</v>
      </c>
      <c r="AH21" s="99">
        <v>494</v>
      </c>
      <c r="AI21" s="101">
        <v>498</v>
      </c>
    </row>
    <row r="22" spans="2:35" ht="21" customHeight="1" x14ac:dyDescent="0.2">
      <c r="B22" s="18" t="s">
        <v>21</v>
      </c>
      <c r="C22" s="97">
        <v>0</v>
      </c>
      <c r="D22" s="98">
        <v>0</v>
      </c>
      <c r="E22" s="99">
        <v>0</v>
      </c>
      <c r="F22" s="100">
        <v>0</v>
      </c>
      <c r="G22" s="98">
        <v>212</v>
      </c>
      <c r="H22" s="98">
        <v>248</v>
      </c>
      <c r="I22" s="98">
        <v>121</v>
      </c>
      <c r="J22" s="98">
        <v>62</v>
      </c>
      <c r="K22" s="98">
        <v>38</v>
      </c>
      <c r="L22" s="99">
        <v>681</v>
      </c>
      <c r="M22" s="101">
        <v>681</v>
      </c>
      <c r="N22" s="102">
        <v>0</v>
      </c>
      <c r="O22" s="98">
        <v>0</v>
      </c>
      <c r="P22" s="99">
        <v>0</v>
      </c>
      <c r="Q22" s="100">
        <v>0</v>
      </c>
      <c r="R22" s="98">
        <v>1</v>
      </c>
      <c r="S22" s="98">
        <v>5</v>
      </c>
      <c r="T22" s="98">
        <v>3</v>
      </c>
      <c r="U22" s="98">
        <v>2</v>
      </c>
      <c r="V22" s="98">
        <v>3</v>
      </c>
      <c r="W22" s="99">
        <v>14</v>
      </c>
      <c r="X22" s="101">
        <v>14</v>
      </c>
      <c r="Y22" s="102">
        <v>0</v>
      </c>
      <c r="Z22" s="98">
        <v>0</v>
      </c>
      <c r="AA22" s="99">
        <v>0</v>
      </c>
      <c r="AB22" s="100">
        <v>0</v>
      </c>
      <c r="AC22" s="98">
        <v>213</v>
      </c>
      <c r="AD22" s="98">
        <v>253</v>
      </c>
      <c r="AE22" s="98">
        <v>124</v>
      </c>
      <c r="AF22" s="98">
        <v>64</v>
      </c>
      <c r="AG22" s="98">
        <v>41</v>
      </c>
      <c r="AH22" s="99">
        <v>695</v>
      </c>
      <c r="AI22" s="101">
        <v>695</v>
      </c>
    </row>
    <row r="23" spans="2:35" ht="21" customHeight="1" x14ac:dyDescent="0.2">
      <c r="B23" s="18" t="s">
        <v>22</v>
      </c>
      <c r="C23" s="97">
        <v>3</v>
      </c>
      <c r="D23" s="98">
        <v>5</v>
      </c>
      <c r="E23" s="99">
        <v>8</v>
      </c>
      <c r="F23" s="100">
        <v>0</v>
      </c>
      <c r="G23" s="98">
        <v>174</v>
      </c>
      <c r="H23" s="98">
        <v>146</v>
      </c>
      <c r="I23" s="98">
        <v>71</v>
      </c>
      <c r="J23" s="98">
        <v>56</v>
      </c>
      <c r="K23" s="98">
        <v>23</v>
      </c>
      <c r="L23" s="99">
        <v>470</v>
      </c>
      <c r="M23" s="101">
        <v>478</v>
      </c>
      <c r="N23" s="102">
        <v>0</v>
      </c>
      <c r="O23" s="98">
        <v>0</v>
      </c>
      <c r="P23" s="99">
        <v>0</v>
      </c>
      <c r="Q23" s="100">
        <v>0</v>
      </c>
      <c r="R23" s="98">
        <v>4</v>
      </c>
      <c r="S23" s="98">
        <v>0</v>
      </c>
      <c r="T23" s="98">
        <v>2</v>
      </c>
      <c r="U23" s="98">
        <v>1</v>
      </c>
      <c r="V23" s="98">
        <v>0</v>
      </c>
      <c r="W23" s="99">
        <v>7</v>
      </c>
      <c r="X23" s="101">
        <v>7</v>
      </c>
      <c r="Y23" s="102">
        <v>3</v>
      </c>
      <c r="Z23" s="98">
        <v>5</v>
      </c>
      <c r="AA23" s="99">
        <v>8</v>
      </c>
      <c r="AB23" s="100">
        <v>0</v>
      </c>
      <c r="AC23" s="98">
        <v>178</v>
      </c>
      <c r="AD23" s="98">
        <v>146</v>
      </c>
      <c r="AE23" s="98">
        <v>73</v>
      </c>
      <c r="AF23" s="98">
        <v>57</v>
      </c>
      <c r="AG23" s="98">
        <v>23</v>
      </c>
      <c r="AH23" s="99">
        <v>477</v>
      </c>
      <c r="AI23" s="101">
        <v>485</v>
      </c>
    </row>
    <row r="24" spans="2:35" ht="21" customHeight="1" x14ac:dyDescent="0.2">
      <c r="B24" s="18" t="s">
        <v>23</v>
      </c>
      <c r="C24" s="97">
        <v>0</v>
      </c>
      <c r="D24" s="98">
        <v>1</v>
      </c>
      <c r="E24" s="99">
        <v>1</v>
      </c>
      <c r="F24" s="100">
        <v>0</v>
      </c>
      <c r="G24" s="98">
        <v>90</v>
      </c>
      <c r="H24" s="98">
        <v>61</v>
      </c>
      <c r="I24" s="98">
        <v>39</v>
      </c>
      <c r="J24" s="98">
        <v>26</v>
      </c>
      <c r="K24" s="98">
        <v>15</v>
      </c>
      <c r="L24" s="99">
        <v>231</v>
      </c>
      <c r="M24" s="101">
        <v>232</v>
      </c>
      <c r="N24" s="102">
        <v>0</v>
      </c>
      <c r="O24" s="98">
        <v>0</v>
      </c>
      <c r="P24" s="99">
        <v>0</v>
      </c>
      <c r="Q24" s="100">
        <v>0</v>
      </c>
      <c r="R24" s="98">
        <v>0</v>
      </c>
      <c r="S24" s="98">
        <v>2</v>
      </c>
      <c r="T24" s="98">
        <v>0</v>
      </c>
      <c r="U24" s="98">
        <v>0</v>
      </c>
      <c r="V24" s="98">
        <v>0</v>
      </c>
      <c r="W24" s="99">
        <v>2</v>
      </c>
      <c r="X24" s="101">
        <v>2</v>
      </c>
      <c r="Y24" s="102">
        <v>0</v>
      </c>
      <c r="Z24" s="98">
        <v>1</v>
      </c>
      <c r="AA24" s="99">
        <v>1</v>
      </c>
      <c r="AB24" s="100">
        <v>0</v>
      </c>
      <c r="AC24" s="98">
        <v>90</v>
      </c>
      <c r="AD24" s="98">
        <v>63</v>
      </c>
      <c r="AE24" s="98">
        <v>39</v>
      </c>
      <c r="AF24" s="98">
        <v>26</v>
      </c>
      <c r="AG24" s="98">
        <v>15</v>
      </c>
      <c r="AH24" s="99">
        <v>233</v>
      </c>
      <c r="AI24" s="101">
        <v>234</v>
      </c>
    </row>
    <row r="25" spans="2:35" ht="21" customHeight="1" x14ac:dyDescent="0.2">
      <c r="B25" s="18" t="s">
        <v>24</v>
      </c>
      <c r="C25" s="97">
        <v>4</v>
      </c>
      <c r="D25" s="98">
        <v>2</v>
      </c>
      <c r="E25" s="99">
        <v>6</v>
      </c>
      <c r="F25" s="100">
        <v>0</v>
      </c>
      <c r="G25" s="98">
        <v>51</v>
      </c>
      <c r="H25" s="98">
        <v>32</v>
      </c>
      <c r="I25" s="98">
        <v>35</v>
      </c>
      <c r="J25" s="98">
        <v>24</v>
      </c>
      <c r="K25" s="98">
        <v>10</v>
      </c>
      <c r="L25" s="99">
        <v>152</v>
      </c>
      <c r="M25" s="101">
        <v>158</v>
      </c>
      <c r="N25" s="102">
        <v>0</v>
      </c>
      <c r="O25" s="98">
        <v>0</v>
      </c>
      <c r="P25" s="99">
        <v>0</v>
      </c>
      <c r="Q25" s="100">
        <v>0</v>
      </c>
      <c r="R25" s="98">
        <v>0</v>
      </c>
      <c r="S25" s="98">
        <v>1</v>
      </c>
      <c r="T25" s="98">
        <v>0</v>
      </c>
      <c r="U25" s="98">
        <v>0</v>
      </c>
      <c r="V25" s="98">
        <v>0</v>
      </c>
      <c r="W25" s="99">
        <v>1</v>
      </c>
      <c r="X25" s="101">
        <v>1</v>
      </c>
      <c r="Y25" s="102">
        <v>4</v>
      </c>
      <c r="Z25" s="98">
        <v>2</v>
      </c>
      <c r="AA25" s="99">
        <v>6</v>
      </c>
      <c r="AB25" s="100">
        <v>0</v>
      </c>
      <c r="AC25" s="98">
        <v>51</v>
      </c>
      <c r="AD25" s="98">
        <v>33</v>
      </c>
      <c r="AE25" s="98">
        <v>35</v>
      </c>
      <c r="AF25" s="98">
        <v>24</v>
      </c>
      <c r="AG25" s="98">
        <v>10</v>
      </c>
      <c r="AH25" s="99">
        <v>153</v>
      </c>
      <c r="AI25" s="101">
        <v>159</v>
      </c>
    </row>
    <row r="26" spans="2:35" ht="21" customHeight="1" x14ac:dyDescent="0.2">
      <c r="B26" s="18" t="s">
        <v>25</v>
      </c>
      <c r="C26" s="97">
        <v>2</v>
      </c>
      <c r="D26" s="98">
        <v>0</v>
      </c>
      <c r="E26" s="99">
        <v>2</v>
      </c>
      <c r="F26" s="100">
        <v>0</v>
      </c>
      <c r="G26" s="98">
        <v>93</v>
      </c>
      <c r="H26" s="98">
        <v>49</v>
      </c>
      <c r="I26" s="98">
        <v>24</v>
      </c>
      <c r="J26" s="98">
        <v>9</v>
      </c>
      <c r="K26" s="98">
        <v>2</v>
      </c>
      <c r="L26" s="99">
        <v>177</v>
      </c>
      <c r="M26" s="101">
        <v>179</v>
      </c>
      <c r="N26" s="102">
        <v>0</v>
      </c>
      <c r="O26" s="98">
        <v>0</v>
      </c>
      <c r="P26" s="99">
        <v>0</v>
      </c>
      <c r="Q26" s="100">
        <v>0</v>
      </c>
      <c r="R26" s="98">
        <v>1</v>
      </c>
      <c r="S26" s="98">
        <v>1</v>
      </c>
      <c r="T26" s="98">
        <v>1</v>
      </c>
      <c r="U26" s="98">
        <v>0</v>
      </c>
      <c r="V26" s="98">
        <v>0</v>
      </c>
      <c r="W26" s="99">
        <v>3</v>
      </c>
      <c r="X26" s="101">
        <v>3</v>
      </c>
      <c r="Y26" s="102">
        <v>2</v>
      </c>
      <c r="Z26" s="98">
        <v>0</v>
      </c>
      <c r="AA26" s="99">
        <v>2</v>
      </c>
      <c r="AB26" s="100">
        <v>0</v>
      </c>
      <c r="AC26" s="98">
        <v>94</v>
      </c>
      <c r="AD26" s="98">
        <v>50</v>
      </c>
      <c r="AE26" s="98">
        <v>25</v>
      </c>
      <c r="AF26" s="98">
        <v>9</v>
      </c>
      <c r="AG26" s="98">
        <v>2</v>
      </c>
      <c r="AH26" s="99">
        <v>180</v>
      </c>
      <c r="AI26" s="101">
        <v>182</v>
      </c>
    </row>
    <row r="27" spans="2:35" ht="21" customHeight="1" x14ac:dyDescent="0.2">
      <c r="B27" s="18" t="s">
        <v>26</v>
      </c>
      <c r="C27" s="97">
        <v>1</v>
      </c>
      <c r="D27" s="98">
        <v>0</v>
      </c>
      <c r="E27" s="99">
        <v>1</v>
      </c>
      <c r="F27" s="100">
        <v>0</v>
      </c>
      <c r="G27" s="98">
        <v>64</v>
      </c>
      <c r="H27" s="98">
        <v>62</v>
      </c>
      <c r="I27" s="98">
        <v>53</v>
      </c>
      <c r="J27" s="98">
        <v>25</v>
      </c>
      <c r="K27" s="98">
        <v>18</v>
      </c>
      <c r="L27" s="99">
        <v>222</v>
      </c>
      <c r="M27" s="101">
        <v>223</v>
      </c>
      <c r="N27" s="102">
        <v>0</v>
      </c>
      <c r="O27" s="98">
        <v>0</v>
      </c>
      <c r="P27" s="99">
        <v>0</v>
      </c>
      <c r="Q27" s="100">
        <v>0</v>
      </c>
      <c r="R27" s="98">
        <v>2</v>
      </c>
      <c r="S27" s="98">
        <v>0</v>
      </c>
      <c r="T27" s="98">
        <v>0</v>
      </c>
      <c r="U27" s="98">
        <v>0</v>
      </c>
      <c r="V27" s="98">
        <v>0</v>
      </c>
      <c r="W27" s="99">
        <v>2</v>
      </c>
      <c r="X27" s="101">
        <v>2</v>
      </c>
      <c r="Y27" s="102">
        <v>1</v>
      </c>
      <c r="Z27" s="98">
        <v>0</v>
      </c>
      <c r="AA27" s="99">
        <v>1</v>
      </c>
      <c r="AB27" s="100">
        <v>0</v>
      </c>
      <c r="AC27" s="98">
        <v>66</v>
      </c>
      <c r="AD27" s="98">
        <v>62</v>
      </c>
      <c r="AE27" s="98">
        <v>53</v>
      </c>
      <c r="AF27" s="98">
        <v>25</v>
      </c>
      <c r="AG27" s="98">
        <v>18</v>
      </c>
      <c r="AH27" s="99">
        <v>224</v>
      </c>
      <c r="AI27" s="101">
        <v>225</v>
      </c>
    </row>
    <row r="28" spans="2:35" ht="21" customHeight="1" x14ac:dyDescent="0.2">
      <c r="B28" s="18" t="s">
        <v>27</v>
      </c>
      <c r="C28" s="97">
        <v>0</v>
      </c>
      <c r="D28" s="98">
        <v>0</v>
      </c>
      <c r="E28" s="99">
        <v>0</v>
      </c>
      <c r="F28" s="100">
        <v>0</v>
      </c>
      <c r="G28" s="98">
        <v>52</v>
      </c>
      <c r="H28" s="98">
        <v>23</v>
      </c>
      <c r="I28" s="98">
        <v>29</v>
      </c>
      <c r="J28" s="98">
        <v>20</v>
      </c>
      <c r="K28" s="98">
        <v>10</v>
      </c>
      <c r="L28" s="99">
        <v>134</v>
      </c>
      <c r="M28" s="101">
        <v>134</v>
      </c>
      <c r="N28" s="102">
        <v>0</v>
      </c>
      <c r="O28" s="98">
        <v>0</v>
      </c>
      <c r="P28" s="99">
        <v>0</v>
      </c>
      <c r="Q28" s="100">
        <v>0</v>
      </c>
      <c r="R28" s="98">
        <v>1</v>
      </c>
      <c r="S28" s="98">
        <v>0</v>
      </c>
      <c r="T28" s="98">
        <v>1</v>
      </c>
      <c r="U28" s="98">
        <v>0</v>
      </c>
      <c r="V28" s="98">
        <v>0</v>
      </c>
      <c r="W28" s="99">
        <v>2</v>
      </c>
      <c r="X28" s="101">
        <v>2</v>
      </c>
      <c r="Y28" s="102">
        <v>0</v>
      </c>
      <c r="Z28" s="98">
        <v>0</v>
      </c>
      <c r="AA28" s="99">
        <v>0</v>
      </c>
      <c r="AB28" s="100">
        <v>0</v>
      </c>
      <c r="AC28" s="98">
        <v>53</v>
      </c>
      <c r="AD28" s="98">
        <v>23</v>
      </c>
      <c r="AE28" s="98">
        <v>30</v>
      </c>
      <c r="AF28" s="98">
        <v>20</v>
      </c>
      <c r="AG28" s="98">
        <v>10</v>
      </c>
      <c r="AH28" s="99">
        <v>136</v>
      </c>
      <c r="AI28" s="101">
        <v>136</v>
      </c>
    </row>
    <row r="29" spans="2:35" ht="21" customHeight="1" x14ac:dyDescent="0.2">
      <c r="B29" s="18" t="s">
        <v>28</v>
      </c>
      <c r="C29" s="97">
        <v>0</v>
      </c>
      <c r="D29" s="98">
        <v>0</v>
      </c>
      <c r="E29" s="99">
        <v>0</v>
      </c>
      <c r="F29" s="100">
        <v>0</v>
      </c>
      <c r="G29" s="98">
        <v>23</v>
      </c>
      <c r="H29" s="98">
        <v>20</v>
      </c>
      <c r="I29" s="98">
        <v>9</v>
      </c>
      <c r="J29" s="98">
        <v>2</v>
      </c>
      <c r="K29" s="98">
        <v>4</v>
      </c>
      <c r="L29" s="99">
        <v>58</v>
      </c>
      <c r="M29" s="101">
        <v>58</v>
      </c>
      <c r="N29" s="102">
        <v>0</v>
      </c>
      <c r="O29" s="98">
        <v>0</v>
      </c>
      <c r="P29" s="99">
        <v>0</v>
      </c>
      <c r="Q29" s="100">
        <v>0</v>
      </c>
      <c r="R29" s="98">
        <v>0</v>
      </c>
      <c r="S29" s="98">
        <v>0</v>
      </c>
      <c r="T29" s="98">
        <v>0</v>
      </c>
      <c r="U29" s="98">
        <v>0</v>
      </c>
      <c r="V29" s="98">
        <v>1</v>
      </c>
      <c r="W29" s="99">
        <v>1</v>
      </c>
      <c r="X29" s="101">
        <v>1</v>
      </c>
      <c r="Y29" s="102">
        <v>0</v>
      </c>
      <c r="Z29" s="98">
        <v>0</v>
      </c>
      <c r="AA29" s="99">
        <v>0</v>
      </c>
      <c r="AB29" s="100">
        <v>0</v>
      </c>
      <c r="AC29" s="98">
        <v>23</v>
      </c>
      <c r="AD29" s="98">
        <v>20</v>
      </c>
      <c r="AE29" s="98">
        <v>9</v>
      </c>
      <c r="AF29" s="98">
        <v>2</v>
      </c>
      <c r="AG29" s="98">
        <v>5</v>
      </c>
      <c r="AH29" s="99">
        <v>59</v>
      </c>
      <c r="AI29" s="101">
        <v>59</v>
      </c>
    </row>
    <row r="30" spans="2:35" ht="21" customHeight="1" x14ac:dyDescent="0.2">
      <c r="B30" s="18" t="s">
        <v>29</v>
      </c>
      <c r="C30" s="97">
        <v>0</v>
      </c>
      <c r="D30" s="98">
        <v>3</v>
      </c>
      <c r="E30" s="99">
        <v>3</v>
      </c>
      <c r="F30" s="100">
        <v>0</v>
      </c>
      <c r="G30" s="98">
        <v>26</v>
      </c>
      <c r="H30" s="98">
        <v>31</v>
      </c>
      <c r="I30" s="98">
        <v>22</v>
      </c>
      <c r="J30" s="98">
        <v>14</v>
      </c>
      <c r="K30" s="98">
        <v>12</v>
      </c>
      <c r="L30" s="99">
        <v>105</v>
      </c>
      <c r="M30" s="101">
        <v>108</v>
      </c>
      <c r="N30" s="102">
        <v>0</v>
      </c>
      <c r="O30" s="98">
        <v>0</v>
      </c>
      <c r="P30" s="99">
        <v>0</v>
      </c>
      <c r="Q30" s="100">
        <v>0</v>
      </c>
      <c r="R30" s="98">
        <v>0</v>
      </c>
      <c r="S30" s="98">
        <v>0</v>
      </c>
      <c r="T30" s="98">
        <v>0</v>
      </c>
      <c r="U30" s="98">
        <v>0</v>
      </c>
      <c r="V30" s="98">
        <v>0</v>
      </c>
      <c r="W30" s="99">
        <v>0</v>
      </c>
      <c r="X30" s="101">
        <v>0</v>
      </c>
      <c r="Y30" s="102">
        <v>0</v>
      </c>
      <c r="Z30" s="98">
        <v>3</v>
      </c>
      <c r="AA30" s="99">
        <v>3</v>
      </c>
      <c r="AB30" s="100">
        <v>0</v>
      </c>
      <c r="AC30" s="98">
        <v>26</v>
      </c>
      <c r="AD30" s="98">
        <v>31</v>
      </c>
      <c r="AE30" s="98">
        <v>22</v>
      </c>
      <c r="AF30" s="98">
        <v>14</v>
      </c>
      <c r="AG30" s="98">
        <v>12</v>
      </c>
      <c r="AH30" s="99">
        <v>105</v>
      </c>
      <c r="AI30" s="101">
        <v>108</v>
      </c>
    </row>
    <row r="31" spans="2:35" ht="21" customHeight="1" x14ac:dyDescent="0.2">
      <c r="B31" s="18" t="s">
        <v>30</v>
      </c>
      <c r="C31" s="97">
        <v>1</v>
      </c>
      <c r="D31" s="98">
        <v>0</v>
      </c>
      <c r="E31" s="99">
        <v>1</v>
      </c>
      <c r="F31" s="100">
        <v>0</v>
      </c>
      <c r="G31" s="98">
        <v>34</v>
      </c>
      <c r="H31" s="98">
        <v>16</v>
      </c>
      <c r="I31" s="98">
        <v>18</v>
      </c>
      <c r="J31" s="98">
        <v>10</v>
      </c>
      <c r="K31" s="98">
        <v>2</v>
      </c>
      <c r="L31" s="99">
        <v>80</v>
      </c>
      <c r="M31" s="101">
        <v>81</v>
      </c>
      <c r="N31" s="102">
        <v>0</v>
      </c>
      <c r="O31" s="98">
        <v>0</v>
      </c>
      <c r="P31" s="99">
        <v>0</v>
      </c>
      <c r="Q31" s="100">
        <v>0</v>
      </c>
      <c r="R31" s="98">
        <v>1</v>
      </c>
      <c r="S31" s="98">
        <v>0</v>
      </c>
      <c r="T31" s="98">
        <v>0</v>
      </c>
      <c r="U31" s="98">
        <v>0</v>
      </c>
      <c r="V31" s="98">
        <v>0</v>
      </c>
      <c r="W31" s="99">
        <v>1</v>
      </c>
      <c r="X31" s="101">
        <v>1</v>
      </c>
      <c r="Y31" s="102">
        <v>1</v>
      </c>
      <c r="Z31" s="98">
        <v>0</v>
      </c>
      <c r="AA31" s="99">
        <v>1</v>
      </c>
      <c r="AB31" s="100">
        <v>0</v>
      </c>
      <c r="AC31" s="98">
        <v>35</v>
      </c>
      <c r="AD31" s="98">
        <v>16</v>
      </c>
      <c r="AE31" s="98">
        <v>18</v>
      </c>
      <c r="AF31" s="98">
        <v>10</v>
      </c>
      <c r="AG31" s="98">
        <v>2</v>
      </c>
      <c r="AH31" s="99">
        <v>81</v>
      </c>
      <c r="AI31" s="101">
        <v>82</v>
      </c>
    </row>
    <row r="32" spans="2:35" ht="21" customHeight="1" x14ac:dyDescent="0.2">
      <c r="B32" s="18" t="s">
        <v>31</v>
      </c>
      <c r="C32" s="97">
        <v>0</v>
      </c>
      <c r="D32" s="98">
        <v>2</v>
      </c>
      <c r="E32" s="99">
        <v>2</v>
      </c>
      <c r="F32" s="100">
        <v>0</v>
      </c>
      <c r="G32" s="98">
        <v>53</v>
      </c>
      <c r="H32" s="98">
        <v>39</v>
      </c>
      <c r="I32" s="98">
        <v>27</v>
      </c>
      <c r="J32" s="98">
        <v>12</v>
      </c>
      <c r="K32" s="98">
        <v>8</v>
      </c>
      <c r="L32" s="99">
        <v>139</v>
      </c>
      <c r="M32" s="101">
        <v>141</v>
      </c>
      <c r="N32" s="102">
        <v>0</v>
      </c>
      <c r="O32" s="98">
        <v>0</v>
      </c>
      <c r="P32" s="99">
        <v>0</v>
      </c>
      <c r="Q32" s="100">
        <v>0</v>
      </c>
      <c r="R32" s="98">
        <v>0</v>
      </c>
      <c r="S32" s="98">
        <v>0</v>
      </c>
      <c r="T32" s="98">
        <v>0</v>
      </c>
      <c r="U32" s="98">
        <v>0</v>
      </c>
      <c r="V32" s="98">
        <v>0</v>
      </c>
      <c r="W32" s="99">
        <v>0</v>
      </c>
      <c r="X32" s="101">
        <v>0</v>
      </c>
      <c r="Y32" s="102">
        <v>0</v>
      </c>
      <c r="Z32" s="98">
        <v>2</v>
      </c>
      <c r="AA32" s="99">
        <v>2</v>
      </c>
      <c r="AB32" s="100">
        <v>0</v>
      </c>
      <c r="AC32" s="98">
        <v>53</v>
      </c>
      <c r="AD32" s="98">
        <v>39</v>
      </c>
      <c r="AE32" s="98">
        <v>27</v>
      </c>
      <c r="AF32" s="98">
        <v>12</v>
      </c>
      <c r="AG32" s="98">
        <v>8</v>
      </c>
      <c r="AH32" s="99">
        <v>139</v>
      </c>
      <c r="AI32" s="101">
        <v>141</v>
      </c>
    </row>
    <row r="33" spans="2:35" ht="21" customHeight="1" x14ac:dyDescent="0.2">
      <c r="B33" s="18" t="s">
        <v>32</v>
      </c>
      <c r="C33" s="97">
        <v>2</v>
      </c>
      <c r="D33" s="98">
        <v>2</v>
      </c>
      <c r="E33" s="99">
        <v>4</v>
      </c>
      <c r="F33" s="100">
        <v>0</v>
      </c>
      <c r="G33" s="98">
        <v>46</v>
      </c>
      <c r="H33" s="98">
        <v>37</v>
      </c>
      <c r="I33" s="98">
        <v>41</v>
      </c>
      <c r="J33" s="98">
        <v>18</v>
      </c>
      <c r="K33" s="98">
        <v>13</v>
      </c>
      <c r="L33" s="99">
        <v>155</v>
      </c>
      <c r="M33" s="101">
        <v>159</v>
      </c>
      <c r="N33" s="102">
        <v>0</v>
      </c>
      <c r="O33" s="98">
        <v>0</v>
      </c>
      <c r="P33" s="99">
        <v>0</v>
      </c>
      <c r="Q33" s="100">
        <v>0</v>
      </c>
      <c r="R33" s="98">
        <v>2</v>
      </c>
      <c r="S33" s="98">
        <v>1</v>
      </c>
      <c r="T33" s="98">
        <v>1</v>
      </c>
      <c r="U33" s="98">
        <v>1</v>
      </c>
      <c r="V33" s="98">
        <v>0</v>
      </c>
      <c r="W33" s="99">
        <v>5</v>
      </c>
      <c r="X33" s="101">
        <v>5</v>
      </c>
      <c r="Y33" s="102">
        <v>2</v>
      </c>
      <c r="Z33" s="98">
        <v>2</v>
      </c>
      <c r="AA33" s="99">
        <v>4</v>
      </c>
      <c r="AB33" s="100">
        <v>0</v>
      </c>
      <c r="AC33" s="98">
        <v>48</v>
      </c>
      <c r="AD33" s="98">
        <v>38</v>
      </c>
      <c r="AE33" s="98">
        <v>42</v>
      </c>
      <c r="AF33" s="98">
        <v>19</v>
      </c>
      <c r="AG33" s="98">
        <v>13</v>
      </c>
      <c r="AH33" s="99">
        <v>160</v>
      </c>
      <c r="AI33" s="101">
        <v>164</v>
      </c>
    </row>
    <row r="34" spans="2:35" ht="21" customHeight="1" x14ac:dyDescent="0.2">
      <c r="B34" s="18" t="s">
        <v>33</v>
      </c>
      <c r="C34" s="97">
        <v>0</v>
      </c>
      <c r="D34" s="98">
        <v>2</v>
      </c>
      <c r="E34" s="99">
        <v>2</v>
      </c>
      <c r="F34" s="100">
        <v>0</v>
      </c>
      <c r="G34" s="98">
        <v>34</v>
      </c>
      <c r="H34" s="98">
        <v>21</v>
      </c>
      <c r="I34" s="98">
        <v>24</v>
      </c>
      <c r="J34" s="98">
        <v>6</v>
      </c>
      <c r="K34" s="98">
        <v>8</v>
      </c>
      <c r="L34" s="99">
        <v>93</v>
      </c>
      <c r="M34" s="101">
        <v>95</v>
      </c>
      <c r="N34" s="102">
        <v>0</v>
      </c>
      <c r="O34" s="98">
        <v>0</v>
      </c>
      <c r="P34" s="99">
        <v>0</v>
      </c>
      <c r="Q34" s="100">
        <v>0</v>
      </c>
      <c r="R34" s="98">
        <v>0</v>
      </c>
      <c r="S34" s="98">
        <v>0</v>
      </c>
      <c r="T34" s="98">
        <v>0</v>
      </c>
      <c r="U34" s="98">
        <v>0</v>
      </c>
      <c r="V34" s="98">
        <v>0</v>
      </c>
      <c r="W34" s="99">
        <v>0</v>
      </c>
      <c r="X34" s="101">
        <v>0</v>
      </c>
      <c r="Y34" s="102">
        <v>0</v>
      </c>
      <c r="Z34" s="98">
        <v>2</v>
      </c>
      <c r="AA34" s="99">
        <v>2</v>
      </c>
      <c r="AB34" s="100">
        <v>0</v>
      </c>
      <c r="AC34" s="98">
        <v>34</v>
      </c>
      <c r="AD34" s="98">
        <v>21</v>
      </c>
      <c r="AE34" s="98">
        <v>24</v>
      </c>
      <c r="AF34" s="98">
        <v>6</v>
      </c>
      <c r="AG34" s="98">
        <v>8</v>
      </c>
      <c r="AH34" s="99">
        <v>93</v>
      </c>
      <c r="AI34" s="101">
        <v>95</v>
      </c>
    </row>
    <row r="35" spans="2:35" ht="21" customHeight="1" x14ac:dyDescent="0.2">
      <c r="B35" s="18" t="s">
        <v>34</v>
      </c>
      <c r="C35" s="97">
        <v>1</v>
      </c>
      <c r="D35" s="98">
        <v>3</v>
      </c>
      <c r="E35" s="99">
        <v>4</v>
      </c>
      <c r="F35" s="100">
        <v>0</v>
      </c>
      <c r="G35" s="98">
        <v>31</v>
      </c>
      <c r="H35" s="98">
        <v>25</v>
      </c>
      <c r="I35" s="98">
        <v>11</v>
      </c>
      <c r="J35" s="98">
        <v>10</v>
      </c>
      <c r="K35" s="98">
        <v>6</v>
      </c>
      <c r="L35" s="99">
        <v>83</v>
      </c>
      <c r="M35" s="101">
        <v>87</v>
      </c>
      <c r="N35" s="102">
        <v>0</v>
      </c>
      <c r="O35" s="98">
        <v>0</v>
      </c>
      <c r="P35" s="99">
        <v>0</v>
      </c>
      <c r="Q35" s="100">
        <v>0</v>
      </c>
      <c r="R35" s="98">
        <v>0</v>
      </c>
      <c r="S35" s="98">
        <v>0</v>
      </c>
      <c r="T35" s="98">
        <v>1</v>
      </c>
      <c r="U35" s="98">
        <v>1</v>
      </c>
      <c r="V35" s="98">
        <v>0</v>
      </c>
      <c r="W35" s="99">
        <v>2</v>
      </c>
      <c r="X35" s="101">
        <v>2</v>
      </c>
      <c r="Y35" s="102">
        <v>1</v>
      </c>
      <c r="Z35" s="98">
        <v>3</v>
      </c>
      <c r="AA35" s="99">
        <v>4</v>
      </c>
      <c r="AB35" s="100">
        <v>0</v>
      </c>
      <c r="AC35" s="98">
        <v>31</v>
      </c>
      <c r="AD35" s="98">
        <v>25</v>
      </c>
      <c r="AE35" s="98">
        <v>12</v>
      </c>
      <c r="AF35" s="98">
        <v>11</v>
      </c>
      <c r="AG35" s="98">
        <v>6</v>
      </c>
      <c r="AH35" s="99">
        <v>85</v>
      </c>
      <c r="AI35" s="101">
        <v>89</v>
      </c>
    </row>
    <row r="36" spans="2:35" ht="21" customHeight="1" x14ac:dyDescent="0.2">
      <c r="B36" s="18" t="s">
        <v>35</v>
      </c>
      <c r="C36" s="97">
        <v>3</v>
      </c>
      <c r="D36" s="98">
        <v>3</v>
      </c>
      <c r="E36" s="99">
        <v>6</v>
      </c>
      <c r="F36" s="100">
        <v>0</v>
      </c>
      <c r="G36" s="98">
        <v>45</v>
      </c>
      <c r="H36" s="98">
        <v>40</v>
      </c>
      <c r="I36" s="98">
        <v>33</v>
      </c>
      <c r="J36" s="98">
        <v>26</v>
      </c>
      <c r="K36" s="98">
        <v>9</v>
      </c>
      <c r="L36" s="99">
        <v>153</v>
      </c>
      <c r="M36" s="101">
        <v>159</v>
      </c>
      <c r="N36" s="102">
        <v>0</v>
      </c>
      <c r="O36" s="98">
        <v>0</v>
      </c>
      <c r="P36" s="99">
        <v>0</v>
      </c>
      <c r="Q36" s="100">
        <v>0</v>
      </c>
      <c r="R36" s="98">
        <v>0</v>
      </c>
      <c r="S36" s="98">
        <v>0</v>
      </c>
      <c r="T36" s="98">
        <v>0</v>
      </c>
      <c r="U36" s="98">
        <v>0</v>
      </c>
      <c r="V36" s="98">
        <v>0</v>
      </c>
      <c r="W36" s="99">
        <v>0</v>
      </c>
      <c r="X36" s="101">
        <v>0</v>
      </c>
      <c r="Y36" s="102">
        <v>3</v>
      </c>
      <c r="Z36" s="98">
        <v>3</v>
      </c>
      <c r="AA36" s="99">
        <v>6</v>
      </c>
      <c r="AB36" s="100">
        <v>0</v>
      </c>
      <c r="AC36" s="98">
        <v>45</v>
      </c>
      <c r="AD36" s="98">
        <v>40</v>
      </c>
      <c r="AE36" s="98">
        <v>33</v>
      </c>
      <c r="AF36" s="98">
        <v>26</v>
      </c>
      <c r="AG36" s="98">
        <v>9</v>
      </c>
      <c r="AH36" s="99">
        <v>153</v>
      </c>
      <c r="AI36" s="101">
        <v>159</v>
      </c>
    </row>
    <row r="37" spans="2:35" ht="21" customHeight="1" x14ac:dyDescent="0.2">
      <c r="B37" s="18" t="s">
        <v>36</v>
      </c>
      <c r="C37" s="97">
        <v>3</v>
      </c>
      <c r="D37" s="98">
        <v>1</v>
      </c>
      <c r="E37" s="99">
        <v>4</v>
      </c>
      <c r="F37" s="100">
        <v>0</v>
      </c>
      <c r="G37" s="98">
        <v>81</v>
      </c>
      <c r="H37" s="98">
        <v>61</v>
      </c>
      <c r="I37" s="98">
        <v>52</v>
      </c>
      <c r="J37" s="98">
        <v>21</v>
      </c>
      <c r="K37" s="98">
        <v>14</v>
      </c>
      <c r="L37" s="99">
        <v>229</v>
      </c>
      <c r="M37" s="101">
        <v>233</v>
      </c>
      <c r="N37" s="102">
        <v>0</v>
      </c>
      <c r="O37" s="98">
        <v>0</v>
      </c>
      <c r="P37" s="99">
        <v>0</v>
      </c>
      <c r="Q37" s="100">
        <v>0</v>
      </c>
      <c r="R37" s="98">
        <v>0</v>
      </c>
      <c r="S37" s="98">
        <v>2</v>
      </c>
      <c r="T37" s="98">
        <v>2</v>
      </c>
      <c r="U37" s="98">
        <v>0</v>
      </c>
      <c r="V37" s="98">
        <v>0</v>
      </c>
      <c r="W37" s="99">
        <v>4</v>
      </c>
      <c r="X37" s="101">
        <v>4</v>
      </c>
      <c r="Y37" s="102">
        <v>3</v>
      </c>
      <c r="Z37" s="98">
        <v>1</v>
      </c>
      <c r="AA37" s="99">
        <v>4</v>
      </c>
      <c r="AB37" s="100">
        <v>0</v>
      </c>
      <c r="AC37" s="98">
        <v>81</v>
      </c>
      <c r="AD37" s="98">
        <v>63</v>
      </c>
      <c r="AE37" s="98">
        <v>54</v>
      </c>
      <c r="AF37" s="98">
        <v>21</v>
      </c>
      <c r="AG37" s="98">
        <v>14</v>
      </c>
      <c r="AH37" s="99">
        <v>233</v>
      </c>
      <c r="AI37" s="101">
        <v>237</v>
      </c>
    </row>
    <row r="38" spans="2:35" ht="21" customHeight="1" thickBot="1" x14ac:dyDescent="0.25">
      <c r="B38" s="19" t="s">
        <v>37</v>
      </c>
      <c r="C38" s="103">
        <v>0</v>
      </c>
      <c r="D38" s="104">
        <v>0</v>
      </c>
      <c r="E38" s="105">
        <v>0</v>
      </c>
      <c r="F38" s="106">
        <v>0</v>
      </c>
      <c r="G38" s="104">
        <v>16</v>
      </c>
      <c r="H38" s="104">
        <v>7</v>
      </c>
      <c r="I38" s="104">
        <v>10</v>
      </c>
      <c r="J38" s="104">
        <v>1</v>
      </c>
      <c r="K38" s="104">
        <v>3</v>
      </c>
      <c r="L38" s="105">
        <v>37</v>
      </c>
      <c r="M38" s="107">
        <v>37</v>
      </c>
      <c r="N38" s="108">
        <v>0</v>
      </c>
      <c r="O38" s="104">
        <v>0</v>
      </c>
      <c r="P38" s="105">
        <v>0</v>
      </c>
      <c r="Q38" s="106">
        <v>0</v>
      </c>
      <c r="R38" s="104">
        <v>0</v>
      </c>
      <c r="S38" s="104">
        <v>0</v>
      </c>
      <c r="T38" s="104">
        <v>0</v>
      </c>
      <c r="U38" s="104">
        <v>0</v>
      </c>
      <c r="V38" s="104">
        <v>0</v>
      </c>
      <c r="W38" s="105">
        <v>0</v>
      </c>
      <c r="X38" s="107">
        <v>0</v>
      </c>
      <c r="Y38" s="108">
        <v>0</v>
      </c>
      <c r="Z38" s="104">
        <v>0</v>
      </c>
      <c r="AA38" s="105">
        <v>0</v>
      </c>
      <c r="AB38" s="106">
        <v>0</v>
      </c>
      <c r="AC38" s="104">
        <v>16</v>
      </c>
      <c r="AD38" s="104">
        <v>7</v>
      </c>
      <c r="AE38" s="104">
        <v>10</v>
      </c>
      <c r="AF38" s="104">
        <v>1</v>
      </c>
      <c r="AG38" s="104">
        <v>3</v>
      </c>
      <c r="AH38" s="105">
        <v>37</v>
      </c>
      <c r="AI38" s="107">
        <v>37</v>
      </c>
    </row>
    <row r="39" spans="2:35" x14ac:dyDescent="0.2">
      <c r="AA39" s="3"/>
      <c r="AB39" s="3"/>
      <c r="AC39" s="3"/>
      <c r="AD39" s="3"/>
      <c r="AE39" s="3"/>
      <c r="AF39" s="3"/>
      <c r="AG39" s="3"/>
      <c r="AH39" s="3"/>
      <c r="AI39" s="3"/>
    </row>
  </sheetData>
  <mergeCells count="5">
    <mergeCell ref="H1:I1"/>
    <mergeCell ref="K1:L1"/>
    <mergeCell ref="C3:M3"/>
    <mergeCell ref="N3:X3"/>
    <mergeCell ref="Y3:AI3"/>
  </mergeCells>
  <phoneticPr fontId="4"/>
  <pageMargins left="0.35433070866141736" right="0.27559055118110237" top="0.35433070866141736" bottom="0.43307086614173229" header="0.19685039370078741" footer="0.19685039370078741"/>
  <pageSetup paperSize="9" scale="50" orientation="landscape" r:id="rId1"/>
  <headerFooter alignWithMargins="0">
    <oddFooter>&amp;L&amp;20&amp;A&amp;C&amp;P/&amp;N</oddFooter>
  </headerFooter>
  <colBreaks count="1" manualBreakCount="1">
    <brk id="24" max="1048575" man="1"/>
  </col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35">
        <f>第１表!F2</f>
        <v>4</v>
      </c>
      <c r="J1" s="535"/>
      <c r="K1" s="248">
        <f>第１表!G2</f>
        <v>12</v>
      </c>
      <c r="L1" s="539">
        <f>IF(K1&lt;3,K1+12-2,K1-2)</f>
        <v>10</v>
      </c>
      <c r="M1" s="539"/>
    </row>
    <row r="2" spans="1:101" s="291" customFormat="1" ht="24" customHeight="1" thickBot="1" x14ac:dyDescent="0.25">
      <c r="A2" s="44"/>
      <c r="B2" s="290" t="s">
        <v>133</v>
      </c>
    </row>
    <row r="3" spans="1:101" ht="21" customHeight="1" thickBot="1" x14ac:dyDescent="0.25">
      <c r="B3" s="552"/>
      <c r="C3" s="543" t="s">
        <v>114</v>
      </c>
      <c r="D3" s="544"/>
      <c r="E3" s="544"/>
      <c r="F3" s="544"/>
      <c r="G3" s="544"/>
      <c r="H3" s="544"/>
      <c r="I3" s="544"/>
      <c r="J3" s="544"/>
      <c r="K3" s="544"/>
      <c r="L3" s="544"/>
      <c r="M3" s="545"/>
      <c r="N3" s="543" t="s">
        <v>115</v>
      </c>
      <c r="O3" s="544"/>
      <c r="P3" s="544"/>
      <c r="Q3" s="544"/>
      <c r="R3" s="544"/>
      <c r="S3" s="544"/>
      <c r="T3" s="544"/>
      <c r="U3" s="544"/>
      <c r="V3" s="544"/>
      <c r="W3" s="544"/>
      <c r="X3" s="545"/>
      <c r="Y3" s="543" t="s">
        <v>142</v>
      </c>
      <c r="Z3" s="544"/>
      <c r="AA3" s="544"/>
      <c r="AB3" s="544"/>
      <c r="AC3" s="544"/>
      <c r="AD3" s="544"/>
      <c r="AE3" s="544"/>
      <c r="AF3" s="544"/>
      <c r="AG3" s="544"/>
      <c r="AH3" s="544"/>
      <c r="AI3" s="545"/>
      <c r="AJ3" s="543" t="s">
        <v>90</v>
      </c>
      <c r="AK3" s="544"/>
      <c r="AL3" s="544"/>
      <c r="AM3" s="544"/>
      <c r="AN3" s="544"/>
      <c r="AO3" s="544"/>
      <c r="AP3" s="544"/>
      <c r="AQ3" s="544"/>
      <c r="AR3" s="544"/>
      <c r="AS3" s="544"/>
      <c r="AT3" s="545"/>
      <c r="AU3" s="556" t="s">
        <v>89</v>
      </c>
      <c r="AV3" s="557"/>
      <c r="AW3" s="557"/>
      <c r="AX3" s="557"/>
      <c r="AY3" s="557"/>
      <c r="AZ3" s="557"/>
      <c r="BA3" s="557"/>
      <c r="BB3" s="557"/>
      <c r="BC3" s="557"/>
      <c r="BD3" s="557"/>
      <c r="BE3" s="558"/>
      <c r="BF3" s="556" t="s">
        <v>91</v>
      </c>
      <c r="BG3" s="557"/>
      <c r="BH3" s="557"/>
      <c r="BI3" s="557"/>
      <c r="BJ3" s="557"/>
      <c r="BK3" s="557"/>
      <c r="BL3" s="557"/>
      <c r="BM3" s="557"/>
      <c r="BN3" s="557"/>
      <c r="BO3" s="557"/>
      <c r="BP3" s="558"/>
      <c r="BQ3" s="556" t="s">
        <v>92</v>
      </c>
      <c r="BR3" s="557"/>
      <c r="BS3" s="557"/>
      <c r="BT3" s="557"/>
      <c r="BU3" s="557"/>
      <c r="BV3" s="557"/>
      <c r="BW3" s="557"/>
      <c r="BX3" s="557"/>
      <c r="BY3" s="557"/>
      <c r="BZ3" s="557"/>
      <c r="CA3" s="558"/>
      <c r="CB3" s="556" t="s">
        <v>93</v>
      </c>
      <c r="CC3" s="557"/>
      <c r="CD3" s="557"/>
      <c r="CE3" s="557"/>
      <c r="CF3" s="557"/>
      <c r="CG3" s="557"/>
      <c r="CH3" s="557"/>
      <c r="CI3" s="557"/>
      <c r="CJ3" s="557"/>
      <c r="CK3" s="557"/>
      <c r="CL3" s="558"/>
      <c r="CM3" s="557" t="s">
        <v>141</v>
      </c>
      <c r="CN3" s="557"/>
      <c r="CO3" s="557"/>
      <c r="CP3" s="557"/>
      <c r="CQ3" s="557"/>
      <c r="CR3" s="557"/>
      <c r="CS3" s="557"/>
      <c r="CT3" s="557"/>
      <c r="CU3" s="557"/>
      <c r="CV3" s="557"/>
      <c r="CW3" s="558"/>
    </row>
    <row r="4" spans="1:101" ht="21" customHeight="1" x14ac:dyDescent="0.2">
      <c r="B4" s="553"/>
      <c r="C4" s="551" t="s">
        <v>61</v>
      </c>
      <c r="D4" s="547"/>
      <c r="E4" s="548"/>
      <c r="F4" s="546" t="s">
        <v>62</v>
      </c>
      <c r="G4" s="547"/>
      <c r="H4" s="547"/>
      <c r="I4" s="547"/>
      <c r="J4" s="547"/>
      <c r="K4" s="547"/>
      <c r="L4" s="555"/>
      <c r="M4" s="549" t="s">
        <v>52</v>
      </c>
      <c r="N4" s="551" t="s">
        <v>61</v>
      </c>
      <c r="O4" s="547"/>
      <c r="P4" s="548"/>
      <c r="Q4" s="546" t="s">
        <v>62</v>
      </c>
      <c r="R4" s="547"/>
      <c r="S4" s="547"/>
      <c r="T4" s="547"/>
      <c r="U4" s="547"/>
      <c r="V4" s="547"/>
      <c r="W4" s="548"/>
      <c r="X4" s="549" t="s">
        <v>52</v>
      </c>
      <c r="Y4" s="551" t="s">
        <v>61</v>
      </c>
      <c r="Z4" s="547"/>
      <c r="AA4" s="548"/>
      <c r="AB4" s="546" t="s">
        <v>62</v>
      </c>
      <c r="AC4" s="547"/>
      <c r="AD4" s="547"/>
      <c r="AE4" s="547"/>
      <c r="AF4" s="547"/>
      <c r="AG4" s="547"/>
      <c r="AH4" s="548"/>
      <c r="AI4" s="549" t="s">
        <v>52</v>
      </c>
      <c r="AJ4" s="551" t="s">
        <v>61</v>
      </c>
      <c r="AK4" s="547"/>
      <c r="AL4" s="548"/>
      <c r="AM4" s="546" t="s">
        <v>62</v>
      </c>
      <c r="AN4" s="547"/>
      <c r="AO4" s="547"/>
      <c r="AP4" s="547"/>
      <c r="AQ4" s="547"/>
      <c r="AR4" s="547"/>
      <c r="AS4" s="548"/>
      <c r="AT4" s="549" t="s">
        <v>52</v>
      </c>
      <c r="AU4" s="574" t="s">
        <v>61</v>
      </c>
      <c r="AV4" s="572"/>
      <c r="AW4" s="573"/>
      <c r="AX4" s="571" t="s">
        <v>62</v>
      </c>
      <c r="AY4" s="572"/>
      <c r="AZ4" s="572"/>
      <c r="BA4" s="572"/>
      <c r="BB4" s="572"/>
      <c r="BC4" s="572"/>
      <c r="BD4" s="573"/>
      <c r="BE4" s="569" t="s">
        <v>52</v>
      </c>
      <c r="BF4" s="574" t="s">
        <v>61</v>
      </c>
      <c r="BG4" s="572"/>
      <c r="BH4" s="573"/>
      <c r="BI4" s="571" t="s">
        <v>62</v>
      </c>
      <c r="BJ4" s="572"/>
      <c r="BK4" s="572"/>
      <c r="BL4" s="572"/>
      <c r="BM4" s="572"/>
      <c r="BN4" s="572"/>
      <c r="BO4" s="573"/>
      <c r="BP4" s="569" t="s">
        <v>52</v>
      </c>
      <c r="BQ4" s="574" t="s">
        <v>61</v>
      </c>
      <c r="BR4" s="572"/>
      <c r="BS4" s="573"/>
      <c r="BT4" s="571" t="s">
        <v>62</v>
      </c>
      <c r="BU4" s="572"/>
      <c r="BV4" s="572"/>
      <c r="BW4" s="572"/>
      <c r="BX4" s="572"/>
      <c r="BY4" s="572"/>
      <c r="BZ4" s="573"/>
      <c r="CA4" s="569" t="s">
        <v>52</v>
      </c>
      <c r="CB4" s="574" t="s">
        <v>61</v>
      </c>
      <c r="CC4" s="572"/>
      <c r="CD4" s="573"/>
      <c r="CE4" s="571" t="s">
        <v>62</v>
      </c>
      <c r="CF4" s="572"/>
      <c r="CG4" s="572"/>
      <c r="CH4" s="572"/>
      <c r="CI4" s="572"/>
      <c r="CJ4" s="572"/>
      <c r="CK4" s="573"/>
      <c r="CL4" s="569" t="s">
        <v>52</v>
      </c>
      <c r="CM4" s="574" t="s">
        <v>61</v>
      </c>
      <c r="CN4" s="572"/>
      <c r="CO4" s="573"/>
      <c r="CP4" s="571" t="s">
        <v>62</v>
      </c>
      <c r="CQ4" s="572"/>
      <c r="CR4" s="572"/>
      <c r="CS4" s="572"/>
      <c r="CT4" s="572"/>
      <c r="CU4" s="572"/>
      <c r="CV4" s="573"/>
      <c r="CW4" s="569" t="s">
        <v>52</v>
      </c>
    </row>
    <row r="5" spans="1:101" ht="30" customHeight="1" thickBot="1" x14ac:dyDescent="0.25">
      <c r="B5" s="554"/>
      <c r="C5" s="263" t="s">
        <v>43</v>
      </c>
      <c r="D5" s="265" t="s">
        <v>44</v>
      </c>
      <c r="E5" s="266" t="s">
        <v>45</v>
      </c>
      <c r="F5" s="267" t="s">
        <v>83</v>
      </c>
      <c r="G5" s="259" t="s">
        <v>47</v>
      </c>
      <c r="H5" s="259" t="s">
        <v>48</v>
      </c>
      <c r="I5" s="259" t="s">
        <v>49</v>
      </c>
      <c r="J5" s="259" t="s">
        <v>50</v>
      </c>
      <c r="K5" s="259" t="s">
        <v>51</v>
      </c>
      <c r="L5" s="268" t="s">
        <v>45</v>
      </c>
      <c r="M5" s="550"/>
      <c r="N5" s="263" t="s">
        <v>43</v>
      </c>
      <c r="O5" s="259" t="s">
        <v>44</v>
      </c>
      <c r="P5" s="265" t="s">
        <v>45</v>
      </c>
      <c r="Q5" s="267" t="s">
        <v>83</v>
      </c>
      <c r="R5" s="259" t="s">
        <v>47</v>
      </c>
      <c r="S5" s="259" t="s">
        <v>48</v>
      </c>
      <c r="T5" s="259" t="s">
        <v>49</v>
      </c>
      <c r="U5" s="259" t="s">
        <v>50</v>
      </c>
      <c r="V5" s="259" t="s">
        <v>51</v>
      </c>
      <c r="W5" s="265" t="s">
        <v>45</v>
      </c>
      <c r="X5" s="550"/>
      <c r="Y5" s="263" t="s">
        <v>43</v>
      </c>
      <c r="Z5" s="259" t="s">
        <v>44</v>
      </c>
      <c r="AA5" s="265" t="s">
        <v>45</v>
      </c>
      <c r="AB5" s="267" t="s">
        <v>83</v>
      </c>
      <c r="AC5" s="259" t="s">
        <v>47</v>
      </c>
      <c r="AD5" s="259" t="s">
        <v>48</v>
      </c>
      <c r="AE5" s="259" t="s">
        <v>49</v>
      </c>
      <c r="AF5" s="259" t="s">
        <v>50</v>
      </c>
      <c r="AG5" s="259" t="s">
        <v>51</v>
      </c>
      <c r="AH5" s="265" t="s">
        <v>45</v>
      </c>
      <c r="AI5" s="550"/>
      <c r="AJ5" s="340" t="s">
        <v>43</v>
      </c>
      <c r="AK5" s="259" t="s">
        <v>44</v>
      </c>
      <c r="AL5" s="265" t="s">
        <v>45</v>
      </c>
      <c r="AM5" s="267" t="s">
        <v>83</v>
      </c>
      <c r="AN5" s="259" t="s">
        <v>47</v>
      </c>
      <c r="AO5" s="259" t="s">
        <v>48</v>
      </c>
      <c r="AP5" s="259" t="s">
        <v>49</v>
      </c>
      <c r="AQ5" s="259" t="s">
        <v>50</v>
      </c>
      <c r="AR5" s="259" t="s">
        <v>51</v>
      </c>
      <c r="AS5" s="265" t="s">
        <v>45</v>
      </c>
      <c r="AT5" s="550"/>
      <c r="AU5" s="340" t="s">
        <v>43</v>
      </c>
      <c r="AV5" s="259" t="s">
        <v>44</v>
      </c>
      <c r="AW5" s="265" t="s">
        <v>45</v>
      </c>
      <c r="AX5" s="267" t="s">
        <v>83</v>
      </c>
      <c r="AY5" s="259" t="s">
        <v>47</v>
      </c>
      <c r="AZ5" s="259" t="s">
        <v>48</v>
      </c>
      <c r="BA5" s="259" t="s">
        <v>49</v>
      </c>
      <c r="BB5" s="259" t="s">
        <v>50</v>
      </c>
      <c r="BC5" s="259" t="s">
        <v>51</v>
      </c>
      <c r="BD5" s="265" t="s">
        <v>45</v>
      </c>
      <c r="BE5" s="570"/>
      <c r="BF5" s="340" t="s">
        <v>43</v>
      </c>
      <c r="BG5" s="259" t="s">
        <v>44</v>
      </c>
      <c r="BH5" s="265" t="s">
        <v>45</v>
      </c>
      <c r="BI5" s="267" t="s">
        <v>83</v>
      </c>
      <c r="BJ5" s="259" t="s">
        <v>47</v>
      </c>
      <c r="BK5" s="259" t="s">
        <v>48</v>
      </c>
      <c r="BL5" s="259" t="s">
        <v>49</v>
      </c>
      <c r="BM5" s="259" t="s">
        <v>50</v>
      </c>
      <c r="BN5" s="259" t="s">
        <v>51</v>
      </c>
      <c r="BO5" s="265" t="s">
        <v>45</v>
      </c>
      <c r="BP5" s="570"/>
      <c r="BQ5" s="340" t="s">
        <v>43</v>
      </c>
      <c r="BR5" s="259" t="s">
        <v>44</v>
      </c>
      <c r="BS5" s="265" t="s">
        <v>45</v>
      </c>
      <c r="BT5" s="267" t="s">
        <v>83</v>
      </c>
      <c r="BU5" s="259" t="s">
        <v>47</v>
      </c>
      <c r="BV5" s="259" t="s">
        <v>48</v>
      </c>
      <c r="BW5" s="259" t="s">
        <v>49</v>
      </c>
      <c r="BX5" s="259" t="s">
        <v>50</v>
      </c>
      <c r="BY5" s="259" t="s">
        <v>51</v>
      </c>
      <c r="BZ5" s="265" t="s">
        <v>45</v>
      </c>
      <c r="CA5" s="570"/>
      <c r="CB5" s="340" t="s">
        <v>43</v>
      </c>
      <c r="CC5" s="259" t="s">
        <v>44</v>
      </c>
      <c r="CD5" s="265" t="s">
        <v>45</v>
      </c>
      <c r="CE5" s="267" t="s">
        <v>83</v>
      </c>
      <c r="CF5" s="259" t="s">
        <v>47</v>
      </c>
      <c r="CG5" s="259" t="s">
        <v>48</v>
      </c>
      <c r="CH5" s="259" t="s">
        <v>49</v>
      </c>
      <c r="CI5" s="259" t="s">
        <v>50</v>
      </c>
      <c r="CJ5" s="259" t="s">
        <v>51</v>
      </c>
      <c r="CK5" s="265" t="s">
        <v>45</v>
      </c>
      <c r="CL5" s="570"/>
      <c r="CM5" s="340" t="s">
        <v>43</v>
      </c>
      <c r="CN5" s="259" t="s">
        <v>44</v>
      </c>
      <c r="CO5" s="265" t="s">
        <v>45</v>
      </c>
      <c r="CP5" s="267" t="s">
        <v>83</v>
      </c>
      <c r="CQ5" s="259" t="s">
        <v>47</v>
      </c>
      <c r="CR5" s="259" t="s">
        <v>48</v>
      </c>
      <c r="CS5" s="259" t="s">
        <v>49</v>
      </c>
      <c r="CT5" s="259" t="s">
        <v>50</v>
      </c>
      <c r="CU5" s="259" t="s">
        <v>51</v>
      </c>
      <c r="CV5" s="265" t="s">
        <v>45</v>
      </c>
      <c r="CW5" s="570"/>
    </row>
    <row r="6" spans="1:101" ht="21" customHeight="1" x14ac:dyDescent="0.2">
      <c r="B6" s="260" t="s">
        <v>4</v>
      </c>
      <c r="C6" s="269">
        <v>0</v>
      </c>
      <c r="D6" s="270">
        <v>0</v>
      </c>
      <c r="E6" s="271">
        <v>0</v>
      </c>
      <c r="F6" s="272">
        <v>0</v>
      </c>
      <c r="G6" s="273">
        <v>317</v>
      </c>
      <c r="H6" s="273">
        <v>382</v>
      </c>
      <c r="I6" s="273">
        <v>330</v>
      </c>
      <c r="J6" s="273">
        <v>393</v>
      </c>
      <c r="K6" s="273">
        <v>344</v>
      </c>
      <c r="L6" s="274">
        <v>1766</v>
      </c>
      <c r="M6" s="275">
        <v>1766</v>
      </c>
      <c r="N6" s="269">
        <v>0</v>
      </c>
      <c r="O6" s="273">
        <v>0</v>
      </c>
      <c r="P6" s="270">
        <v>0</v>
      </c>
      <c r="Q6" s="272">
        <v>0</v>
      </c>
      <c r="R6" s="273">
        <v>219</v>
      </c>
      <c r="S6" s="273">
        <v>540</v>
      </c>
      <c r="T6" s="273">
        <v>480</v>
      </c>
      <c r="U6" s="273">
        <v>463</v>
      </c>
      <c r="V6" s="273">
        <v>413</v>
      </c>
      <c r="W6" s="270">
        <v>2115</v>
      </c>
      <c r="X6" s="275">
        <v>2115</v>
      </c>
      <c r="Y6" s="269">
        <v>0</v>
      </c>
      <c r="Z6" s="273">
        <v>1</v>
      </c>
      <c r="AA6" s="270">
        <v>1</v>
      </c>
      <c r="AB6" s="272">
        <v>0</v>
      </c>
      <c r="AC6" s="273">
        <v>13404</v>
      </c>
      <c r="AD6" s="273">
        <v>12151</v>
      </c>
      <c r="AE6" s="273">
        <v>5845</v>
      </c>
      <c r="AF6" s="273">
        <v>2947</v>
      </c>
      <c r="AG6" s="273">
        <v>1375</v>
      </c>
      <c r="AH6" s="270">
        <v>35722</v>
      </c>
      <c r="AI6" s="275">
        <v>35723</v>
      </c>
      <c r="AJ6" s="269">
        <v>12</v>
      </c>
      <c r="AK6" s="273">
        <v>6</v>
      </c>
      <c r="AL6" s="270">
        <v>18</v>
      </c>
      <c r="AM6" s="272">
        <v>0</v>
      </c>
      <c r="AN6" s="273">
        <v>798</v>
      </c>
      <c r="AO6" s="273">
        <v>978</v>
      </c>
      <c r="AP6" s="273">
        <v>1081</v>
      </c>
      <c r="AQ6" s="273">
        <v>594</v>
      </c>
      <c r="AR6" s="273">
        <v>466</v>
      </c>
      <c r="AS6" s="270">
        <v>3917</v>
      </c>
      <c r="AT6" s="275">
        <v>3935</v>
      </c>
      <c r="AU6" s="269">
        <v>179</v>
      </c>
      <c r="AV6" s="273">
        <v>285</v>
      </c>
      <c r="AW6" s="270">
        <v>464</v>
      </c>
      <c r="AX6" s="272">
        <v>0</v>
      </c>
      <c r="AY6" s="273">
        <v>1417</v>
      </c>
      <c r="AZ6" s="273">
        <v>1597</v>
      </c>
      <c r="BA6" s="273">
        <v>1338</v>
      </c>
      <c r="BB6" s="273">
        <v>999</v>
      </c>
      <c r="BC6" s="273">
        <v>487</v>
      </c>
      <c r="BD6" s="270">
        <v>5838</v>
      </c>
      <c r="BE6" s="275">
        <v>6302</v>
      </c>
      <c r="BF6" s="269">
        <v>0</v>
      </c>
      <c r="BG6" s="273">
        <v>43</v>
      </c>
      <c r="BH6" s="270">
        <v>43</v>
      </c>
      <c r="BI6" s="272">
        <v>0</v>
      </c>
      <c r="BJ6" s="273">
        <v>2602</v>
      </c>
      <c r="BK6" s="273">
        <v>3213</v>
      </c>
      <c r="BL6" s="273">
        <v>3446</v>
      </c>
      <c r="BM6" s="273">
        <v>2321</v>
      </c>
      <c r="BN6" s="273">
        <v>1625</v>
      </c>
      <c r="BO6" s="274">
        <v>13207</v>
      </c>
      <c r="BP6" s="275">
        <v>13250</v>
      </c>
      <c r="BQ6" s="269">
        <v>0</v>
      </c>
      <c r="BR6" s="273">
        <v>0</v>
      </c>
      <c r="BS6" s="270">
        <v>0</v>
      </c>
      <c r="BT6" s="272">
        <v>0</v>
      </c>
      <c r="BU6" s="273">
        <v>31</v>
      </c>
      <c r="BV6" s="273">
        <v>49</v>
      </c>
      <c r="BW6" s="273">
        <v>53</v>
      </c>
      <c r="BX6" s="273">
        <v>62</v>
      </c>
      <c r="BY6" s="273">
        <v>47</v>
      </c>
      <c r="BZ6" s="270">
        <v>242</v>
      </c>
      <c r="CA6" s="275">
        <v>242</v>
      </c>
      <c r="CB6" s="269">
        <v>0</v>
      </c>
      <c r="CC6" s="273">
        <v>0</v>
      </c>
      <c r="CD6" s="270">
        <v>0</v>
      </c>
      <c r="CE6" s="272">
        <v>0</v>
      </c>
      <c r="CF6" s="273">
        <v>10</v>
      </c>
      <c r="CG6" s="273">
        <v>35</v>
      </c>
      <c r="CH6" s="273">
        <v>239</v>
      </c>
      <c r="CI6" s="273">
        <v>334</v>
      </c>
      <c r="CJ6" s="273">
        <v>221</v>
      </c>
      <c r="CK6" s="270">
        <v>839</v>
      </c>
      <c r="CL6" s="275">
        <v>839</v>
      </c>
      <c r="CM6" s="269">
        <v>0</v>
      </c>
      <c r="CN6" s="273">
        <v>0</v>
      </c>
      <c r="CO6" s="270">
        <v>0</v>
      </c>
      <c r="CP6" s="272">
        <v>0</v>
      </c>
      <c r="CQ6" s="273">
        <v>196</v>
      </c>
      <c r="CR6" s="273">
        <v>287</v>
      </c>
      <c r="CS6" s="273">
        <v>294</v>
      </c>
      <c r="CT6" s="273">
        <v>357</v>
      </c>
      <c r="CU6" s="273">
        <v>441</v>
      </c>
      <c r="CV6" s="270">
        <v>1575</v>
      </c>
      <c r="CW6" s="275">
        <v>1575</v>
      </c>
    </row>
    <row r="7" spans="1:101" ht="21" customHeight="1" x14ac:dyDescent="0.2">
      <c r="B7" s="261" t="s">
        <v>5</v>
      </c>
      <c r="C7" s="276">
        <v>0</v>
      </c>
      <c r="D7" s="277">
        <v>0</v>
      </c>
      <c r="E7" s="278">
        <v>0</v>
      </c>
      <c r="F7" s="279">
        <v>0</v>
      </c>
      <c r="G7" s="280">
        <v>128</v>
      </c>
      <c r="H7" s="280">
        <v>164</v>
      </c>
      <c r="I7" s="280">
        <v>166</v>
      </c>
      <c r="J7" s="280">
        <v>183</v>
      </c>
      <c r="K7" s="280">
        <v>164</v>
      </c>
      <c r="L7" s="281">
        <v>805</v>
      </c>
      <c r="M7" s="282">
        <v>805</v>
      </c>
      <c r="N7" s="276">
        <v>0</v>
      </c>
      <c r="O7" s="280">
        <v>0</v>
      </c>
      <c r="P7" s="277">
        <v>0</v>
      </c>
      <c r="Q7" s="279">
        <v>0</v>
      </c>
      <c r="R7" s="280">
        <v>116</v>
      </c>
      <c r="S7" s="280">
        <v>410</v>
      </c>
      <c r="T7" s="280">
        <v>362</v>
      </c>
      <c r="U7" s="280">
        <v>337</v>
      </c>
      <c r="V7" s="280">
        <v>306</v>
      </c>
      <c r="W7" s="277">
        <v>1531</v>
      </c>
      <c r="X7" s="282">
        <v>1531</v>
      </c>
      <c r="Y7" s="276">
        <v>0</v>
      </c>
      <c r="Z7" s="280">
        <v>0</v>
      </c>
      <c r="AA7" s="277">
        <v>0</v>
      </c>
      <c r="AB7" s="279">
        <v>0</v>
      </c>
      <c r="AC7" s="280">
        <v>4640</v>
      </c>
      <c r="AD7" s="280">
        <v>5679</v>
      </c>
      <c r="AE7" s="280">
        <v>2615</v>
      </c>
      <c r="AF7" s="280">
        <v>1330</v>
      </c>
      <c r="AG7" s="280">
        <v>626</v>
      </c>
      <c r="AH7" s="277">
        <v>14890</v>
      </c>
      <c r="AI7" s="282">
        <v>14890</v>
      </c>
      <c r="AJ7" s="276">
        <v>5</v>
      </c>
      <c r="AK7" s="280">
        <v>1</v>
      </c>
      <c r="AL7" s="277">
        <v>6</v>
      </c>
      <c r="AM7" s="279">
        <v>0</v>
      </c>
      <c r="AN7" s="280">
        <v>377</v>
      </c>
      <c r="AO7" s="280">
        <v>515</v>
      </c>
      <c r="AP7" s="280">
        <v>558</v>
      </c>
      <c r="AQ7" s="280">
        <v>318</v>
      </c>
      <c r="AR7" s="280">
        <v>261</v>
      </c>
      <c r="AS7" s="277">
        <v>2029</v>
      </c>
      <c r="AT7" s="282">
        <v>2035</v>
      </c>
      <c r="AU7" s="276">
        <v>74</v>
      </c>
      <c r="AV7" s="280">
        <v>108</v>
      </c>
      <c r="AW7" s="277">
        <v>182</v>
      </c>
      <c r="AX7" s="279">
        <v>0</v>
      </c>
      <c r="AY7" s="280">
        <v>520</v>
      </c>
      <c r="AZ7" s="280">
        <v>671</v>
      </c>
      <c r="BA7" s="280">
        <v>562</v>
      </c>
      <c r="BB7" s="280">
        <v>435</v>
      </c>
      <c r="BC7" s="280">
        <v>246</v>
      </c>
      <c r="BD7" s="277">
        <v>2434</v>
      </c>
      <c r="BE7" s="282">
        <v>2616</v>
      </c>
      <c r="BF7" s="276">
        <v>0</v>
      </c>
      <c r="BG7" s="280">
        <v>16</v>
      </c>
      <c r="BH7" s="277">
        <v>16</v>
      </c>
      <c r="BI7" s="279">
        <v>0</v>
      </c>
      <c r="BJ7" s="280">
        <v>1165</v>
      </c>
      <c r="BK7" s="280">
        <v>1427</v>
      </c>
      <c r="BL7" s="280">
        <v>1445</v>
      </c>
      <c r="BM7" s="280">
        <v>975</v>
      </c>
      <c r="BN7" s="280">
        <v>712</v>
      </c>
      <c r="BO7" s="281">
        <v>5724</v>
      </c>
      <c r="BP7" s="282">
        <v>5740</v>
      </c>
      <c r="BQ7" s="276">
        <v>0</v>
      </c>
      <c r="BR7" s="280">
        <v>0</v>
      </c>
      <c r="BS7" s="277">
        <v>0</v>
      </c>
      <c r="BT7" s="279">
        <v>0</v>
      </c>
      <c r="BU7" s="280">
        <v>1</v>
      </c>
      <c r="BV7" s="280">
        <v>1</v>
      </c>
      <c r="BW7" s="280">
        <v>4</v>
      </c>
      <c r="BX7" s="280">
        <v>1</v>
      </c>
      <c r="BY7" s="280">
        <v>5</v>
      </c>
      <c r="BZ7" s="277">
        <v>12</v>
      </c>
      <c r="CA7" s="282">
        <v>12</v>
      </c>
      <c r="CB7" s="276">
        <v>0</v>
      </c>
      <c r="CC7" s="280">
        <v>0</v>
      </c>
      <c r="CD7" s="277">
        <v>0</v>
      </c>
      <c r="CE7" s="279">
        <v>0</v>
      </c>
      <c r="CF7" s="280">
        <v>4</v>
      </c>
      <c r="CG7" s="280">
        <v>12</v>
      </c>
      <c r="CH7" s="280">
        <v>31</v>
      </c>
      <c r="CI7" s="280">
        <v>42</v>
      </c>
      <c r="CJ7" s="280">
        <v>24</v>
      </c>
      <c r="CK7" s="277">
        <v>113</v>
      </c>
      <c r="CL7" s="282">
        <v>113</v>
      </c>
      <c r="CM7" s="276">
        <v>0</v>
      </c>
      <c r="CN7" s="280">
        <v>0</v>
      </c>
      <c r="CO7" s="277">
        <v>0</v>
      </c>
      <c r="CP7" s="279">
        <v>0</v>
      </c>
      <c r="CQ7" s="280">
        <v>36</v>
      </c>
      <c r="CR7" s="280">
        <v>69</v>
      </c>
      <c r="CS7" s="280">
        <v>76</v>
      </c>
      <c r="CT7" s="280">
        <v>93</v>
      </c>
      <c r="CU7" s="280">
        <v>173</v>
      </c>
      <c r="CV7" s="277">
        <v>447</v>
      </c>
      <c r="CW7" s="282">
        <v>447</v>
      </c>
    </row>
    <row r="8" spans="1:101" ht="21" customHeight="1" x14ac:dyDescent="0.2">
      <c r="B8" s="261" t="s">
        <v>6</v>
      </c>
      <c r="C8" s="276">
        <v>0</v>
      </c>
      <c r="D8" s="277">
        <v>0</v>
      </c>
      <c r="E8" s="278">
        <v>0</v>
      </c>
      <c r="F8" s="279">
        <v>0</v>
      </c>
      <c r="G8" s="280">
        <v>77</v>
      </c>
      <c r="H8" s="280">
        <v>92</v>
      </c>
      <c r="I8" s="280">
        <v>63</v>
      </c>
      <c r="J8" s="280">
        <v>110</v>
      </c>
      <c r="K8" s="280">
        <v>103</v>
      </c>
      <c r="L8" s="281">
        <v>445</v>
      </c>
      <c r="M8" s="282">
        <v>445</v>
      </c>
      <c r="N8" s="276">
        <v>0</v>
      </c>
      <c r="O8" s="280">
        <v>0</v>
      </c>
      <c r="P8" s="277">
        <v>0</v>
      </c>
      <c r="Q8" s="279">
        <v>0</v>
      </c>
      <c r="R8" s="280">
        <v>74</v>
      </c>
      <c r="S8" s="280">
        <v>96</v>
      </c>
      <c r="T8" s="280">
        <v>90</v>
      </c>
      <c r="U8" s="280">
        <v>99</v>
      </c>
      <c r="V8" s="280">
        <v>87</v>
      </c>
      <c r="W8" s="277">
        <v>446</v>
      </c>
      <c r="X8" s="282">
        <v>446</v>
      </c>
      <c r="Y8" s="276">
        <v>0</v>
      </c>
      <c r="Z8" s="280">
        <v>0</v>
      </c>
      <c r="AA8" s="277">
        <v>0</v>
      </c>
      <c r="AB8" s="279">
        <v>0</v>
      </c>
      <c r="AC8" s="280">
        <v>1974</v>
      </c>
      <c r="AD8" s="280">
        <v>1301</v>
      </c>
      <c r="AE8" s="280">
        <v>723</v>
      </c>
      <c r="AF8" s="280">
        <v>440</v>
      </c>
      <c r="AG8" s="280">
        <v>220</v>
      </c>
      <c r="AH8" s="277">
        <v>4658</v>
      </c>
      <c r="AI8" s="282">
        <v>4658</v>
      </c>
      <c r="AJ8" s="276">
        <v>3</v>
      </c>
      <c r="AK8" s="280">
        <v>1</v>
      </c>
      <c r="AL8" s="277">
        <v>4</v>
      </c>
      <c r="AM8" s="279">
        <v>0</v>
      </c>
      <c r="AN8" s="280">
        <v>179</v>
      </c>
      <c r="AO8" s="280">
        <v>204</v>
      </c>
      <c r="AP8" s="280">
        <v>215</v>
      </c>
      <c r="AQ8" s="280">
        <v>138</v>
      </c>
      <c r="AR8" s="280">
        <v>88</v>
      </c>
      <c r="AS8" s="277">
        <v>824</v>
      </c>
      <c r="AT8" s="282">
        <v>828</v>
      </c>
      <c r="AU8" s="276">
        <v>20</v>
      </c>
      <c r="AV8" s="280">
        <v>34</v>
      </c>
      <c r="AW8" s="277">
        <v>54</v>
      </c>
      <c r="AX8" s="279">
        <v>0</v>
      </c>
      <c r="AY8" s="280">
        <v>241</v>
      </c>
      <c r="AZ8" s="280">
        <v>229</v>
      </c>
      <c r="BA8" s="280">
        <v>182</v>
      </c>
      <c r="BB8" s="280">
        <v>146</v>
      </c>
      <c r="BC8" s="280">
        <v>70</v>
      </c>
      <c r="BD8" s="277">
        <v>868</v>
      </c>
      <c r="BE8" s="282">
        <v>922</v>
      </c>
      <c r="BF8" s="276">
        <v>0</v>
      </c>
      <c r="BG8" s="280">
        <v>4</v>
      </c>
      <c r="BH8" s="277">
        <v>4</v>
      </c>
      <c r="BI8" s="279">
        <v>0</v>
      </c>
      <c r="BJ8" s="280">
        <v>460</v>
      </c>
      <c r="BK8" s="280">
        <v>550</v>
      </c>
      <c r="BL8" s="280">
        <v>571</v>
      </c>
      <c r="BM8" s="280">
        <v>379</v>
      </c>
      <c r="BN8" s="280">
        <v>263</v>
      </c>
      <c r="BO8" s="281">
        <v>2223</v>
      </c>
      <c r="BP8" s="282">
        <v>2227</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4</v>
      </c>
      <c r="CG8" s="280">
        <v>6</v>
      </c>
      <c r="CH8" s="280">
        <v>68</v>
      </c>
      <c r="CI8" s="280">
        <v>95</v>
      </c>
      <c r="CJ8" s="280">
        <v>66</v>
      </c>
      <c r="CK8" s="277">
        <v>239</v>
      </c>
      <c r="CL8" s="282">
        <v>239</v>
      </c>
      <c r="CM8" s="276">
        <v>0</v>
      </c>
      <c r="CN8" s="280">
        <v>0</v>
      </c>
      <c r="CO8" s="277">
        <v>0</v>
      </c>
      <c r="CP8" s="279">
        <v>0</v>
      </c>
      <c r="CQ8" s="280">
        <v>58</v>
      </c>
      <c r="CR8" s="280">
        <v>84</v>
      </c>
      <c r="CS8" s="280">
        <v>71</v>
      </c>
      <c r="CT8" s="280">
        <v>91</v>
      </c>
      <c r="CU8" s="280">
        <v>95</v>
      </c>
      <c r="CV8" s="277">
        <v>399</v>
      </c>
      <c r="CW8" s="282">
        <v>399</v>
      </c>
    </row>
    <row r="9" spans="1:101" ht="21" customHeight="1" x14ac:dyDescent="0.2">
      <c r="B9" s="261" t="s">
        <v>14</v>
      </c>
      <c r="C9" s="276">
        <v>0</v>
      </c>
      <c r="D9" s="277">
        <v>0</v>
      </c>
      <c r="E9" s="278">
        <v>0</v>
      </c>
      <c r="F9" s="279">
        <v>0</v>
      </c>
      <c r="G9" s="280">
        <v>21</v>
      </c>
      <c r="H9" s="280">
        <v>14</v>
      </c>
      <c r="I9" s="280">
        <v>25</v>
      </c>
      <c r="J9" s="280">
        <v>15</v>
      </c>
      <c r="K9" s="280">
        <v>18</v>
      </c>
      <c r="L9" s="281">
        <v>93</v>
      </c>
      <c r="M9" s="282">
        <v>93</v>
      </c>
      <c r="N9" s="276">
        <v>0</v>
      </c>
      <c r="O9" s="280">
        <v>0</v>
      </c>
      <c r="P9" s="277">
        <v>0</v>
      </c>
      <c r="Q9" s="279">
        <v>0</v>
      </c>
      <c r="R9" s="280">
        <v>1</v>
      </c>
      <c r="S9" s="280">
        <v>1</v>
      </c>
      <c r="T9" s="280">
        <v>4</v>
      </c>
      <c r="U9" s="280">
        <v>4</v>
      </c>
      <c r="V9" s="280">
        <v>1</v>
      </c>
      <c r="W9" s="277">
        <v>11</v>
      </c>
      <c r="X9" s="282">
        <v>11</v>
      </c>
      <c r="Y9" s="276">
        <v>0</v>
      </c>
      <c r="Z9" s="280">
        <v>0</v>
      </c>
      <c r="AA9" s="277">
        <v>0</v>
      </c>
      <c r="AB9" s="279">
        <v>0</v>
      </c>
      <c r="AC9" s="280">
        <v>1030</v>
      </c>
      <c r="AD9" s="280">
        <v>1127</v>
      </c>
      <c r="AE9" s="280">
        <v>549</v>
      </c>
      <c r="AF9" s="280">
        <v>256</v>
      </c>
      <c r="AG9" s="280">
        <v>121</v>
      </c>
      <c r="AH9" s="277">
        <v>3083</v>
      </c>
      <c r="AI9" s="282">
        <v>3083</v>
      </c>
      <c r="AJ9" s="276">
        <v>2</v>
      </c>
      <c r="AK9" s="280">
        <v>0</v>
      </c>
      <c r="AL9" s="277">
        <v>2</v>
      </c>
      <c r="AM9" s="279">
        <v>0</v>
      </c>
      <c r="AN9" s="280">
        <v>18</v>
      </c>
      <c r="AO9" s="280">
        <v>27</v>
      </c>
      <c r="AP9" s="280">
        <v>33</v>
      </c>
      <c r="AQ9" s="280">
        <v>22</v>
      </c>
      <c r="AR9" s="280">
        <v>20</v>
      </c>
      <c r="AS9" s="277">
        <v>120</v>
      </c>
      <c r="AT9" s="282">
        <v>122</v>
      </c>
      <c r="AU9" s="276">
        <v>18</v>
      </c>
      <c r="AV9" s="280">
        <v>30</v>
      </c>
      <c r="AW9" s="277">
        <v>48</v>
      </c>
      <c r="AX9" s="279">
        <v>0</v>
      </c>
      <c r="AY9" s="280">
        <v>118</v>
      </c>
      <c r="AZ9" s="280">
        <v>148</v>
      </c>
      <c r="BA9" s="280">
        <v>114</v>
      </c>
      <c r="BB9" s="280">
        <v>89</v>
      </c>
      <c r="BC9" s="280">
        <v>22</v>
      </c>
      <c r="BD9" s="277">
        <v>491</v>
      </c>
      <c r="BE9" s="282">
        <v>539</v>
      </c>
      <c r="BF9" s="276">
        <v>0</v>
      </c>
      <c r="BG9" s="280">
        <v>2</v>
      </c>
      <c r="BH9" s="277">
        <v>2</v>
      </c>
      <c r="BI9" s="279">
        <v>0</v>
      </c>
      <c r="BJ9" s="280">
        <v>235</v>
      </c>
      <c r="BK9" s="280">
        <v>290</v>
      </c>
      <c r="BL9" s="280">
        <v>336</v>
      </c>
      <c r="BM9" s="280">
        <v>219</v>
      </c>
      <c r="BN9" s="280">
        <v>150</v>
      </c>
      <c r="BO9" s="281">
        <v>1230</v>
      </c>
      <c r="BP9" s="282">
        <v>1232</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2</v>
      </c>
      <c r="CH9" s="280">
        <v>15</v>
      </c>
      <c r="CI9" s="280">
        <v>30</v>
      </c>
      <c r="CJ9" s="280">
        <v>11</v>
      </c>
      <c r="CK9" s="277">
        <v>58</v>
      </c>
      <c r="CL9" s="282">
        <v>58</v>
      </c>
      <c r="CM9" s="276">
        <v>0</v>
      </c>
      <c r="CN9" s="280">
        <v>0</v>
      </c>
      <c r="CO9" s="277">
        <v>0</v>
      </c>
      <c r="CP9" s="279">
        <v>0</v>
      </c>
      <c r="CQ9" s="280">
        <v>11</v>
      </c>
      <c r="CR9" s="280">
        <v>11</v>
      </c>
      <c r="CS9" s="280">
        <v>15</v>
      </c>
      <c r="CT9" s="280">
        <v>18</v>
      </c>
      <c r="CU9" s="280">
        <v>16</v>
      </c>
      <c r="CV9" s="277">
        <v>71</v>
      </c>
      <c r="CW9" s="282">
        <v>71</v>
      </c>
    </row>
    <row r="10" spans="1:101" ht="21" customHeight="1" x14ac:dyDescent="0.2">
      <c r="B10" s="261" t="s">
        <v>7</v>
      </c>
      <c r="C10" s="276">
        <v>0</v>
      </c>
      <c r="D10" s="277">
        <v>0</v>
      </c>
      <c r="E10" s="278">
        <v>0</v>
      </c>
      <c r="F10" s="279">
        <v>0</v>
      </c>
      <c r="G10" s="280">
        <v>3</v>
      </c>
      <c r="H10" s="280">
        <v>11</v>
      </c>
      <c r="I10" s="280">
        <v>6</v>
      </c>
      <c r="J10" s="280">
        <v>7</v>
      </c>
      <c r="K10" s="280">
        <v>6</v>
      </c>
      <c r="L10" s="281">
        <v>33</v>
      </c>
      <c r="M10" s="282">
        <v>33</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1112</v>
      </c>
      <c r="AD10" s="280">
        <v>641</v>
      </c>
      <c r="AE10" s="280">
        <v>314</v>
      </c>
      <c r="AF10" s="280">
        <v>128</v>
      </c>
      <c r="AG10" s="280">
        <v>57</v>
      </c>
      <c r="AH10" s="277">
        <v>2252</v>
      </c>
      <c r="AI10" s="282">
        <v>2252</v>
      </c>
      <c r="AJ10" s="276">
        <v>0</v>
      </c>
      <c r="AK10" s="280">
        <v>0</v>
      </c>
      <c r="AL10" s="277">
        <v>0</v>
      </c>
      <c r="AM10" s="279">
        <v>0</v>
      </c>
      <c r="AN10" s="280">
        <v>87</v>
      </c>
      <c r="AO10" s="280">
        <v>100</v>
      </c>
      <c r="AP10" s="280">
        <v>103</v>
      </c>
      <c r="AQ10" s="280">
        <v>39</v>
      </c>
      <c r="AR10" s="280">
        <v>17</v>
      </c>
      <c r="AS10" s="277">
        <v>346</v>
      </c>
      <c r="AT10" s="282">
        <v>346</v>
      </c>
      <c r="AU10" s="276">
        <v>6</v>
      </c>
      <c r="AV10" s="280">
        <v>11</v>
      </c>
      <c r="AW10" s="277">
        <v>17</v>
      </c>
      <c r="AX10" s="279">
        <v>0</v>
      </c>
      <c r="AY10" s="280">
        <v>56</v>
      </c>
      <c r="AZ10" s="280">
        <v>39</v>
      </c>
      <c r="BA10" s="280">
        <v>32</v>
      </c>
      <c r="BB10" s="280">
        <v>25</v>
      </c>
      <c r="BC10" s="280">
        <v>6</v>
      </c>
      <c r="BD10" s="277">
        <v>158</v>
      </c>
      <c r="BE10" s="282">
        <v>175</v>
      </c>
      <c r="BF10" s="276">
        <v>0</v>
      </c>
      <c r="BG10" s="280">
        <v>0</v>
      </c>
      <c r="BH10" s="277">
        <v>0</v>
      </c>
      <c r="BI10" s="279">
        <v>0</v>
      </c>
      <c r="BJ10" s="280">
        <v>120</v>
      </c>
      <c r="BK10" s="280">
        <v>148</v>
      </c>
      <c r="BL10" s="280">
        <v>182</v>
      </c>
      <c r="BM10" s="280">
        <v>134</v>
      </c>
      <c r="BN10" s="280">
        <v>79</v>
      </c>
      <c r="BO10" s="281">
        <v>663</v>
      </c>
      <c r="BP10" s="282">
        <v>663</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9</v>
      </c>
      <c r="CR10" s="280">
        <v>14</v>
      </c>
      <c r="CS10" s="280">
        <v>11</v>
      </c>
      <c r="CT10" s="280">
        <v>10</v>
      </c>
      <c r="CU10" s="280">
        <v>20</v>
      </c>
      <c r="CV10" s="277">
        <v>64</v>
      </c>
      <c r="CW10" s="282">
        <v>64</v>
      </c>
    </row>
    <row r="11" spans="1:101" ht="21" customHeight="1" x14ac:dyDescent="0.2">
      <c r="B11" s="261" t="s">
        <v>8</v>
      </c>
      <c r="C11" s="276">
        <v>0</v>
      </c>
      <c r="D11" s="277">
        <v>0</v>
      </c>
      <c r="E11" s="278">
        <v>0</v>
      </c>
      <c r="F11" s="279">
        <v>0</v>
      </c>
      <c r="G11" s="280">
        <v>3</v>
      </c>
      <c r="H11" s="280">
        <v>9</v>
      </c>
      <c r="I11" s="280">
        <v>3</v>
      </c>
      <c r="J11" s="280">
        <v>6</v>
      </c>
      <c r="K11" s="280">
        <v>3</v>
      </c>
      <c r="L11" s="281">
        <v>24</v>
      </c>
      <c r="M11" s="282">
        <v>24</v>
      </c>
      <c r="N11" s="276">
        <v>0</v>
      </c>
      <c r="O11" s="280">
        <v>0</v>
      </c>
      <c r="P11" s="277">
        <v>0</v>
      </c>
      <c r="Q11" s="279">
        <v>0</v>
      </c>
      <c r="R11" s="280">
        <v>2</v>
      </c>
      <c r="S11" s="280">
        <v>1</v>
      </c>
      <c r="T11" s="280">
        <v>0</v>
      </c>
      <c r="U11" s="280">
        <v>0</v>
      </c>
      <c r="V11" s="280">
        <v>5</v>
      </c>
      <c r="W11" s="277">
        <v>8</v>
      </c>
      <c r="X11" s="282">
        <v>8</v>
      </c>
      <c r="Y11" s="276">
        <v>0</v>
      </c>
      <c r="Z11" s="280">
        <v>1</v>
      </c>
      <c r="AA11" s="277">
        <v>1</v>
      </c>
      <c r="AB11" s="279">
        <v>0</v>
      </c>
      <c r="AC11" s="280">
        <v>608</v>
      </c>
      <c r="AD11" s="280">
        <v>508</v>
      </c>
      <c r="AE11" s="280">
        <v>245</v>
      </c>
      <c r="AF11" s="280">
        <v>93</v>
      </c>
      <c r="AG11" s="280">
        <v>49</v>
      </c>
      <c r="AH11" s="277">
        <v>1503</v>
      </c>
      <c r="AI11" s="282">
        <v>1504</v>
      </c>
      <c r="AJ11" s="276">
        <v>0</v>
      </c>
      <c r="AK11" s="280">
        <v>0</v>
      </c>
      <c r="AL11" s="277">
        <v>0</v>
      </c>
      <c r="AM11" s="279">
        <v>0</v>
      </c>
      <c r="AN11" s="280">
        <v>7</v>
      </c>
      <c r="AO11" s="280">
        <v>10</v>
      </c>
      <c r="AP11" s="280">
        <v>10</v>
      </c>
      <c r="AQ11" s="280">
        <v>7</v>
      </c>
      <c r="AR11" s="280">
        <v>8</v>
      </c>
      <c r="AS11" s="277">
        <v>42</v>
      </c>
      <c r="AT11" s="282">
        <v>42</v>
      </c>
      <c r="AU11" s="276">
        <v>9</v>
      </c>
      <c r="AV11" s="280">
        <v>12</v>
      </c>
      <c r="AW11" s="277">
        <v>21</v>
      </c>
      <c r="AX11" s="279">
        <v>0</v>
      </c>
      <c r="AY11" s="280">
        <v>63</v>
      </c>
      <c r="AZ11" s="280">
        <v>45</v>
      </c>
      <c r="BA11" s="280">
        <v>48</v>
      </c>
      <c r="BB11" s="280">
        <v>30</v>
      </c>
      <c r="BC11" s="280">
        <v>2</v>
      </c>
      <c r="BD11" s="277">
        <v>188</v>
      </c>
      <c r="BE11" s="282">
        <v>209</v>
      </c>
      <c r="BF11" s="276">
        <v>0</v>
      </c>
      <c r="BG11" s="280">
        <v>0</v>
      </c>
      <c r="BH11" s="277">
        <v>0</v>
      </c>
      <c r="BI11" s="279">
        <v>0</v>
      </c>
      <c r="BJ11" s="280">
        <v>65</v>
      </c>
      <c r="BK11" s="280">
        <v>76</v>
      </c>
      <c r="BL11" s="280">
        <v>76</v>
      </c>
      <c r="BM11" s="280">
        <v>62</v>
      </c>
      <c r="BN11" s="280">
        <v>35</v>
      </c>
      <c r="BO11" s="281">
        <v>314</v>
      </c>
      <c r="BP11" s="282">
        <v>314</v>
      </c>
      <c r="BQ11" s="276">
        <v>0</v>
      </c>
      <c r="BR11" s="280">
        <v>0</v>
      </c>
      <c r="BS11" s="277">
        <v>0</v>
      </c>
      <c r="BT11" s="279">
        <v>0</v>
      </c>
      <c r="BU11" s="280">
        <v>3</v>
      </c>
      <c r="BV11" s="280">
        <v>10</v>
      </c>
      <c r="BW11" s="280">
        <v>10</v>
      </c>
      <c r="BX11" s="280">
        <v>13</v>
      </c>
      <c r="BY11" s="280">
        <v>3</v>
      </c>
      <c r="BZ11" s="277">
        <v>39</v>
      </c>
      <c r="CA11" s="282">
        <v>39</v>
      </c>
      <c r="CB11" s="276">
        <v>0</v>
      </c>
      <c r="CC11" s="280">
        <v>0</v>
      </c>
      <c r="CD11" s="277">
        <v>0</v>
      </c>
      <c r="CE11" s="279">
        <v>0</v>
      </c>
      <c r="CF11" s="280">
        <v>0</v>
      </c>
      <c r="CG11" s="280">
        <v>2</v>
      </c>
      <c r="CH11" s="280">
        <v>15</v>
      </c>
      <c r="CI11" s="280">
        <v>18</v>
      </c>
      <c r="CJ11" s="280">
        <v>15</v>
      </c>
      <c r="CK11" s="277">
        <v>50</v>
      </c>
      <c r="CL11" s="282">
        <v>50</v>
      </c>
      <c r="CM11" s="276">
        <v>0</v>
      </c>
      <c r="CN11" s="280">
        <v>0</v>
      </c>
      <c r="CO11" s="277">
        <v>0</v>
      </c>
      <c r="CP11" s="279">
        <v>0</v>
      </c>
      <c r="CQ11" s="280">
        <v>10</v>
      </c>
      <c r="CR11" s="280">
        <v>16</v>
      </c>
      <c r="CS11" s="280">
        <v>14</v>
      </c>
      <c r="CT11" s="280">
        <v>9</v>
      </c>
      <c r="CU11" s="280">
        <v>7</v>
      </c>
      <c r="CV11" s="277">
        <v>56</v>
      </c>
      <c r="CW11" s="282">
        <v>56</v>
      </c>
    </row>
    <row r="12" spans="1:101" ht="21" customHeight="1" x14ac:dyDescent="0.2">
      <c r="B12" s="261" t="s">
        <v>9</v>
      </c>
      <c r="C12" s="276">
        <v>0</v>
      </c>
      <c r="D12" s="277">
        <v>0</v>
      </c>
      <c r="E12" s="278">
        <v>0</v>
      </c>
      <c r="F12" s="279">
        <v>0</v>
      </c>
      <c r="G12" s="280">
        <v>2</v>
      </c>
      <c r="H12" s="280">
        <v>6</v>
      </c>
      <c r="I12" s="280">
        <v>3</v>
      </c>
      <c r="J12" s="280">
        <v>9</v>
      </c>
      <c r="K12" s="280">
        <v>8</v>
      </c>
      <c r="L12" s="281">
        <v>28</v>
      </c>
      <c r="M12" s="282">
        <v>28</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37</v>
      </c>
      <c r="AD12" s="280">
        <v>271</v>
      </c>
      <c r="AE12" s="280">
        <v>162</v>
      </c>
      <c r="AF12" s="280">
        <v>88</v>
      </c>
      <c r="AG12" s="280">
        <v>31</v>
      </c>
      <c r="AH12" s="277">
        <v>989</v>
      </c>
      <c r="AI12" s="282">
        <v>989</v>
      </c>
      <c r="AJ12" s="276">
        <v>0</v>
      </c>
      <c r="AK12" s="280">
        <v>0</v>
      </c>
      <c r="AL12" s="277">
        <v>0</v>
      </c>
      <c r="AM12" s="279">
        <v>0</v>
      </c>
      <c r="AN12" s="280">
        <v>10</v>
      </c>
      <c r="AO12" s="280">
        <v>5</v>
      </c>
      <c r="AP12" s="280">
        <v>11</v>
      </c>
      <c r="AQ12" s="280">
        <v>5</v>
      </c>
      <c r="AR12" s="280">
        <v>5</v>
      </c>
      <c r="AS12" s="277">
        <v>36</v>
      </c>
      <c r="AT12" s="282">
        <v>36</v>
      </c>
      <c r="AU12" s="276">
        <v>5</v>
      </c>
      <c r="AV12" s="280">
        <v>3</v>
      </c>
      <c r="AW12" s="277">
        <v>8</v>
      </c>
      <c r="AX12" s="279">
        <v>0</v>
      </c>
      <c r="AY12" s="280">
        <v>33</v>
      </c>
      <c r="AZ12" s="280">
        <v>43</v>
      </c>
      <c r="BA12" s="280">
        <v>19</v>
      </c>
      <c r="BB12" s="280">
        <v>22</v>
      </c>
      <c r="BC12" s="280">
        <v>5</v>
      </c>
      <c r="BD12" s="277">
        <v>122</v>
      </c>
      <c r="BE12" s="282">
        <v>130</v>
      </c>
      <c r="BF12" s="276">
        <v>0</v>
      </c>
      <c r="BG12" s="280">
        <v>1</v>
      </c>
      <c r="BH12" s="277">
        <v>1</v>
      </c>
      <c r="BI12" s="279">
        <v>0</v>
      </c>
      <c r="BJ12" s="280">
        <v>33</v>
      </c>
      <c r="BK12" s="280">
        <v>49</v>
      </c>
      <c r="BL12" s="280">
        <v>81</v>
      </c>
      <c r="BM12" s="280">
        <v>47</v>
      </c>
      <c r="BN12" s="280">
        <v>27</v>
      </c>
      <c r="BO12" s="281">
        <v>237</v>
      </c>
      <c r="BP12" s="282">
        <v>238</v>
      </c>
      <c r="BQ12" s="276">
        <v>0</v>
      </c>
      <c r="BR12" s="280">
        <v>0</v>
      </c>
      <c r="BS12" s="277">
        <v>0</v>
      </c>
      <c r="BT12" s="279">
        <v>0</v>
      </c>
      <c r="BU12" s="280">
        <v>6</v>
      </c>
      <c r="BV12" s="280">
        <v>6</v>
      </c>
      <c r="BW12" s="280">
        <v>4</v>
      </c>
      <c r="BX12" s="280">
        <v>6</v>
      </c>
      <c r="BY12" s="280">
        <v>5</v>
      </c>
      <c r="BZ12" s="277">
        <v>27</v>
      </c>
      <c r="CA12" s="282">
        <v>27</v>
      </c>
      <c r="CB12" s="276">
        <v>0</v>
      </c>
      <c r="CC12" s="280">
        <v>0</v>
      </c>
      <c r="CD12" s="277">
        <v>0</v>
      </c>
      <c r="CE12" s="279">
        <v>0</v>
      </c>
      <c r="CF12" s="280">
        <v>0</v>
      </c>
      <c r="CG12" s="280">
        <v>0</v>
      </c>
      <c r="CH12" s="280">
        <v>0</v>
      </c>
      <c r="CI12" s="280">
        <v>1</v>
      </c>
      <c r="CJ12" s="280">
        <v>0</v>
      </c>
      <c r="CK12" s="277">
        <v>1</v>
      </c>
      <c r="CL12" s="282">
        <v>1</v>
      </c>
      <c r="CM12" s="276">
        <v>0</v>
      </c>
      <c r="CN12" s="280">
        <v>0</v>
      </c>
      <c r="CO12" s="277">
        <v>0</v>
      </c>
      <c r="CP12" s="279">
        <v>0</v>
      </c>
      <c r="CQ12" s="280">
        <v>7</v>
      </c>
      <c r="CR12" s="280">
        <v>2</v>
      </c>
      <c r="CS12" s="280">
        <v>12</v>
      </c>
      <c r="CT12" s="280">
        <v>11</v>
      </c>
      <c r="CU12" s="280">
        <v>14</v>
      </c>
      <c r="CV12" s="277">
        <v>46</v>
      </c>
      <c r="CW12" s="282">
        <v>46</v>
      </c>
    </row>
    <row r="13" spans="1:101" ht="21" customHeight="1" x14ac:dyDescent="0.2">
      <c r="B13" s="261" t="s">
        <v>10</v>
      </c>
      <c r="C13" s="276">
        <v>0</v>
      </c>
      <c r="D13" s="277">
        <v>0</v>
      </c>
      <c r="E13" s="278">
        <v>0</v>
      </c>
      <c r="F13" s="279">
        <v>0</v>
      </c>
      <c r="G13" s="280">
        <v>23</v>
      </c>
      <c r="H13" s="280">
        <v>16</v>
      </c>
      <c r="I13" s="280">
        <v>15</v>
      </c>
      <c r="J13" s="280">
        <v>21</v>
      </c>
      <c r="K13" s="280">
        <v>14</v>
      </c>
      <c r="L13" s="281">
        <v>89</v>
      </c>
      <c r="M13" s="282">
        <v>89</v>
      </c>
      <c r="N13" s="276">
        <v>0</v>
      </c>
      <c r="O13" s="280">
        <v>0</v>
      </c>
      <c r="P13" s="277">
        <v>0</v>
      </c>
      <c r="Q13" s="279">
        <v>0</v>
      </c>
      <c r="R13" s="280">
        <v>12</v>
      </c>
      <c r="S13" s="280">
        <v>13</v>
      </c>
      <c r="T13" s="280">
        <v>10</v>
      </c>
      <c r="U13" s="280">
        <v>12</v>
      </c>
      <c r="V13" s="280">
        <v>7</v>
      </c>
      <c r="W13" s="277">
        <v>54</v>
      </c>
      <c r="X13" s="282">
        <v>54</v>
      </c>
      <c r="Y13" s="276">
        <v>0</v>
      </c>
      <c r="Z13" s="280">
        <v>0</v>
      </c>
      <c r="AA13" s="277">
        <v>0</v>
      </c>
      <c r="AB13" s="279">
        <v>0</v>
      </c>
      <c r="AC13" s="280">
        <v>584</v>
      </c>
      <c r="AD13" s="280">
        <v>268</v>
      </c>
      <c r="AE13" s="280">
        <v>125</v>
      </c>
      <c r="AF13" s="280">
        <v>66</v>
      </c>
      <c r="AG13" s="280">
        <v>31</v>
      </c>
      <c r="AH13" s="277">
        <v>1074</v>
      </c>
      <c r="AI13" s="282">
        <v>1074</v>
      </c>
      <c r="AJ13" s="276">
        <v>0</v>
      </c>
      <c r="AK13" s="280">
        <v>1</v>
      </c>
      <c r="AL13" s="277">
        <v>1</v>
      </c>
      <c r="AM13" s="279">
        <v>0</v>
      </c>
      <c r="AN13" s="280">
        <v>11</v>
      </c>
      <c r="AO13" s="280">
        <v>12</v>
      </c>
      <c r="AP13" s="280">
        <v>24</v>
      </c>
      <c r="AQ13" s="280">
        <v>8</v>
      </c>
      <c r="AR13" s="280">
        <v>10</v>
      </c>
      <c r="AS13" s="277">
        <v>65</v>
      </c>
      <c r="AT13" s="282">
        <v>66</v>
      </c>
      <c r="AU13" s="276">
        <v>7</v>
      </c>
      <c r="AV13" s="280">
        <v>25</v>
      </c>
      <c r="AW13" s="277">
        <v>32</v>
      </c>
      <c r="AX13" s="279">
        <v>0</v>
      </c>
      <c r="AY13" s="280">
        <v>86</v>
      </c>
      <c r="AZ13" s="280">
        <v>73</v>
      </c>
      <c r="BA13" s="280">
        <v>86</v>
      </c>
      <c r="BB13" s="280">
        <v>48</v>
      </c>
      <c r="BC13" s="280">
        <v>35</v>
      </c>
      <c r="BD13" s="277">
        <v>328</v>
      </c>
      <c r="BE13" s="282">
        <v>360</v>
      </c>
      <c r="BF13" s="276">
        <v>0</v>
      </c>
      <c r="BG13" s="280">
        <v>4</v>
      </c>
      <c r="BH13" s="277">
        <v>4</v>
      </c>
      <c r="BI13" s="279">
        <v>0</v>
      </c>
      <c r="BJ13" s="280">
        <v>108</v>
      </c>
      <c r="BK13" s="280">
        <v>131</v>
      </c>
      <c r="BL13" s="280">
        <v>96</v>
      </c>
      <c r="BM13" s="280">
        <v>91</v>
      </c>
      <c r="BN13" s="280">
        <v>88</v>
      </c>
      <c r="BO13" s="281">
        <v>514</v>
      </c>
      <c r="BP13" s="282">
        <v>518</v>
      </c>
      <c r="BQ13" s="276">
        <v>0</v>
      </c>
      <c r="BR13" s="280">
        <v>0</v>
      </c>
      <c r="BS13" s="277">
        <v>0</v>
      </c>
      <c r="BT13" s="279">
        <v>0</v>
      </c>
      <c r="BU13" s="280">
        <v>21</v>
      </c>
      <c r="BV13" s="280">
        <v>24</v>
      </c>
      <c r="BW13" s="280">
        <v>27</v>
      </c>
      <c r="BX13" s="280">
        <v>25</v>
      </c>
      <c r="BY13" s="280">
        <v>27</v>
      </c>
      <c r="BZ13" s="277">
        <v>124</v>
      </c>
      <c r="CA13" s="282">
        <v>124</v>
      </c>
      <c r="CB13" s="276">
        <v>0</v>
      </c>
      <c r="CC13" s="280">
        <v>0</v>
      </c>
      <c r="CD13" s="277">
        <v>0</v>
      </c>
      <c r="CE13" s="279">
        <v>0</v>
      </c>
      <c r="CF13" s="280">
        <v>0</v>
      </c>
      <c r="CG13" s="280">
        <v>1</v>
      </c>
      <c r="CH13" s="280">
        <v>4</v>
      </c>
      <c r="CI13" s="280">
        <v>21</v>
      </c>
      <c r="CJ13" s="280">
        <v>17</v>
      </c>
      <c r="CK13" s="277">
        <v>43</v>
      </c>
      <c r="CL13" s="282">
        <v>43</v>
      </c>
      <c r="CM13" s="276">
        <v>0</v>
      </c>
      <c r="CN13" s="280">
        <v>0</v>
      </c>
      <c r="CO13" s="277">
        <v>0</v>
      </c>
      <c r="CP13" s="279">
        <v>0</v>
      </c>
      <c r="CQ13" s="280">
        <v>25</v>
      </c>
      <c r="CR13" s="280">
        <v>39</v>
      </c>
      <c r="CS13" s="280">
        <v>32</v>
      </c>
      <c r="CT13" s="280">
        <v>43</v>
      </c>
      <c r="CU13" s="280">
        <v>30</v>
      </c>
      <c r="CV13" s="277">
        <v>169</v>
      </c>
      <c r="CW13" s="282">
        <v>169</v>
      </c>
    </row>
    <row r="14" spans="1:101" ht="21" customHeight="1" x14ac:dyDescent="0.2">
      <c r="B14" s="261" t="s">
        <v>11</v>
      </c>
      <c r="C14" s="276">
        <v>0</v>
      </c>
      <c r="D14" s="277">
        <v>0</v>
      </c>
      <c r="E14" s="278">
        <v>0</v>
      </c>
      <c r="F14" s="279">
        <v>0</v>
      </c>
      <c r="G14" s="280">
        <v>12</v>
      </c>
      <c r="H14" s="280">
        <v>8</v>
      </c>
      <c r="I14" s="280">
        <v>5</v>
      </c>
      <c r="J14" s="280">
        <v>7</v>
      </c>
      <c r="K14" s="280">
        <v>4</v>
      </c>
      <c r="L14" s="281">
        <v>36</v>
      </c>
      <c r="M14" s="282">
        <v>36</v>
      </c>
      <c r="N14" s="276">
        <v>0</v>
      </c>
      <c r="O14" s="280">
        <v>0</v>
      </c>
      <c r="P14" s="277">
        <v>0</v>
      </c>
      <c r="Q14" s="279">
        <v>0</v>
      </c>
      <c r="R14" s="280">
        <v>13</v>
      </c>
      <c r="S14" s="280">
        <v>14</v>
      </c>
      <c r="T14" s="280">
        <v>8</v>
      </c>
      <c r="U14" s="280">
        <v>8</v>
      </c>
      <c r="V14" s="280">
        <v>5</v>
      </c>
      <c r="W14" s="277">
        <v>48</v>
      </c>
      <c r="X14" s="282">
        <v>48</v>
      </c>
      <c r="Y14" s="276">
        <v>0</v>
      </c>
      <c r="Z14" s="280">
        <v>0</v>
      </c>
      <c r="AA14" s="277">
        <v>0</v>
      </c>
      <c r="AB14" s="279">
        <v>0</v>
      </c>
      <c r="AC14" s="280">
        <v>544</v>
      </c>
      <c r="AD14" s="280">
        <v>263</v>
      </c>
      <c r="AE14" s="280">
        <v>139</v>
      </c>
      <c r="AF14" s="280">
        <v>78</v>
      </c>
      <c r="AG14" s="280">
        <v>25</v>
      </c>
      <c r="AH14" s="277">
        <v>1049</v>
      </c>
      <c r="AI14" s="282">
        <v>1049</v>
      </c>
      <c r="AJ14" s="276">
        <v>0</v>
      </c>
      <c r="AK14" s="280">
        <v>1</v>
      </c>
      <c r="AL14" s="277">
        <v>1</v>
      </c>
      <c r="AM14" s="279">
        <v>0</v>
      </c>
      <c r="AN14" s="280">
        <v>16</v>
      </c>
      <c r="AO14" s="280">
        <v>16</v>
      </c>
      <c r="AP14" s="280">
        <v>16</v>
      </c>
      <c r="AQ14" s="280">
        <v>1</v>
      </c>
      <c r="AR14" s="280">
        <v>2</v>
      </c>
      <c r="AS14" s="277">
        <v>51</v>
      </c>
      <c r="AT14" s="282">
        <v>52</v>
      </c>
      <c r="AU14" s="276">
        <v>2</v>
      </c>
      <c r="AV14" s="280">
        <v>5</v>
      </c>
      <c r="AW14" s="277">
        <v>7</v>
      </c>
      <c r="AX14" s="279">
        <v>0</v>
      </c>
      <c r="AY14" s="280">
        <v>34</v>
      </c>
      <c r="AZ14" s="280">
        <v>46</v>
      </c>
      <c r="BA14" s="280">
        <v>32</v>
      </c>
      <c r="BB14" s="280">
        <v>21</v>
      </c>
      <c r="BC14" s="280">
        <v>8</v>
      </c>
      <c r="BD14" s="277">
        <v>141</v>
      </c>
      <c r="BE14" s="282">
        <v>148</v>
      </c>
      <c r="BF14" s="276">
        <v>0</v>
      </c>
      <c r="BG14" s="280">
        <v>6</v>
      </c>
      <c r="BH14" s="277">
        <v>6</v>
      </c>
      <c r="BI14" s="279">
        <v>0</v>
      </c>
      <c r="BJ14" s="280">
        <v>56</v>
      </c>
      <c r="BK14" s="280">
        <v>76</v>
      </c>
      <c r="BL14" s="280">
        <v>74</v>
      </c>
      <c r="BM14" s="280">
        <v>46</v>
      </c>
      <c r="BN14" s="280">
        <v>30</v>
      </c>
      <c r="BO14" s="281">
        <v>282</v>
      </c>
      <c r="BP14" s="282">
        <v>288</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1</v>
      </c>
      <c r="CH14" s="280">
        <v>0</v>
      </c>
      <c r="CI14" s="280">
        <v>0</v>
      </c>
      <c r="CJ14" s="280">
        <v>0</v>
      </c>
      <c r="CK14" s="277">
        <v>1</v>
      </c>
      <c r="CL14" s="282">
        <v>1</v>
      </c>
      <c r="CM14" s="276">
        <v>0</v>
      </c>
      <c r="CN14" s="280">
        <v>0</v>
      </c>
      <c r="CO14" s="277">
        <v>0</v>
      </c>
      <c r="CP14" s="279">
        <v>0</v>
      </c>
      <c r="CQ14" s="280">
        <v>6</v>
      </c>
      <c r="CR14" s="280">
        <v>4</v>
      </c>
      <c r="CS14" s="280">
        <v>4</v>
      </c>
      <c r="CT14" s="280">
        <v>9</v>
      </c>
      <c r="CU14" s="280">
        <v>4</v>
      </c>
      <c r="CV14" s="277">
        <v>27</v>
      </c>
      <c r="CW14" s="282">
        <v>27</v>
      </c>
    </row>
    <row r="15" spans="1:101" ht="21" customHeight="1" x14ac:dyDescent="0.2">
      <c r="B15" s="261" t="s">
        <v>12</v>
      </c>
      <c r="C15" s="276">
        <v>0</v>
      </c>
      <c r="D15" s="277">
        <v>0</v>
      </c>
      <c r="E15" s="278">
        <v>0</v>
      </c>
      <c r="F15" s="279">
        <v>0</v>
      </c>
      <c r="G15" s="280">
        <v>10</v>
      </c>
      <c r="H15" s="280">
        <v>6</v>
      </c>
      <c r="I15" s="280">
        <v>6</v>
      </c>
      <c r="J15" s="280">
        <v>2</v>
      </c>
      <c r="K15" s="280">
        <v>6</v>
      </c>
      <c r="L15" s="281">
        <v>30</v>
      </c>
      <c r="M15" s="282">
        <v>30</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384</v>
      </c>
      <c r="AD15" s="280">
        <v>270</v>
      </c>
      <c r="AE15" s="280">
        <v>162</v>
      </c>
      <c r="AF15" s="280">
        <v>77</v>
      </c>
      <c r="AG15" s="280">
        <v>32</v>
      </c>
      <c r="AH15" s="277">
        <v>925</v>
      </c>
      <c r="AI15" s="282">
        <v>925</v>
      </c>
      <c r="AJ15" s="276">
        <v>0</v>
      </c>
      <c r="AK15" s="280">
        <v>0</v>
      </c>
      <c r="AL15" s="277">
        <v>0</v>
      </c>
      <c r="AM15" s="279">
        <v>0</v>
      </c>
      <c r="AN15" s="280">
        <v>5</v>
      </c>
      <c r="AO15" s="280">
        <v>4</v>
      </c>
      <c r="AP15" s="280">
        <v>1</v>
      </c>
      <c r="AQ15" s="280">
        <v>1</v>
      </c>
      <c r="AR15" s="280">
        <v>1</v>
      </c>
      <c r="AS15" s="277">
        <v>12</v>
      </c>
      <c r="AT15" s="282">
        <v>12</v>
      </c>
      <c r="AU15" s="276">
        <v>0</v>
      </c>
      <c r="AV15" s="280">
        <v>1</v>
      </c>
      <c r="AW15" s="277">
        <v>1</v>
      </c>
      <c r="AX15" s="279">
        <v>0</v>
      </c>
      <c r="AY15" s="280">
        <v>23</v>
      </c>
      <c r="AZ15" s="280">
        <v>30</v>
      </c>
      <c r="BA15" s="280">
        <v>50</v>
      </c>
      <c r="BB15" s="280">
        <v>47</v>
      </c>
      <c r="BC15" s="280">
        <v>25</v>
      </c>
      <c r="BD15" s="277">
        <v>175</v>
      </c>
      <c r="BE15" s="282">
        <v>176</v>
      </c>
      <c r="BF15" s="276">
        <v>0</v>
      </c>
      <c r="BG15" s="280">
        <v>0</v>
      </c>
      <c r="BH15" s="277">
        <v>0</v>
      </c>
      <c r="BI15" s="279">
        <v>0</v>
      </c>
      <c r="BJ15" s="280">
        <v>38</v>
      </c>
      <c r="BK15" s="280">
        <v>45</v>
      </c>
      <c r="BL15" s="280">
        <v>44</v>
      </c>
      <c r="BM15" s="280">
        <v>34</v>
      </c>
      <c r="BN15" s="280">
        <v>37</v>
      </c>
      <c r="BO15" s="281">
        <v>198</v>
      </c>
      <c r="BP15" s="282">
        <v>198</v>
      </c>
      <c r="BQ15" s="276">
        <v>0</v>
      </c>
      <c r="BR15" s="280">
        <v>0</v>
      </c>
      <c r="BS15" s="277">
        <v>0</v>
      </c>
      <c r="BT15" s="279">
        <v>0</v>
      </c>
      <c r="BU15" s="280">
        <v>0</v>
      </c>
      <c r="BV15" s="280">
        <v>8</v>
      </c>
      <c r="BW15" s="280">
        <v>4</v>
      </c>
      <c r="BX15" s="280">
        <v>10</v>
      </c>
      <c r="BY15" s="280">
        <v>3</v>
      </c>
      <c r="BZ15" s="277">
        <v>25</v>
      </c>
      <c r="CA15" s="282">
        <v>25</v>
      </c>
      <c r="CB15" s="276">
        <v>0</v>
      </c>
      <c r="CC15" s="280">
        <v>0</v>
      </c>
      <c r="CD15" s="277">
        <v>0</v>
      </c>
      <c r="CE15" s="279">
        <v>0</v>
      </c>
      <c r="CF15" s="280">
        <v>0</v>
      </c>
      <c r="CG15" s="280">
        <v>1</v>
      </c>
      <c r="CH15" s="280">
        <v>12</v>
      </c>
      <c r="CI15" s="280">
        <v>9</v>
      </c>
      <c r="CJ15" s="280">
        <v>7</v>
      </c>
      <c r="CK15" s="277">
        <v>29</v>
      </c>
      <c r="CL15" s="282">
        <v>29</v>
      </c>
      <c r="CM15" s="276">
        <v>0</v>
      </c>
      <c r="CN15" s="280">
        <v>0</v>
      </c>
      <c r="CO15" s="277">
        <v>0</v>
      </c>
      <c r="CP15" s="279">
        <v>0</v>
      </c>
      <c r="CQ15" s="280">
        <v>8</v>
      </c>
      <c r="CR15" s="280">
        <v>9</v>
      </c>
      <c r="CS15" s="280">
        <v>21</v>
      </c>
      <c r="CT15" s="280">
        <v>28</v>
      </c>
      <c r="CU15" s="280">
        <v>16</v>
      </c>
      <c r="CV15" s="277">
        <v>82</v>
      </c>
      <c r="CW15" s="282">
        <v>82</v>
      </c>
    </row>
    <row r="16" spans="1:101" ht="21" customHeight="1" x14ac:dyDescent="0.2">
      <c r="B16" s="261" t="s">
        <v>13</v>
      </c>
      <c r="C16" s="276">
        <v>0</v>
      </c>
      <c r="D16" s="277">
        <v>0</v>
      </c>
      <c r="E16" s="278">
        <v>0</v>
      </c>
      <c r="F16" s="279">
        <v>0</v>
      </c>
      <c r="G16" s="280">
        <v>0</v>
      </c>
      <c r="H16" s="280">
        <v>1</v>
      </c>
      <c r="I16" s="280">
        <v>1</v>
      </c>
      <c r="J16" s="280">
        <v>1</v>
      </c>
      <c r="K16" s="280">
        <v>1</v>
      </c>
      <c r="L16" s="281">
        <v>4</v>
      </c>
      <c r="M16" s="282">
        <v>4</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30</v>
      </c>
      <c r="AD16" s="280">
        <v>124</v>
      </c>
      <c r="AE16" s="280">
        <v>59</v>
      </c>
      <c r="AF16" s="280">
        <v>34</v>
      </c>
      <c r="AG16" s="280">
        <v>11</v>
      </c>
      <c r="AH16" s="277">
        <v>358</v>
      </c>
      <c r="AI16" s="282">
        <v>358</v>
      </c>
      <c r="AJ16" s="276">
        <v>0</v>
      </c>
      <c r="AK16" s="280">
        <v>0</v>
      </c>
      <c r="AL16" s="277">
        <v>0</v>
      </c>
      <c r="AM16" s="279">
        <v>0</v>
      </c>
      <c r="AN16" s="280">
        <v>2</v>
      </c>
      <c r="AO16" s="280">
        <v>3</v>
      </c>
      <c r="AP16" s="280">
        <v>7</v>
      </c>
      <c r="AQ16" s="280">
        <v>5</v>
      </c>
      <c r="AR16" s="280">
        <v>5</v>
      </c>
      <c r="AS16" s="277">
        <v>22</v>
      </c>
      <c r="AT16" s="282">
        <v>22</v>
      </c>
      <c r="AU16" s="276">
        <v>1</v>
      </c>
      <c r="AV16" s="280">
        <v>3</v>
      </c>
      <c r="AW16" s="277">
        <v>4</v>
      </c>
      <c r="AX16" s="279">
        <v>0</v>
      </c>
      <c r="AY16" s="280">
        <v>14</v>
      </c>
      <c r="AZ16" s="280">
        <v>9</v>
      </c>
      <c r="BA16" s="280">
        <v>7</v>
      </c>
      <c r="BB16" s="280">
        <v>3</v>
      </c>
      <c r="BC16" s="280">
        <v>1</v>
      </c>
      <c r="BD16" s="277">
        <v>34</v>
      </c>
      <c r="BE16" s="282">
        <v>38</v>
      </c>
      <c r="BF16" s="276">
        <v>0</v>
      </c>
      <c r="BG16" s="280">
        <v>0</v>
      </c>
      <c r="BH16" s="277">
        <v>0</v>
      </c>
      <c r="BI16" s="279">
        <v>0</v>
      </c>
      <c r="BJ16" s="280">
        <v>10</v>
      </c>
      <c r="BK16" s="280">
        <v>15</v>
      </c>
      <c r="BL16" s="280">
        <v>23</v>
      </c>
      <c r="BM16" s="280">
        <v>15</v>
      </c>
      <c r="BN16" s="280">
        <v>6</v>
      </c>
      <c r="BO16" s="281">
        <v>69</v>
      </c>
      <c r="BP16" s="282">
        <v>69</v>
      </c>
      <c r="BQ16" s="276">
        <v>0</v>
      </c>
      <c r="BR16" s="280">
        <v>0</v>
      </c>
      <c r="BS16" s="277">
        <v>0</v>
      </c>
      <c r="BT16" s="279">
        <v>0</v>
      </c>
      <c r="BU16" s="280">
        <v>0</v>
      </c>
      <c r="BV16" s="280">
        <v>0</v>
      </c>
      <c r="BW16" s="280">
        <v>4</v>
      </c>
      <c r="BX16" s="280">
        <v>7</v>
      </c>
      <c r="BY16" s="280">
        <v>4</v>
      </c>
      <c r="BZ16" s="277">
        <v>15</v>
      </c>
      <c r="CA16" s="282">
        <v>15</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7</v>
      </c>
      <c r="I17" s="280">
        <v>2</v>
      </c>
      <c r="J17" s="280">
        <v>5</v>
      </c>
      <c r="K17" s="280">
        <v>3</v>
      </c>
      <c r="L17" s="281">
        <v>17</v>
      </c>
      <c r="M17" s="282">
        <v>17</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146</v>
      </c>
      <c r="AD17" s="280">
        <v>179</v>
      </c>
      <c r="AE17" s="280">
        <v>75</v>
      </c>
      <c r="AF17" s="280">
        <v>40</v>
      </c>
      <c r="AG17" s="280">
        <v>16</v>
      </c>
      <c r="AH17" s="277">
        <v>456</v>
      </c>
      <c r="AI17" s="282">
        <v>456</v>
      </c>
      <c r="AJ17" s="276">
        <v>0</v>
      </c>
      <c r="AK17" s="280">
        <v>0</v>
      </c>
      <c r="AL17" s="277">
        <v>0</v>
      </c>
      <c r="AM17" s="279">
        <v>0</v>
      </c>
      <c r="AN17" s="280">
        <v>4</v>
      </c>
      <c r="AO17" s="280">
        <v>7</v>
      </c>
      <c r="AP17" s="280">
        <v>8</v>
      </c>
      <c r="AQ17" s="280">
        <v>2</v>
      </c>
      <c r="AR17" s="280">
        <v>3</v>
      </c>
      <c r="AS17" s="277">
        <v>24</v>
      </c>
      <c r="AT17" s="282">
        <v>24</v>
      </c>
      <c r="AU17" s="276">
        <v>3</v>
      </c>
      <c r="AV17" s="280">
        <v>14</v>
      </c>
      <c r="AW17" s="277">
        <v>17</v>
      </c>
      <c r="AX17" s="279">
        <v>0</v>
      </c>
      <c r="AY17" s="280">
        <v>20</v>
      </c>
      <c r="AZ17" s="280">
        <v>19</v>
      </c>
      <c r="BA17" s="280">
        <v>9</v>
      </c>
      <c r="BB17" s="280">
        <v>12</v>
      </c>
      <c r="BC17" s="280">
        <v>4</v>
      </c>
      <c r="BD17" s="277">
        <v>64</v>
      </c>
      <c r="BE17" s="282">
        <v>81</v>
      </c>
      <c r="BF17" s="276">
        <v>0</v>
      </c>
      <c r="BG17" s="280">
        <v>3</v>
      </c>
      <c r="BH17" s="277">
        <v>3</v>
      </c>
      <c r="BI17" s="279">
        <v>0</v>
      </c>
      <c r="BJ17" s="280">
        <v>34</v>
      </c>
      <c r="BK17" s="280">
        <v>31</v>
      </c>
      <c r="BL17" s="280">
        <v>41</v>
      </c>
      <c r="BM17" s="280">
        <v>29</v>
      </c>
      <c r="BN17" s="280">
        <v>16</v>
      </c>
      <c r="BO17" s="281">
        <v>151</v>
      </c>
      <c r="BP17" s="282">
        <v>15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9</v>
      </c>
      <c r="CI17" s="280">
        <v>15</v>
      </c>
      <c r="CJ17" s="280">
        <v>6</v>
      </c>
      <c r="CK17" s="277">
        <v>30</v>
      </c>
      <c r="CL17" s="282">
        <v>30</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8</v>
      </c>
      <c r="H18" s="280">
        <v>13</v>
      </c>
      <c r="I18" s="280">
        <v>15</v>
      </c>
      <c r="J18" s="280">
        <v>9</v>
      </c>
      <c r="K18" s="280">
        <v>7</v>
      </c>
      <c r="L18" s="281">
        <v>52</v>
      </c>
      <c r="M18" s="282">
        <v>52</v>
      </c>
      <c r="N18" s="276">
        <v>0</v>
      </c>
      <c r="O18" s="280">
        <v>0</v>
      </c>
      <c r="P18" s="277">
        <v>0</v>
      </c>
      <c r="Q18" s="279">
        <v>0</v>
      </c>
      <c r="R18" s="280">
        <v>0</v>
      </c>
      <c r="S18" s="280">
        <v>1</v>
      </c>
      <c r="T18" s="280">
        <v>3</v>
      </c>
      <c r="U18" s="280">
        <v>1</v>
      </c>
      <c r="V18" s="280">
        <v>1</v>
      </c>
      <c r="W18" s="277">
        <v>6</v>
      </c>
      <c r="X18" s="282">
        <v>6</v>
      </c>
      <c r="Y18" s="276">
        <v>0</v>
      </c>
      <c r="Z18" s="280">
        <v>0</v>
      </c>
      <c r="AA18" s="277">
        <v>0</v>
      </c>
      <c r="AB18" s="279">
        <v>0</v>
      </c>
      <c r="AC18" s="280">
        <v>162</v>
      </c>
      <c r="AD18" s="280">
        <v>188</v>
      </c>
      <c r="AE18" s="280">
        <v>85</v>
      </c>
      <c r="AF18" s="280">
        <v>43</v>
      </c>
      <c r="AG18" s="280">
        <v>19</v>
      </c>
      <c r="AH18" s="277">
        <v>497</v>
      </c>
      <c r="AI18" s="282">
        <v>497</v>
      </c>
      <c r="AJ18" s="276">
        <v>0</v>
      </c>
      <c r="AK18" s="280">
        <v>0</v>
      </c>
      <c r="AL18" s="277">
        <v>0</v>
      </c>
      <c r="AM18" s="279">
        <v>0</v>
      </c>
      <c r="AN18" s="280">
        <v>6</v>
      </c>
      <c r="AO18" s="280">
        <v>8</v>
      </c>
      <c r="AP18" s="280">
        <v>8</v>
      </c>
      <c r="AQ18" s="280">
        <v>7</v>
      </c>
      <c r="AR18" s="280">
        <v>5</v>
      </c>
      <c r="AS18" s="277">
        <v>34</v>
      </c>
      <c r="AT18" s="282">
        <v>34</v>
      </c>
      <c r="AU18" s="276">
        <v>1</v>
      </c>
      <c r="AV18" s="280">
        <v>2</v>
      </c>
      <c r="AW18" s="277">
        <v>3</v>
      </c>
      <c r="AX18" s="279">
        <v>0</v>
      </c>
      <c r="AY18" s="280">
        <v>11</v>
      </c>
      <c r="AZ18" s="280">
        <v>29</v>
      </c>
      <c r="BA18" s="280">
        <v>13</v>
      </c>
      <c r="BB18" s="280">
        <v>17</v>
      </c>
      <c r="BC18" s="280">
        <v>8</v>
      </c>
      <c r="BD18" s="277">
        <v>78</v>
      </c>
      <c r="BE18" s="282">
        <v>81</v>
      </c>
      <c r="BF18" s="276">
        <v>0</v>
      </c>
      <c r="BG18" s="280">
        <v>0</v>
      </c>
      <c r="BH18" s="277">
        <v>0</v>
      </c>
      <c r="BI18" s="279">
        <v>0</v>
      </c>
      <c r="BJ18" s="280">
        <v>15</v>
      </c>
      <c r="BK18" s="280">
        <v>42</v>
      </c>
      <c r="BL18" s="280">
        <v>58</v>
      </c>
      <c r="BM18" s="280">
        <v>41</v>
      </c>
      <c r="BN18" s="280">
        <v>30</v>
      </c>
      <c r="BO18" s="281">
        <v>186</v>
      </c>
      <c r="BP18" s="282">
        <v>186</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3</v>
      </c>
      <c r="CH18" s="280">
        <v>10</v>
      </c>
      <c r="CI18" s="280">
        <v>10</v>
      </c>
      <c r="CJ18" s="280">
        <v>7</v>
      </c>
      <c r="CK18" s="277">
        <v>30</v>
      </c>
      <c r="CL18" s="282">
        <v>30</v>
      </c>
      <c r="CM18" s="276">
        <v>0</v>
      </c>
      <c r="CN18" s="280">
        <v>0</v>
      </c>
      <c r="CO18" s="277">
        <v>0</v>
      </c>
      <c r="CP18" s="279">
        <v>0</v>
      </c>
      <c r="CQ18" s="280">
        <v>1</v>
      </c>
      <c r="CR18" s="280">
        <v>7</v>
      </c>
      <c r="CS18" s="280">
        <v>6</v>
      </c>
      <c r="CT18" s="280">
        <v>3</v>
      </c>
      <c r="CU18" s="280">
        <v>6</v>
      </c>
      <c r="CV18" s="277">
        <v>23</v>
      </c>
      <c r="CW18" s="282">
        <v>23</v>
      </c>
    </row>
    <row r="19" spans="2:101" ht="21" customHeight="1" x14ac:dyDescent="0.2">
      <c r="B19" s="261" t="s">
        <v>17</v>
      </c>
      <c r="C19" s="276">
        <v>0</v>
      </c>
      <c r="D19" s="277">
        <v>0</v>
      </c>
      <c r="E19" s="278">
        <v>0</v>
      </c>
      <c r="F19" s="279">
        <v>0</v>
      </c>
      <c r="G19" s="280">
        <v>4</v>
      </c>
      <c r="H19" s="280">
        <v>5</v>
      </c>
      <c r="I19" s="280">
        <v>2</v>
      </c>
      <c r="J19" s="280">
        <v>4</v>
      </c>
      <c r="K19" s="280">
        <v>0</v>
      </c>
      <c r="L19" s="281">
        <v>15</v>
      </c>
      <c r="M19" s="282">
        <v>15</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241</v>
      </c>
      <c r="AD19" s="280">
        <v>308</v>
      </c>
      <c r="AE19" s="280">
        <v>138</v>
      </c>
      <c r="AF19" s="280">
        <v>84</v>
      </c>
      <c r="AG19" s="280">
        <v>54</v>
      </c>
      <c r="AH19" s="277">
        <v>825</v>
      </c>
      <c r="AI19" s="282">
        <v>825</v>
      </c>
      <c r="AJ19" s="276">
        <v>1</v>
      </c>
      <c r="AK19" s="280">
        <v>2</v>
      </c>
      <c r="AL19" s="277">
        <v>3</v>
      </c>
      <c r="AM19" s="279">
        <v>0</v>
      </c>
      <c r="AN19" s="280">
        <v>20</v>
      </c>
      <c r="AO19" s="280">
        <v>19</v>
      </c>
      <c r="AP19" s="280">
        <v>21</v>
      </c>
      <c r="AQ19" s="280">
        <v>16</v>
      </c>
      <c r="AR19" s="280">
        <v>6</v>
      </c>
      <c r="AS19" s="277">
        <v>82</v>
      </c>
      <c r="AT19" s="282">
        <v>85</v>
      </c>
      <c r="AU19" s="276">
        <v>1</v>
      </c>
      <c r="AV19" s="280">
        <v>2</v>
      </c>
      <c r="AW19" s="277">
        <v>3</v>
      </c>
      <c r="AX19" s="279">
        <v>0</v>
      </c>
      <c r="AY19" s="280">
        <v>14</v>
      </c>
      <c r="AZ19" s="280">
        <v>29</v>
      </c>
      <c r="BA19" s="280">
        <v>36</v>
      </c>
      <c r="BB19" s="280">
        <v>25</v>
      </c>
      <c r="BC19" s="280">
        <v>14</v>
      </c>
      <c r="BD19" s="277">
        <v>118</v>
      </c>
      <c r="BE19" s="282">
        <v>121</v>
      </c>
      <c r="BF19" s="276">
        <v>0</v>
      </c>
      <c r="BG19" s="280">
        <v>0</v>
      </c>
      <c r="BH19" s="277">
        <v>0</v>
      </c>
      <c r="BI19" s="279">
        <v>0</v>
      </c>
      <c r="BJ19" s="280">
        <v>37</v>
      </c>
      <c r="BK19" s="280">
        <v>63</v>
      </c>
      <c r="BL19" s="280">
        <v>57</v>
      </c>
      <c r="BM19" s="280">
        <v>46</v>
      </c>
      <c r="BN19" s="280">
        <v>24</v>
      </c>
      <c r="BO19" s="281">
        <v>227</v>
      </c>
      <c r="BP19" s="282">
        <v>227</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2</v>
      </c>
      <c r="CH19" s="280">
        <v>28</v>
      </c>
      <c r="CI19" s="280">
        <v>34</v>
      </c>
      <c r="CJ19" s="280">
        <v>40</v>
      </c>
      <c r="CK19" s="277">
        <v>104</v>
      </c>
      <c r="CL19" s="282">
        <v>104</v>
      </c>
      <c r="CM19" s="276">
        <v>0</v>
      </c>
      <c r="CN19" s="280">
        <v>0</v>
      </c>
      <c r="CO19" s="277">
        <v>0</v>
      </c>
      <c r="CP19" s="279">
        <v>0</v>
      </c>
      <c r="CQ19" s="280">
        <v>1</v>
      </c>
      <c r="CR19" s="280">
        <v>1</v>
      </c>
      <c r="CS19" s="280">
        <v>1</v>
      </c>
      <c r="CT19" s="280">
        <v>4</v>
      </c>
      <c r="CU19" s="280">
        <v>10</v>
      </c>
      <c r="CV19" s="277">
        <v>17</v>
      </c>
      <c r="CW19" s="282">
        <v>17</v>
      </c>
    </row>
    <row r="20" spans="2:101" ht="21" customHeight="1" x14ac:dyDescent="0.2">
      <c r="B20" s="261" t="s">
        <v>18</v>
      </c>
      <c r="C20" s="276">
        <v>0</v>
      </c>
      <c r="D20" s="277">
        <v>0</v>
      </c>
      <c r="E20" s="278">
        <v>0</v>
      </c>
      <c r="F20" s="279">
        <v>0</v>
      </c>
      <c r="G20" s="280">
        <v>2</v>
      </c>
      <c r="H20" s="280">
        <v>2</v>
      </c>
      <c r="I20" s="280">
        <v>2</v>
      </c>
      <c r="J20" s="280">
        <v>0</v>
      </c>
      <c r="K20" s="280">
        <v>1</v>
      </c>
      <c r="L20" s="281">
        <v>7</v>
      </c>
      <c r="M20" s="282">
        <v>7</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64</v>
      </c>
      <c r="AD20" s="280">
        <v>193</v>
      </c>
      <c r="AE20" s="280">
        <v>97</v>
      </c>
      <c r="AF20" s="280">
        <v>36</v>
      </c>
      <c r="AG20" s="280">
        <v>10</v>
      </c>
      <c r="AH20" s="277">
        <v>600</v>
      </c>
      <c r="AI20" s="282">
        <v>600</v>
      </c>
      <c r="AJ20" s="276">
        <v>0</v>
      </c>
      <c r="AK20" s="280">
        <v>0</v>
      </c>
      <c r="AL20" s="277">
        <v>0</v>
      </c>
      <c r="AM20" s="279">
        <v>0</v>
      </c>
      <c r="AN20" s="280">
        <v>14</v>
      </c>
      <c r="AO20" s="280">
        <v>4</v>
      </c>
      <c r="AP20" s="280">
        <v>18</v>
      </c>
      <c r="AQ20" s="280">
        <v>8</v>
      </c>
      <c r="AR20" s="280">
        <v>18</v>
      </c>
      <c r="AS20" s="277">
        <v>62</v>
      </c>
      <c r="AT20" s="282">
        <v>62</v>
      </c>
      <c r="AU20" s="276">
        <v>11</v>
      </c>
      <c r="AV20" s="280">
        <v>10</v>
      </c>
      <c r="AW20" s="277">
        <v>21</v>
      </c>
      <c r="AX20" s="279">
        <v>0</v>
      </c>
      <c r="AY20" s="280">
        <v>42</v>
      </c>
      <c r="AZ20" s="280">
        <v>49</v>
      </c>
      <c r="BA20" s="280">
        <v>39</v>
      </c>
      <c r="BB20" s="280">
        <v>22</v>
      </c>
      <c r="BC20" s="280">
        <v>9</v>
      </c>
      <c r="BD20" s="277">
        <v>161</v>
      </c>
      <c r="BE20" s="282">
        <v>182</v>
      </c>
      <c r="BF20" s="276">
        <v>0</v>
      </c>
      <c r="BG20" s="280">
        <v>2</v>
      </c>
      <c r="BH20" s="277">
        <v>2</v>
      </c>
      <c r="BI20" s="279">
        <v>0</v>
      </c>
      <c r="BJ20" s="280">
        <v>50</v>
      </c>
      <c r="BK20" s="280">
        <v>75</v>
      </c>
      <c r="BL20" s="280">
        <v>98</v>
      </c>
      <c r="BM20" s="280">
        <v>61</v>
      </c>
      <c r="BN20" s="280">
        <v>29</v>
      </c>
      <c r="BO20" s="281">
        <v>313</v>
      </c>
      <c r="BP20" s="282">
        <v>315</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1</v>
      </c>
      <c r="CH20" s="280">
        <v>8</v>
      </c>
      <c r="CI20" s="280">
        <v>14</v>
      </c>
      <c r="CJ20" s="280">
        <v>6</v>
      </c>
      <c r="CK20" s="277">
        <v>29</v>
      </c>
      <c r="CL20" s="282">
        <v>29</v>
      </c>
      <c r="CM20" s="276">
        <v>0</v>
      </c>
      <c r="CN20" s="280">
        <v>0</v>
      </c>
      <c r="CO20" s="277">
        <v>0</v>
      </c>
      <c r="CP20" s="279">
        <v>0</v>
      </c>
      <c r="CQ20" s="280">
        <v>8</v>
      </c>
      <c r="CR20" s="280">
        <v>11</v>
      </c>
      <c r="CS20" s="280">
        <v>18</v>
      </c>
      <c r="CT20" s="280">
        <v>23</v>
      </c>
      <c r="CU20" s="280">
        <v>26</v>
      </c>
      <c r="CV20" s="277">
        <v>86</v>
      </c>
      <c r="CW20" s="282">
        <v>86</v>
      </c>
    </row>
    <row r="21" spans="2:101" ht="21" customHeight="1" x14ac:dyDescent="0.2">
      <c r="B21" s="261" t="s">
        <v>19</v>
      </c>
      <c r="C21" s="276">
        <v>0</v>
      </c>
      <c r="D21" s="277">
        <v>0</v>
      </c>
      <c r="E21" s="278">
        <v>0</v>
      </c>
      <c r="F21" s="279">
        <v>0</v>
      </c>
      <c r="G21" s="280">
        <v>15</v>
      </c>
      <c r="H21" s="280">
        <v>8</v>
      </c>
      <c r="I21" s="280">
        <v>4</v>
      </c>
      <c r="J21" s="280">
        <v>3</v>
      </c>
      <c r="K21" s="280">
        <v>5</v>
      </c>
      <c r="L21" s="281">
        <v>35</v>
      </c>
      <c r="M21" s="282">
        <v>35</v>
      </c>
      <c r="N21" s="276">
        <v>0</v>
      </c>
      <c r="O21" s="280">
        <v>0</v>
      </c>
      <c r="P21" s="277">
        <v>0</v>
      </c>
      <c r="Q21" s="279">
        <v>0</v>
      </c>
      <c r="R21" s="280">
        <v>1</v>
      </c>
      <c r="S21" s="280">
        <v>4</v>
      </c>
      <c r="T21" s="280">
        <v>3</v>
      </c>
      <c r="U21" s="280">
        <v>2</v>
      </c>
      <c r="V21" s="280">
        <v>1</v>
      </c>
      <c r="W21" s="277">
        <v>11</v>
      </c>
      <c r="X21" s="282">
        <v>11</v>
      </c>
      <c r="Y21" s="276">
        <v>0</v>
      </c>
      <c r="Z21" s="280">
        <v>0</v>
      </c>
      <c r="AA21" s="277">
        <v>0</v>
      </c>
      <c r="AB21" s="279">
        <v>0</v>
      </c>
      <c r="AC21" s="280">
        <v>137</v>
      </c>
      <c r="AD21" s="280">
        <v>105</v>
      </c>
      <c r="AE21" s="280">
        <v>44</v>
      </c>
      <c r="AF21" s="280">
        <v>17</v>
      </c>
      <c r="AG21" s="280">
        <v>11</v>
      </c>
      <c r="AH21" s="277">
        <v>314</v>
      </c>
      <c r="AI21" s="282">
        <v>314</v>
      </c>
      <c r="AJ21" s="276">
        <v>0</v>
      </c>
      <c r="AK21" s="280">
        <v>0</v>
      </c>
      <c r="AL21" s="277">
        <v>0</v>
      </c>
      <c r="AM21" s="279">
        <v>0</v>
      </c>
      <c r="AN21" s="280">
        <v>16</v>
      </c>
      <c r="AO21" s="280">
        <v>21</v>
      </c>
      <c r="AP21" s="280">
        <v>17</v>
      </c>
      <c r="AQ21" s="280">
        <v>4</v>
      </c>
      <c r="AR21" s="280">
        <v>3</v>
      </c>
      <c r="AS21" s="277">
        <v>61</v>
      </c>
      <c r="AT21" s="282">
        <v>61</v>
      </c>
      <c r="AU21" s="276">
        <v>1</v>
      </c>
      <c r="AV21" s="280">
        <v>2</v>
      </c>
      <c r="AW21" s="277">
        <v>3</v>
      </c>
      <c r="AX21" s="279">
        <v>0</v>
      </c>
      <c r="AY21" s="280">
        <v>23</v>
      </c>
      <c r="AZ21" s="280">
        <v>36</v>
      </c>
      <c r="BA21" s="280">
        <v>19</v>
      </c>
      <c r="BB21" s="280">
        <v>18</v>
      </c>
      <c r="BC21" s="280">
        <v>9</v>
      </c>
      <c r="BD21" s="277">
        <v>105</v>
      </c>
      <c r="BE21" s="282">
        <v>108</v>
      </c>
      <c r="BF21" s="276">
        <v>0</v>
      </c>
      <c r="BG21" s="280">
        <v>1</v>
      </c>
      <c r="BH21" s="277">
        <v>1</v>
      </c>
      <c r="BI21" s="279">
        <v>0</v>
      </c>
      <c r="BJ21" s="280">
        <v>10</v>
      </c>
      <c r="BK21" s="280">
        <v>25</v>
      </c>
      <c r="BL21" s="280">
        <v>26</v>
      </c>
      <c r="BM21" s="280">
        <v>19</v>
      </c>
      <c r="BN21" s="280">
        <v>14</v>
      </c>
      <c r="BO21" s="281">
        <v>94</v>
      </c>
      <c r="BP21" s="282">
        <v>95</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3</v>
      </c>
      <c r="CR21" s="280">
        <v>2</v>
      </c>
      <c r="CS21" s="280">
        <v>2</v>
      </c>
      <c r="CT21" s="280">
        <v>2</v>
      </c>
      <c r="CU21" s="280">
        <v>12</v>
      </c>
      <c r="CV21" s="277">
        <v>21</v>
      </c>
      <c r="CW21" s="282">
        <v>21</v>
      </c>
    </row>
    <row r="22" spans="2:101" ht="21" customHeight="1" x14ac:dyDescent="0.2">
      <c r="B22" s="261" t="s">
        <v>20</v>
      </c>
      <c r="C22" s="276">
        <v>0</v>
      </c>
      <c r="D22" s="277">
        <v>0</v>
      </c>
      <c r="E22" s="278">
        <v>0</v>
      </c>
      <c r="F22" s="279">
        <v>0</v>
      </c>
      <c r="G22" s="280">
        <v>1</v>
      </c>
      <c r="H22" s="280">
        <v>0</v>
      </c>
      <c r="I22" s="280">
        <v>0</v>
      </c>
      <c r="J22" s="280">
        <v>0</v>
      </c>
      <c r="K22" s="280">
        <v>0</v>
      </c>
      <c r="L22" s="281">
        <v>1</v>
      </c>
      <c r="M22" s="282">
        <v>1</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74</v>
      </c>
      <c r="AD22" s="280">
        <v>87</v>
      </c>
      <c r="AE22" s="280">
        <v>47</v>
      </c>
      <c r="AF22" s="280">
        <v>15</v>
      </c>
      <c r="AG22" s="280">
        <v>6</v>
      </c>
      <c r="AH22" s="277">
        <v>329</v>
      </c>
      <c r="AI22" s="282">
        <v>329</v>
      </c>
      <c r="AJ22" s="276">
        <v>0</v>
      </c>
      <c r="AK22" s="280">
        <v>0</v>
      </c>
      <c r="AL22" s="277">
        <v>0</v>
      </c>
      <c r="AM22" s="279">
        <v>0</v>
      </c>
      <c r="AN22" s="280">
        <v>1</v>
      </c>
      <c r="AO22" s="280">
        <v>3</v>
      </c>
      <c r="AP22" s="280">
        <v>3</v>
      </c>
      <c r="AQ22" s="280">
        <v>0</v>
      </c>
      <c r="AR22" s="280">
        <v>2</v>
      </c>
      <c r="AS22" s="277">
        <v>9</v>
      </c>
      <c r="AT22" s="282">
        <v>9</v>
      </c>
      <c r="AU22" s="276">
        <v>1</v>
      </c>
      <c r="AV22" s="280">
        <v>2</v>
      </c>
      <c r="AW22" s="277">
        <v>3</v>
      </c>
      <c r="AX22" s="279">
        <v>0</v>
      </c>
      <c r="AY22" s="280">
        <v>14</v>
      </c>
      <c r="AZ22" s="280">
        <v>13</v>
      </c>
      <c r="BA22" s="280">
        <v>12</v>
      </c>
      <c r="BB22" s="280">
        <v>2</v>
      </c>
      <c r="BC22" s="280">
        <v>1</v>
      </c>
      <c r="BD22" s="277">
        <v>42</v>
      </c>
      <c r="BE22" s="282">
        <v>45</v>
      </c>
      <c r="BF22" s="276">
        <v>0</v>
      </c>
      <c r="BG22" s="280">
        <v>1</v>
      </c>
      <c r="BH22" s="277">
        <v>1</v>
      </c>
      <c r="BI22" s="279">
        <v>0</v>
      </c>
      <c r="BJ22" s="280">
        <v>23</v>
      </c>
      <c r="BK22" s="280">
        <v>25</v>
      </c>
      <c r="BL22" s="280">
        <v>36</v>
      </c>
      <c r="BM22" s="280">
        <v>18</v>
      </c>
      <c r="BN22" s="280">
        <v>13</v>
      </c>
      <c r="BO22" s="281">
        <v>115</v>
      </c>
      <c r="BP22" s="282">
        <v>116</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1</v>
      </c>
      <c r="H23" s="280">
        <v>5</v>
      </c>
      <c r="I23" s="280">
        <v>1</v>
      </c>
      <c r="J23" s="280">
        <v>5</v>
      </c>
      <c r="K23" s="280">
        <v>0</v>
      </c>
      <c r="L23" s="281">
        <v>12</v>
      </c>
      <c r="M23" s="282">
        <v>12</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80</v>
      </c>
      <c r="AD23" s="280">
        <v>195</v>
      </c>
      <c r="AE23" s="280">
        <v>71</v>
      </c>
      <c r="AF23" s="280">
        <v>31</v>
      </c>
      <c r="AG23" s="280">
        <v>13</v>
      </c>
      <c r="AH23" s="277">
        <v>490</v>
      </c>
      <c r="AI23" s="282">
        <v>490</v>
      </c>
      <c r="AJ23" s="276">
        <v>0</v>
      </c>
      <c r="AK23" s="280">
        <v>0</v>
      </c>
      <c r="AL23" s="277">
        <v>0</v>
      </c>
      <c r="AM23" s="279">
        <v>0</v>
      </c>
      <c r="AN23" s="280">
        <v>0</v>
      </c>
      <c r="AO23" s="280">
        <v>0</v>
      </c>
      <c r="AP23" s="280">
        <v>1</v>
      </c>
      <c r="AQ23" s="280">
        <v>0</v>
      </c>
      <c r="AR23" s="280">
        <v>1</v>
      </c>
      <c r="AS23" s="277">
        <v>2</v>
      </c>
      <c r="AT23" s="282">
        <v>2</v>
      </c>
      <c r="AU23" s="276">
        <v>0</v>
      </c>
      <c r="AV23" s="280">
        <v>0</v>
      </c>
      <c r="AW23" s="277">
        <v>0</v>
      </c>
      <c r="AX23" s="279">
        <v>0</v>
      </c>
      <c r="AY23" s="280">
        <v>7</v>
      </c>
      <c r="AZ23" s="280">
        <v>6</v>
      </c>
      <c r="BA23" s="280">
        <v>14</v>
      </c>
      <c r="BB23" s="280">
        <v>9</v>
      </c>
      <c r="BC23" s="280">
        <v>5</v>
      </c>
      <c r="BD23" s="277">
        <v>41</v>
      </c>
      <c r="BE23" s="282">
        <v>41</v>
      </c>
      <c r="BF23" s="276">
        <v>0</v>
      </c>
      <c r="BG23" s="280">
        <v>0</v>
      </c>
      <c r="BH23" s="277">
        <v>0</v>
      </c>
      <c r="BI23" s="279">
        <v>0</v>
      </c>
      <c r="BJ23" s="280">
        <v>20</v>
      </c>
      <c r="BK23" s="280">
        <v>38</v>
      </c>
      <c r="BL23" s="280">
        <v>38</v>
      </c>
      <c r="BM23" s="280">
        <v>15</v>
      </c>
      <c r="BN23" s="280">
        <v>12</v>
      </c>
      <c r="BO23" s="281">
        <v>123</v>
      </c>
      <c r="BP23" s="282">
        <v>123</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2</v>
      </c>
      <c r="CR23" s="280">
        <v>3</v>
      </c>
      <c r="CS23" s="280">
        <v>1</v>
      </c>
      <c r="CT23" s="280">
        <v>1</v>
      </c>
      <c r="CU23" s="280">
        <v>6</v>
      </c>
      <c r="CV23" s="277">
        <v>13</v>
      </c>
      <c r="CW23" s="282">
        <v>13</v>
      </c>
    </row>
    <row r="24" spans="2:101" ht="21" customHeight="1" x14ac:dyDescent="0.2">
      <c r="B24" s="261" t="s">
        <v>22</v>
      </c>
      <c r="C24" s="276">
        <v>0</v>
      </c>
      <c r="D24" s="277">
        <v>0</v>
      </c>
      <c r="E24" s="278">
        <v>0</v>
      </c>
      <c r="F24" s="279">
        <v>0</v>
      </c>
      <c r="G24" s="280">
        <v>3</v>
      </c>
      <c r="H24" s="280">
        <v>6</v>
      </c>
      <c r="I24" s="280">
        <v>5</v>
      </c>
      <c r="J24" s="280">
        <v>1</v>
      </c>
      <c r="K24" s="280">
        <v>0</v>
      </c>
      <c r="L24" s="281">
        <v>15</v>
      </c>
      <c r="M24" s="282">
        <v>15</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137</v>
      </c>
      <c r="AD24" s="280">
        <v>99</v>
      </c>
      <c r="AE24" s="280">
        <v>33</v>
      </c>
      <c r="AF24" s="280">
        <v>20</v>
      </c>
      <c r="AG24" s="280">
        <v>6</v>
      </c>
      <c r="AH24" s="277">
        <v>295</v>
      </c>
      <c r="AI24" s="282">
        <v>295</v>
      </c>
      <c r="AJ24" s="276">
        <v>0</v>
      </c>
      <c r="AK24" s="280">
        <v>0</v>
      </c>
      <c r="AL24" s="277">
        <v>0</v>
      </c>
      <c r="AM24" s="279">
        <v>0</v>
      </c>
      <c r="AN24" s="280">
        <v>5</v>
      </c>
      <c r="AO24" s="280">
        <v>4</v>
      </c>
      <c r="AP24" s="280">
        <v>3</v>
      </c>
      <c r="AQ24" s="280">
        <v>3</v>
      </c>
      <c r="AR24" s="280">
        <v>2</v>
      </c>
      <c r="AS24" s="277">
        <v>17</v>
      </c>
      <c r="AT24" s="282">
        <v>17</v>
      </c>
      <c r="AU24" s="276">
        <v>3</v>
      </c>
      <c r="AV24" s="280">
        <v>5</v>
      </c>
      <c r="AW24" s="277">
        <v>8</v>
      </c>
      <c r="AX24" s="279">
        <v>0</v>
      </c>
      <c r="AY24" s="280">
        <v>17</v>
      </c>
      <c r="AZ24" s="280">
        <v>20</v>
      </c>
      <c r="BA24" s="280">
        <v>14</v>
      </c>
      <c r="BB24" s="280">
        <v>9</v>
      </c>
      <c r="BC24" s="280">
        <v>4</v>
      </c>
      <c r="BD24" s="277">
        <v>64</v>
      </c>
      <c r="BE24" s="282">
        <v>72</v>
      </c>
      <c r="BF24" s="276">
        <v>0</v>
      </c>
      <c r="BG24" s="280">
        <v>0</v>
      </c>
      <c r="BH24" s="277">
        <v>0</v>
      </c>
      <c r="BI24" s="279">
        <v>0</v>
      </c>
      <c r="BJ24" s="280">
        <v>13</v>
      </c>
      <c r="BK24" s="280">
        <v>19</v>
      </c>
      <c r="BL24" s="280">
        <v>12</v>
      </c>
      <c r="BM24" s="280">
        <v>6</v>
      </c>
      <c r="BN24" s="280">
        <v>3</v>
      </c>
      <c r="BO24" s="281">
        <v>53</v>
      </c>
      <c r="BP24" s="282">
        <v>53</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5</v>
      </c>
      <c r="CI24" s="280">
        <v>19</v>
      </c>
      <c r="CJ24" s="280">
        <v>8</v>
      </c>
      <c r="CK24" s="277">
        <v>32</v>
      </c>
      <c r="CL24" s="282">
        <v>32</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1</v>
      </c>
      <c r="I25" s="280">
        <v>0</v>
      </c>
      <c r="J25" s="280">
        <v>0</v>
      </c>
      <c r="K25" s="280">
        <v>1</v>
      </c>
      <c r="L25" s="281">
        <v>2</v>
      </c>
      <c r="M25" s="282">
        <v>2</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53</v>
      </c>
      <c r="AD25" s="280">
        <v>43</v>
      </c>
      <c r="AE25" s="280">
        <v>15</v>
      </c>
      <c r="AF25" s="280">
        <v>10</v>
      </c>
      <c r="AG25" s="280">
        <v>6</v>
      </c>
      <c r="AH25" s="277">
        <v>127</v>
      </c>
      <c r="AI25" s="282">
        <v>127</v>
      </c>
      <c r="AJ25" s="276">
        <v>0</v>
      </c>
      <c r="AK25" s="280">
        <v>0</v>
      </c>
      <c r="AL25" s="277">
        <v>0</v>
      </c>
      <c r="AM25" s="279">
        <v>0</v>
      </c>
      <c r="AN25" s="280">
        <v>0</v>
      </c>
      <c r="AO25" s="280">
        <v>1</v>
      </c>
      <c r="AP25" s="280">
        <v>2</v>
      </c>
      <c r="AQ25" s="280">
        <v>1</v>
      </c>
      <c r="AR25" s="280">
        <v>0</v>
      </c>
      <c r="AS25" s="277">
        <v>4</v>
      </c>
      <c r="AT25" s="282">
        <v>4</v>
      </c>
      <c r="AU25" s="276">
        <v>0</v>
      </c>
      <c r="AV25" s="280">
        <v>0</v>
      </c>
      <c r="AW25" s="277">
        <v>0</v>
      </c>
      <c r="AX25" s="279">
        <v>0</v>
      </c>
      <c r="AY25" s="280">
        <v>5</v>
      </c>
      <c r="AZ25" s="280">
        <v>4</v>
      </c>
      <c r="BA25" s="280">
        <v>3</v>
      </c>
      <c r="BB25" s="280">
        <v>1</v>
      </c>
      <c r="BC25" s="280">
        <v>1</v>
      </c>
      <c r="BD25" s="277">
        <v>14</v>
      </c>
      <c r="BE25" s="282">
        <v>14</v>
      </c>
      <c r="BF25" s="276">
        <v>0</v>
      </c>
      <c r="BG25" s="280">
        <v>1</v>
      </c>
      <c r="BH25" s="277">
        <v>1</v>
      </c>
      <c r="BI25" s="279">
        <v>0</v>
      </c>
      <c r="BJ25" s="280">
        <v>32</v>
      </c>
      <c r="BK25" s="280">
        <v>14</v>
      </c>
      <c r="BL25" s="280">
        <v>20</v>
      </c>
      <c r="BM25" s="280">
        <v>13</v>
      </c>
      <c r="BN25" s="280">
        <v>8</v>
      </c>
      <c r="BO25" s="281">
        <v>87</v>
      </c>
      <c r="BP25" s="282">
        <v>88</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1</v>
      </c>
      <c r="CU25" s="280">
        <v>0</v>
      </c>
      <c r="CV25" s="277">
        <v>1</v>
      </c>
      <c r="CW25" s="282">
        <v>1</v>
      </c>
    </row>
    <row r="26" spans="2:101" ht="21" customHeight="1" x14ac:dyDescent="0.2">
      <c r="B26" s="261" t="s">
        <v>24</v>
      </c>
      <c r="C26" s="276">
        <v>0</v>
      </c>
      <c r="D26" s="277">
        <v>0</v>
      </c>
      <c r="E26" s="278">
        <v>0</v>
      </c>
      <c r="F26" s="279">
        <v>0</v>
      </c>
      <c r="G26" s="280">
        <v>2</v>
      </c>
      <c r="H26" s="280">
        <v>3</v>
      </c>
      <c r="I26" s="280">
        <v>2</v>
      </c>
      <c r="J26" s="280">
        <v>2</v>
      </c>
      <c r="K26" s="280">
        <v>0</v>
      </c>
      <c r="L26" s="281">
        <v>9</v>
      </c>
      <c r="M26" s="282">
        <v>9</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27</v>
      </c>
      <c r="AD26" s="280">
        <v>16</v>
      </c>
      <c r="AE26" s="280">
        <v>14</v>
      </c>
      <c r="AF26" s="280">
        <v>6</v>
      </c>
      <c r="AG26" s="280">
        <v>2</v>
      </c>
      <c r="AH26" s="277">
        <v>65</v>
      </c>
      <c r="AI26" s="282">
        <v>65</v>
      </c>
      <c r="AJ26" s="276">
        <v>0</v>
      </c>
      <c r="AK26" s="280">
        <v>0</v>
      </c>
      <c r="AL26" s="277">
        <v>0</v>
      </c>
      <c r="AM26" s="279">
        <v>0</v>
      </c>
      <c r="AN26" s="280">
        <v>8</v>
      </c>
      <c r="AO26" s="280">
        <v>5</v>
      </c>
      <c r="AP26" s="280">
        <v>6</v>
      </c>
      <c r="AQ26" s="280">
        <v>2</v>
      </c>
      <c r="AR26" s="280">
        <v>1</v>
      </c>
      <c r="AS26" s="277">
        <v>22</v>
      </c>
      <c r="AT26" s="282">
        <v>22</v>
      </c>
      <c r="AU26" s="276">
        <v>4</v>
      </c>
      <c r="AV26" s="280">
        <v>2</v>
      </c>
      <c r="AW26" s="277">
        <v>6</v>
      </c>
      <c r="AX26" s="279">
        <v>0</v>
      </c>
      <c r="AY26" s="280">
        <v>16</v>
      </c>
      <c r="AZ26" s="280">
        <v>8</v>
      </c>
      <c r="BA26" s="280">
        <v>5</v>
      </c>
      <c r="BB26" s="280">
        <v>5</v>
      </c>
      <c r="BC26" s="280">
        <v>3</v>
      </c>
      <c r="BD26" s="277">
        <v>37</v>
      </c>
      <c r="BE26" s="282">
        <v>43</v>
      </c>
      <c r="BF26" s="276">
        <v>0</v>
      </c>
      <c r="BG26" s="280">
        <v>0</v>
      </c>
      <c r="BH26" s="277">
        <v>0</v>
      </c>
      <c r="BI26" s="279">
        <v>0</v>
      </c>
      <c r="BJ26" s="280">
        <v>1</v>
      </c>
      <c r="BK26" s="280">
        <v>4</v>
      </c>
      <c r="BL26" s="280">
        <v>10</v>
      </c>
      <c r="BM26" s="280">
        <v>9</v>
      </c>
      <c r="BN26" s="280">
        <v>4</v>
      </c>
      <c r="BO26" s="281">
        <v>28</v>
      </c>
      <c r="BP26" s="282">
        <v>28</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80</v>
      </c>
      <c r="AD27" s="280">
        <v>38</v>
      </c>
      <c r="AE27" s="280">
        <v>16</v>
      </c>
      <c r="AF27" s="280">
        <v>4</v>
      </c>
      <c r="AG27" s="280">
        <v>2</v>
      </c>
      <c r="AH27" s="277">
        <v>140</v>
      </c>
      <c r="AI27" s="282">
        <v>140</v>
      </c>
      <c r="AJ27" s="276">
        <v>0</v>
      </c>
      <c r="AK27" s="280">
        <v>0</v>
      </c>
      <c r="AL27" s="277">
        <v>0</v>
      </c>
      <c r="AM27" s="279">
        <v>0</v>
      </c>
      <c r="AN27" s="280">
        <v>0</v>
      </c>
      <c r="AO27" s="280">
        <v>0</v>
      </c>
      <c r="AP27" s="280">
        <v>0</v>
      </c>
      <c r="AQ27" s="280">
        <v>0</v>
      </c>
      <c r="AR27" s="280">
        <v>0</v>
      </c>
      <c r="AS27" s="277">
        <v>0</v>
      </c>
      <c r="AT27" s="282">
        <v>0</v>
      </c>
      <c r="AU27" s="276">
        <v>2</v>
      </c>
      <c r="AV27" s="280">
        <v>0</v>
      </c>
      <c r="AW27" s="277">
        <v>2</v>
      </c>
      <c r="AX27" s="279">
        <v>0</v>
      </c>
      <c r="AY27" s="280">
        <v>3</v>
      </c>
      <c r="AZ27" s="280">
        <v>8</v>
      </c>
      <c r="BA27" s="280">
        <v>2</v>
      </c>
      <c r="BB27" s="280">
        <v>0</v>
      </c>
      <c r="BC27" s="280">
        <v>0</v>
      </c>
      <c r="BD27" s="277">
        <v>13</v>
      </c>
      <c r="BE27" s="282">
        <v>15</v>
      </c>
      <c r="BF27" s="276">
        <v>0</v>
      </c>
      <c r="BG27" s="280">
        <v>0</v>
      </c>
      <c r="BH27" s="277">
        <v>0</v>
      </c>
      <c r="BI27" s="279">
        <v>0</v>
      </c>
      <c r="BJ27" s="280">
        <v>11</v>
      </c>
      <c r="BK27" s="280">
        <v>5</v>
      </c>
      <c r="BL27" s="280">
        <v>7</v>
      </c>
      <c r="BM27" s="280">
        <v>5</v>
      </c>
      <c r="BN27" s="280">
        <v>0</v>
      </c>
      <c r="BO27" s="281">
        <v>28</v>
      </c>
      <c r="BP27" s="282">
        <v>28</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46</v>
      </c>
      <c r="AD28" s="280">
        <v>44</v>
      </c>
      <c r="AE28" s="280">
        <v>22</v>
      </c>
      <c r="AF28" s="280">
        <v>11</v>
      </c>
      <c r="AG28" s="280">
        <v>8</v>
      </c>
      <c r="AH28" s="277">
        <v>131</v>
      </c>
      <c r="AI28" s="282">
        <v>131</v>
      </c>
      <c r="AJ28" s="276">
        <v>0</v>
      </c>
      <c r="AK28" s="280">
        <v>0</v>
      </c>
      <c r="AL28" s="277">
        <v>0</v>
      </c>
      <c r="AM28" s="279">
        <v>0</v>
      </c>
      <c r="AN28" s="280">
        <v>2</v>
      </c>
      <c r="AO28" s="280">
        <v>3</v>
      </c>
      <c r="AP28" s="280">
        <v>7</v>
      </c>
      <c r="AQ28" s="280">
        <v>2</v>
      </c>
      <c r="AR28" s="280">
        <v>3</v>
      </c>
      <c r="AS28" s="277">
        <v>17</v>
      </c>
      <c r="AT28" s="282">
        <v>17</v>
      </c>
      <c r="AU28" s="276">
        <v>1</v>
      </c>
      <c r="AV28" s="280">
        <v>0</v>
      </c>
      <c r="AW28" s="277">
        <v>1</v>
      </c>
      <c r="AX28" s="279">
        <v>0</v>
      </c>
      <c r="AY28" s="280">
        <v>6</v>
      </c>
      <c r="AZ28" s="280">
        <v>5</v>
      </c>
      <c r="BA28" s="280">
        <v>3</v>
      </c>
      <c r="BB28" s="280">
        <v>2</v>
      </c>
      <c r="BC28" s="280">
        <v>3</v>
      </c>
      <c r="BD28" s="277">
        <v>19</v>
      </c>
      <c r="BE28" s="282">
        <v>20</v>
      </c>
      <c r="BF28" s="276">
        <v>0</v>
      </c>
      <c r="BG28" s="280">
        <v>0</v>
      </c>
      <c r="BH28" s="277">
        <v>0</v>
      </c>
      <c r="BI28" s="279">
        <v>0</v>
      </c>
      <c r="BJ28" s="280">
        <v>12</v>
      </c>
      <c r="BK28" s="280">
        <v>11</v>
      </c>
      <c r="BL28" s="280">
        <v>21</v>
      </c>
      <c r="BM28" s="280">
        <v>10</v>
      </c>
      <c r="BN28" s="280">
        <v>4</v>
      </c>
      <c r="BO28" s="281">
        <v>58</v>
      </c>
      <c r="BP28" s="282">
        <v>58</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1</v>
      </c>
      <c r="CI28" s="280">
        <v>0</v>
      </c>
      <c r="CJ28" s="280">
        <v>0</v>
      </c>
      <c r="CK28" s="277">
        <v>1</v>
      </c>
      <c r="CL28" s="282">
        <v>1</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1</v>
      </c>
      <c r="I29" s="280">
        <v>1</v>
      </c>
      <c r="J29" s="280">
        <v>0</v>
      </c>
      <c r="K29" s="280">
        <v>0</v>
      </c>
      <c r="L29" s="281">
        <v>2</v>
      </c>
      <c r="M29" s="282">
        <v>2</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37</v>
      </c>
      <c r="AD29" s="280">
        <v>16</v>
      </c>
      <c r="AE29" s="280">
        <v>7</v>
      </c>
      <c r="AF29" s="280">
        <v>4</v>
      </c>
      <c r="AG29" s="280">
        <v>1</v>
      </c>
      <c r="AH29" s="277">
        <v>65</v>
      </c>
      <c r="AI29" s="282">
        <v>65</v>
      </c>
      <c r="AJ29" s="276">
        <v>0</v>
      </c>
      <c r="AK29" s="280">
        <v>0</v>
      </c>
      <c r="AL29" s="277">
        <v>0</v>
      </c>
      <c r="AM29" s="279">
        <v>0</v>
      </c>
      <c r="AN29" s="280">
        <v>3</v>
      </c>
      <c r="AO29" s="280">
        <v>1</v>
      </c>
      <c r="AP29" s="280">
        <v>1</v>
      </c>
      <c r="AQ29" s="280">
        <v>2</v>
      </c>
      <c r="AR29" s="280">
        <v>1</v>
      </c>
      <c r="AS29" s="277">
        <v>8</v>
      </c>
      <c r="AT29" s="282">
        <v>8</v>
      </c>
      <c r="AU29" s="276">
        <v>0</v>
      </c>
      <c r="AV29" s="280">
        <v>0</v>
      </c>
      <c r="AW29" s="277">
        <v>0</v>
      </c>
      <c r="AX29" s="279">
        <v>0</v>
      </c>
      <c r="AY29" s="280">
        <v>0</v>
      </c>
      <c r="AZ29" s="280">
        <v>1</v>
      </c>
      <c r="BA29" s="280">
        <v>0</v>
      </c>
      <c r="BB29" s="280">
        <v>0</v>
      </c>
      <c r="BC29" s="280">
        <v>0</v>
      </c>
      <c r="BD29" s="277">
        <v>1</v>
      </c>
      <c r="BE29" s="282">
        <v>1</v>
      </c>
      <c r="BF29" s="276">
        <v>0</v>
      </c>
      <c r="BG29" s="280">
        <v>0</v>
      </c>
      <c r="BH29" s="277">
        <v>0</v>
      </c>
      <c r="BI29" s="279">
        <v>0</v>
      </c>
      <c r="BJ29" s="280">
        <v>14</v>
      </c>
      <c r="BK29" s="280">
        <v>5</v>
      </c>
      <c r="BL29" s="280">
        <v>11</v>
      </c>
      <c r="BM29" s="280">
        <v>3</v>
      </c>
      <c r="BN29" s="280">
        <v>4</v>
      </c>
      <c r="BO29" s="281">
        <v>37</v>
      </c>
      <c r="BP29" s="282">
        <v>37</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10</v>
      </c>
      <c r="CI29" s="280">
        <v>11</v>
      </c>
      <c r="CJ29" s="280">
        <v>5</v>
      </c>
      <c r="CK29" s="277">
        <v>26</v>
      </c>
      <c r="CL29" s="282">
        <v>26</v>
      </c>
      <c r="CM29" s="276">
        <v>0</v>
      </c>
      <c r="CN29" s="280">
        <v>0</v>
      </c>
      <c r="CO29" s="277">
        <v>0</v>
      </c>
      <c r="CP29" s="279">
        <v>0</v>
      </c>
      <c r="CQ29" s="280">
        <v>0</v>
      </c>
      <c r="CR29" s="280">
        <v>0</v>
      </c>
      <c r="CS29" s="280">
        <v>0</v>
      </c>
      <c r="CT29" s="280">
        <v>1</v>
      </c>
      <c r="CU29" s="280">
        <v>0</v>
      </c>
      <c r="CV29" s="277">
        <v>1</v>
      </c>
      <c r="CW29" s="282">
        <v>1</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22</v>
      </c>
      <c r="AD30" s="280">
        <v>15</v>
      </c>
      <c r="AE30" s="280">
        <v>1</v>
      </c>
      <c r="AF30" s="280">
        <v>1</v>
      </c>
      <c r="AG30" s="280">
        <v>1</v>
      </c>
      <c r="AH30" s="277">
        <v>40</v>
      </c>
      <c r="AI30" s="282">
        <v>40</v>
      </c>
      <c r="AJ30" s="276">
        <v>0</v>
      </c>
      <c r="AK30" s="280">
        <v>0</v>
      </c>
      <c r="AL30" s="277">
        <v>0</v>
      </c>
      <c r="AM30" s="279">
        <v>0</v>
      </c>
      <c r="AN30" s="280">
        <v>2</v>
      </c>
      <c r="AO30" s="280">
        <v>1</v>
      </c>
      <c r="AP30" s="280">
        <v>1</v>
      </c>
      <c r="AQ30" s="280">
        <v>0</v>
      </c>
      <c r="AR30" s="280">
        <v>1</v>
      </c>
      <c r="AS30" s="277">
        <v>5</v>
      </c>
      <c r="AT30" s="282">
        <v>5</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4</v>
      </c>
      <c r="BL30" s="280">
        <v>6</v>
      </c>
      <c r="BM30" s="280">
        <v>1</v>
      </c>
      <c r="BN30" s="280">
        <v>4</v>
      </c>
      <c r="BO30" s="281">
        <v>15</v>
      </c>
      <c r="BP30" s="282">
        <v>15</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1</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14</v>
      </c>
      <c r="AD31" s="280">
        <v>20</v>
      </c>
      <c r="AE31" s="280">
        <v>3</v>
      </c>
      <c r="AF31" s="280">
        <v>3</v>
      </c>
      <c r="AG31" s="280">
        <v>0</v>
      </c>
      <c r="AH31" s="277">
        <v>40</v>
      </c>
      <c r="AI31" s="282">
        <v>40</v>
      </c>
      <c r="AJ31" s="276">
        <v>0</v>
      </c>
      <c r="AK31" s="280">
        <v>0</v>
      </c>
      <c r="AL31" s="277">
        <v>0</v>
      </c>
      <c r="AM31" s="279">
        <v>0</v>
      </c>
      <c r="AN31" s="280">
        <v>0</v>
      </c>
      <c r="AO31" s="280">
        <v>1</v>
      </c>
      <c r="AP31" s="280">
        <v>2</v>
      </c>
      <c r="AQ31" s="280">
        <v>0</v>
      </c>
      <c r="AR31" s="280">
        <v>0</v>
      </c>
      <c r="AS31" s="277">
        <v>3</v>
      </c>
      <c r="AT31" s="282">
        <v>3</v>
      </c>
      <c r="AU31" s="276">
        <v>0</v>
      </c>
      <c r="AV31" s="280">
        <v>3</v>
      </c>
      <c r="AW31" s="277">
        <v>3</v>
      </c>
      <c r="AX31" s="279">
        <v>0</v>
      </c>
      <c r="AY31" s="280">
        <v>8</v>
      </c>
      <c r="AZ31" s="280">
        <v>5</v>
      </c>
      <c r="BA31" s="280">
        <v>7</v>
      </c>
      <c r="BB31" s="280">
        <v>3</v>
      </c>
      <c r="BC31" s="280">
        <v>1</v>
      </c>
      <c r="BD31" s="277">
        <v>24</v>
      </c>
      <c r="BE31" s="282">
        <v>27</v>
      </c>
      <c r="BF31" s="276">
        <v>0</v>
      </c>
      <c r="BG31" s="280">
        <v>0</v>
      </c>
      <c r="BH31" s="277">
        <v>0</v>
      </c>
      <c r="BI31" s="279">
        <v>0</v>
      </c>
      <c r="BJ31" s="280">
        <v>3</v>
      </c>
      <c r="BK31" s="280">
        <v>3</v>
      </c>
      <c r="BL31" s="280">
        <v>4</v>
      </c>
      <c r="BM31" s="280">
        <v>0</v>
      </c>
      <c r="BN31" s="280">
        <v>4</v>
      </c>
      <c r="BO31" s="281">
        <v>14</v>
      </c>
      <c r="BP31" s="282">
        <v>14</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1</v>
      </c>
      <c r="CG31" s="280">
        <v>3</v>
      </c>
      <c r="CH31" s="280">
        <v>6</v>
      </c>
      <c r="CI31" s="280">
        <v>8</v>
      </c>
      <c r="CJ31" s="280">
        <v>7</v>
      </c>
      <c r="CK31" s="277">
        <v>25</v>
      </c>
      <c r="CL31" s="282">
        <v>25</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1</v>
      </c>
      <c r="J32" s="280">
        <v>0</v>
      </c>
      <c r="K32" s="280">
        <v>0</v>
      </c>
      <c r="L32" s="281">
        <v>1</v>
      </c>
      <c r="M32" s="282">
        <v>1</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5</v>
      </c>
      <c r="AD32" s="280">
        <v>11</v>
      </c>
      <c r="AE32" s="280">
        <v>10</v>
      </c>
      <c r="AF32" s="280">
        <v>4</v>
      </c>
      <c r="AG32" s="280">
        <v>0</v>
      </c>
      <c r="AH32" s="277">
        <v>50</v>
      </c>
      <c r="AI32" s="282">
        <v>50</v>
      </c>
      <c r="AJ32" s="276">
        <v>1</v>
      </c>
      <c r="AK32" s="280">
        <v>0</v>
      </c>
      <c r="AL32" s="277">
        <v>1</v>
      </c>
      <c r="AM32" s="279">
        <v>0</v>
      </c>
      <c r="AN32" s="280">
        <v>1</v>
      </c>
      <c r="AO32" s="280">
        <v>3</v>
      </c>
      <c r="AP32" s="280">
        <v>1</v>
      </c>
      <c r="AQ32" s="280">
        <v>0</v>
      </c>
      <c r="AR32" s="280">
        <v>0</v>
      </c>
      <c r="AS32" s="277">
        <v>5</v>
      </c>
      <c r="AT32" s="282">
        <v>6</v>
      </c>
      <c r="AU32" s="276">
        <v>0</v>
      </c>
      <c r="AV32" s="280">
        <v>0</v>
      </c>
      <c r="AW32" s="277">
        <v>0</v>
      </c>
      <c r="AX32" s="279">
        <v>0</v>
      </c>
      <c r="AY32" s="280">
        <v>0</v>
      </c>
      <c r="AZ32" s="280">
        <v>1</v>
      </c>
      <c r="BA32" s="280">
        <v>0</v>
      </c>
      <c r="BB32" s="280">
        <v>1</v>
      </c>
      <c r="BC32" s="280">
        <v>0</v>
      </c>
      <c r="BD32" s="277">
        <v>2</v>
      </c>
      <c r="BE32" s="282">
        <v>2</v>
      </c>
      <c r="BF32" s="276">
        <v>0</v>
      </c>
      <c r="BG32" s="280">
        <v>0</v>
      </c>
      <c r="BH32" s="277">
        <v>0</v>
      </c>
      <c r="BI32" s="279">
        <v>0</v>
      </c>
      <c r="BJ32" s="280">
        <v>8</v>
      </c>
      <c r="BK32" s="280">
        <v>2</v>
      </c>
      <c r="BL32" s="280">
        <v>4</v>
      </c>
      <c r="BM32" s="280">
        <v>5</v>
      </c>
      <c r="BN32" s="280">
        <v>2</v>
      </c>
      <c r="BO32" s="281">
        <v>21</v>
      </c>
      <c r="BP32" s="282">
        <v>21</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2</v>
      </c>
      <c r="I33" s="280">
        <v>0</v>
      </c>
      <c r="J33" s="280">
        <v>0</v>
      </c>
      <c r="K33" s="280">
        <v>0</v>
      </c>
      <c r="L33" s="281">
        <v>2</v>
      </c>
      <c r="M33" s="282">
        <v>2</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38</v>
      </c>
      <c r="AD33" s="280">
        <v>23</v>
      </c>
      <c r="AE33" s="280">
        <v>7</v>
      </c>
      <c r="AF33" s="280">
        <v>2</v>
      </c>
      <c r="AG33" s="280">
        <v>1</v>
      </c>
      <c r="AH33" s="277">
        <v>71</v>
      </c>
      <c r="AI33" s="282">
        <v>71</v>
      </c>
      <c r="AJ33" s="276">
        <v>0</v>
      </c>
      <c r="AK33" s="280">
        <v>0</v>
      </c>
      <c r="AL33" s="277">
        <v>0</v>
      </c>
      <c r="AM33" s="279">
        <v>0</v>
      </c>
      <c r="AN33" s="280">
        <v>0</v>
      </c>
      <c r="AO33" s="280">
        <v>0</v>
      </c>
      <c r="AP33" s="280">
        <v>1</v>
      </c>
      <c r="AQ33" s="280">
        <v>0</v>
      </c>
      <c r="AR33" s="280">
        <v>1</v>
      </c>
      <c r="AS33" s="277">
        <v>2</v>
      </c>
      <c r="AT33" s="282">
        <v>2</v>
      </c>
      <c r="AU33" s="276">
        <v>0</v>
      </c>
      <c r="AV33" s="280">
        <v>2</v>
      </c>
      <c r="AW33" s="277">
        <v>2</v>
      </c>
      <c r="AX33" s="279">
        <v>0</v>
      </c>
      <c r="AY33" s="280">
        <v>9</v>
      </c>
      <c r="AZ33" s="280">
        <v>5</v>
      </c>
      <c r="BA33" s="280">
        <v>7</v>
      </c>
      <c r="BB33" s="280">
        <v>1</v>
      </c>
      <c r="BC33" s="280">
        <v>1</v>
      </c>
      <c r="BD33" s="277">
        <v>23</v>
      </c>
      <c r="BE33" s="282">
        <v>25</v>
      </c>
      <c r="BF33" s="276">
        <v>0</v>
      </c>
      <c r="BG33" s="280">
        <v>0</v>
      </c>
      <c r="BH33" s="277">
        <v>0</v>
      </c>
      <c r="BI33" s="279">
        <v>0</v>
      </c>
      <c r="BJ33" s="280">
        <v>6</v>
      </c>
      <c r="BK33" s="280">
        <v>9</v>
      </c>
      <c r="BL33" s="280">
        <v>12</v>
      </c>
      <c r="BM33" s="280">
        <v>9</v>
      </c>
      <c r="BN33" s="280">
        <v>5</v>
      </c>
      <c r="BO33" s="281">
        <v>41</v>
      </c>
      <c r="BP33" s="282">
        <v>41</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2</v>
      </c>
      <c r="H34" s="280">
        <v>1</v>
      </c>
      <c r="I34" s="280">
        <v>0</v>
      </c>
      <c r="J34" s="280">
        <v>2</v>
      </c>
      <c r="K34" s="280">
        <v>0</v>
      </c>
      <c r="L34" s="281">
        <v>5</v>
      </c>
      <c r="M34" s="282">
        <v>5</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39</v>
      </c>
      <c r="AD34" s="280">
        <v>30</v>
      </c>
      <c r="AE34" s="280">
        <v>11</v>
      </c>
      <c r="AF34" s="280">
        <v>1</v>
      </c>
      <c r="AG34" s="280">
        <v>3</v>
      </c>
      <c r="AH34" s="277">
        <v>84</v>
      </c>
      <c r="AI34" s="282">
        <v>84</v>
      </c>
      <c r="AJ34" s="276">
        <v>0</v>
      </c>
      <c r="AK34" s="280">
        <v>0</v>
      </c>
      <c r="AL34" s="277">
        <v>0</v>
      </c>
      <c r="AM34" s="279">
        <v>0</v>
      </c>
      <c r="AN34" s="280">
        <v>3</v>
      </c>
      <c r="AO34" s="280">
        <v>1</v>
      </c>
      <c r="AP34" s="280">
        <v>2</v>
      </c>
      <c r="AQ34" s="280">
        <v>1</v>
      </c>
      <c r="AR34" s="280">
        <v>1</v>
      </c>
      <c r="AS34" s="277">
        <v>8</v>
      </c>
      <c r="AT34" s="282">
        <v>8</v>
      </c>
      <c r="AU34" s="276">
        <v>2</v>
      </c>
      <c r="AV34" s="280">
        <v>2</v>
      </c>
      <c r="AW34" s="277">
        <v>4</v>
      </c>
      <c r="AX34" s="279">
        <v>0</v>
      </c>
      <c r="AY34" s="280">
        <v>2</v>
      </c>
      <c r="AZ34" s="280">
        <v>0</v>
      </c>
      <c r="BA34" s="280">
        <v>2</v>
      </c>
      <c r="BB34" s="280">
        <v>1</v>
      </c>
      <c r="BC34" s="280">
        <v>0</v>
      </c>
      <c r="BD34" s="277">
        <v>5</v>
      </c>
      <c r="BE34" s="282">
        <v>9</v>
      </c>
      <c r="BF34" s="276">
        <v>0</v>
      </c>
      <c r="BG34" s="280">
        <v>0</v>
      </c>
      <c r="BH34" s="277">
        <v>0</v>
      </c>
      <c r="BI34" s="279">
        <v>0</v>
      </c>
      <c r="BJ34" s="280">
        <v>1</v>
      </c>
      <c r="BK34" s="280">
        <v>5</v>
      </c>
      <c r="BL34" s="280">
        <v>12</v>
      </c>
      <c r="BM34" s="280">
        <v>7</v>
      </c>
      <c r="BN34" s="280">
        <v>7</v>
      </c>
      <c r="BO34" s="281">
        <v>32</v>
      </c>
      <c r="BP34" s="282">
        <v>32</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1</v>
      </c>
      <c r="CG34" s="280">
        <v>1</v>
      </c>
      <c r="CH34" s="280">
        <v>16</v>
      </c>
      <c r="CI34" s="280">
        <v>7</v>
      </c>
      <c r="CJ34" s="280">
        <v>2</v>
      </c>
      <c r="CK34" s="277">
        <v>27</v>
      </c>
      <c r="CL34" s="282">
        <v>27</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28</v>
      </c>
      <c r="AD35" s="280">
        <v>13</v>
      </c>
      <c r="AE35" s="280">
        <v>9</v>
      </c>
      <c r="AF35" s="280">
        <v>2</v>
      </c>
      <c r="AG35" s="280">
        <v>2</v>
      </c>
      <c r="AH35" s="277">
        <v>54</v>
      </c>
      <c r="AI35" s="282">
        <v>54</v>
      </c>
      <c r="AJ35" s="276">
        <v>0</v>
      </c>
      <c r="AK35" s="280">
        <v>0</v>
      </c>
      <c r="AL35" s="277">
        <v>0</v>
      </c>
      <c r="AM35" s="279">
        <v>0</v>
      </c>
      <c r="AN35" s="280">
        <v>0</v>
      </c>
      <c r="AO35" s="280">
        <v>0</v>
      </c>
      <c r="AP35" s="280">
        <v>1</v>
      </c>
      <c r="AQ35" s="280">
        <v>0</v>
      </c>
      <c r="AR35" s="280">
        <v>0</v>
      </c>
      <c r="AS35" s="277">
        <v>1</v>
      </c>
      <c r="AT35" s="282">
        <v>1</v>
      </c>
      <c r="AU35" s="276">
        <v>0</v>
      </c>
      <c r="AV35" s="280">
        <v>0</v>
      </c>
      <c r="AW35" s="277">
        <v>0</v>
      </c>
      <c r="AX35" s="279">
        <v>0</v>
      </c>
      <c r="AY35" s="280">
        <v>0</v>
      </c>
      <c r="AZ35" s="280">
        <v>0</v>
      </c>
      <c r="BA35" s="280">
        <v>0</v>
      </c>
      <c r="BB35" s="280">
        <v>0</v>
      </c>
      <c r="BC35" s="280">
        <v>0</v>
      </c>
      <c r="BD35" s="277">
        <v>0</v>
      </c>
      <c r="BE35" s="282">
        <v>0</v>
      </c>
      <c r="BF35" s="276">
        <v>0</v>
      </c>
      <c r="BG35" s="280">
        <v>2</v>
      </c>
      <c r="BH35" s="277">
        <v>2</v>
      </c>
      <c r="BI35" s="279">
        <v>0</v>
      </c>
      <c r="BJ35" s="280">
        <v>2</v>
      </c>
      <c r="BK35" s="280">
        <v>3</v>
      </c>
      <c r="BL35" s="280">
        <v>8</v>
      </c>
      <c r="BM35" s="280">
        <v>1</v>
      </c>
      <c r="BN35" s="280">
        <v>1</v>
      </c>
      <c r="BO35" s="281">
        <v>15</v>
      </c>
      <c r="BP35" s="282">
        <v>17</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4</v>
      </c>
      <c r="CR35" s="280">
        <v>5</v>
      </c>
      <c r="CS35" s="280">
        <v>7</v>
      </c>
      <c r="CT35" s="280">
        <v>4</v>
      </c>
      <c r="CU35" s="280">
        <v>5</v>
      </c>
      <c r="CV35" s="277">
        <v>25</v>
      </c>
      <c r="CW35" s="282">
        <v>25</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14</v>
      </c>
      <c r="AD36" s="280">
        <v>5</v>
      </c>
      <c r="AE36" s="280">
        <v>2</v>
      </c>
      <c r="AF36" s="280">
        <v>2</v>
      </c>
      <c r="AG36" s="280">
        <v>0</v>
      </c>
      <c r="AH36" s="277">
        <v>23</v>
      </c>
      <c r="AI36" s="282">
        <v>23</v>
      </c>
      <c r="AJ36" s="276">
        <v>0</v>
      </c>
      <c r="AK36" s="280">
        <v>0</v>
      </c>
      <c r="AL36" s="277">
        <v>0</v>
      </c>
      <c r="AM36" s="279">
        <v>0</v>
      </c>
      <c r="AN36" s="280">
        <v>0</v>
      </c>
      <c r="AO36" s="280">
        <v>0</v>
      </c>
      <c r="AP36" s="280">
        <v>0</v>
      </c>
      <c r="AQ36" s="280">
        <v>1</v>
      </c>
      <c r="AR36" s="280">
        <v>0</v>
      </c>
      <c r="AS36" s="277">
        <v>1</v>
      </c>
      <c r="AT36" s="282">
        <v>1</v>
      </c>
      <c r="AU36" s="276">
        <v>1</v>
      </c>
      <c r="AV36" s="280">
        <v>3</v>
      </c>
      <c r="AW36" s="277">
        <v>4</v>
      </c>
      <c r="AX36" s="279">
        <v>0</v>
      </c>
      <c r="AY36" s="280">
        <v>8</v>
      </c>
      <c r="AZ36" s="280">
        <v>7</v>
      </c>
      <c r="BA36" s="280">
        <v>5</v>
      </c>
      <c r="BB36" s="280">
        <v>1</v>
      </c>
      <c r="BC36" s="280">
        <v>1</v>
      </c>
      <c r="BD36" s="277">
        <v>22</v>
      </c>
      <c r="BE36" s="282">
        <v>26</v>
      </c>
      <c r="BF36" s="276">
        <v>0</v>
      </c>
      <c r="BG36" s="280">
        <v>0</v>
      </c>
      <c r="BH36" s="277">
        <v>0</v>
      </c>
      <c r="BI36" s="279">
        <v>0</v>
      </c>
      <c r="BJ36" s="280">
        <v>2</v>
      </c>
      <c r="BK36" s="280">
        <v>3</v>
      </c>
      <c r="BL36" s="280">
        <v>2</v>
      </c>
      <c r="BM36" s="280">
        <v>2</v>
      </c>
      <c r="BN36" s="280">
        <v>4</v>
      </c>
      <c r="BO36" s="281">
        <v>13</v>
      </c>
      <c r="BP36" s="282">
        <v>13</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7</v>
      </c>
      <c r="CR36" s="280">
        <v>10</v>
      </c>
      <c r="CS36" s="280">
        <v>3</v>
      </c>
      <c r="CT36" s="280">
        <v>6</v>
      </c>
      <c r="CU36" s="280">
        <v>1</v>
      </c>
      <c r="CV36" s="277">
        <v>27</v>
      </c>
      <c r="CW36" s="282">
        <v>27</v>
      </c>
    </row>
    <row r="37" spans="2:101" ht="21" customHeight="1" x14ac:dyDescent="0.2">
      <c r="B37" s="261" t="s">
        <v>35</v>
      </c>
      <c r="C37" s="276">
        <v>0</v>
      </c>
      <c r="D37" s="277">
        <v>0</v>
      </c>
      <c r="E37" s="278">
        <v>0</v>
      </c>
      <c r="F37" s="279">
        <v>0</v>
      </c>
      <c r="G37" s="280">
        <v>0</v>
      </c>
      <c r="H37" s="280">
        <v>1</v>
      </c>
      <c r="I37" s="280">
        <v>1</v>
      </c>
      <c r="J37" s="280">
        <v>1</v>
      </c>
      <c r="K37" s="280">
        <v>0</v>
      </c>
      <c r="L37" s="281">
        <v>3</v>
      </c>
      <c r="M37" s="282">
        <v>3</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20</v>
      </c>
      <c r="AD37" s="280">
        <v>17</v>
      </c>
      <c r="AE37" s="280">
        <v>10</v>
      </c>
      <c r="AF37" s="280">
        <v>10</v>
      </c>
      <c r="AG37" s="280">
        <v>1</v>
      </c>
      <c r="AH37" s="277">
        <v>58</v>
      </c>
      <c r="AI37" s="282">
        <v>58</v>
      </c>
      <c r="AJ37" s="276">
        <v>0</v>
      </c>
      <c r="AK37" s="280">
        <v>0</v>
      </c>
      <c r="AL37" s="277">
        <v>0</v>
      </c>
      <c r="AM37" s="279">
        <v>0</v>
      </c>
      <c r="AN37" s="280">
        <v>0</v>
      </c>
      <c r="AO37" s="280">
        <v>0</v>
      </c>
      <c r="AP37" s="280">
        <v>0</v>
      </c>
      <c r="AQ37" s="280">
        <v>0</v>
      </c>
      <c r="AR37" s="280">
        <v>0</v>
      </c>
      <c r="AS37" s="277">
        <v>0</v>
      </c>
      <c r="AT37" s="282">
        <v>0</v>
      </c>
      <c r="AU37" s="276">
        <v>3</v>
      </c>
      <c r="AV37" s="280">
        <v>3</v>
      </c>
      <c r="AW37" s="277">
        <v>6</v>
      </c>
      <c r="AX37" s="279">
        <v>0</v>
      </c>
      <c r="AY37" s="280">
        <v>12</v>
      </c>
      <c r="AZ37" s="280">
        <v>11</v>
      </c>
      <c r="BA37" s="280">
        <v>7</v>
      </c>
      <c r="BB37" s="280">
        <v>2</v>
      </c>
      <c r="BC37" s="280">
        <v>3</v>
      </c>
      <c r="BD37" s="277">
        <v>35</v>
      </c>
      <c r="BE37" s="282">
        <v>41</v>
      </c>
      <c r="BF37" s="276">
        <v>0</v>
      </c>
      <c r="BG37" s="280">
        <v>0</v>
      </c>
      <c r="BH37" s="277">
        <v>0</v>
      </c>
      <c r="BI37" s="279">
        <v>0</v>
      </c>
      <c r="BJ37" s="280">
        <v>13</v>
      </c>
      <c r="BK37" s="280">
        <v>12</v>
      </c>
      <c r="BL37" s="280">
        <v>16</v>
      </c>
      <c r="BM37" s="280">
        <v>14</v>
      </c>
      <c r="BN37" s="280">
        <v>5</v>
      </c>
      <c r="BO37" s="281">
        <v>60</v>
      </c>
      <c r="BP37" s="282">
        <v>60</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63</v>
      </c>
      <c r="AD38" s="280">
        <v>48</v>
      </c>
      <c r="AE38" s="280">
        <v>28</v>
      </c>
      <c r="AF38" s="280">
        <v>11</v>
      </c>
      <c r="AG38" s="280">
        <v>8</v>
      </c>
      <c r="AH38" s="277">
        <v>158</v>
      </c>
      <c r="AI38" s="282">
        <v>158</v>
      </c>
      <c r="AJ38" s="276">
        <v>0</v>
      </c>
      <c r="AK38" s="280">
        <v>0</v>
      </c>
      <c r="AL38" s="277">
        <v>0</v>
      </c>
      <c r="AM38" s="279">
        <v>0</v>
      </c>
      <c r="AN38" s="280">
        <v>0</v>
      </c>
      <c r="AO38" s="280">
        <v>0</v>
      </c>
      <c r="AP38" s="280">
        <v>0</v>
      </c>
      <c r="AQ38" s="280">
        <v>0</v>
      </c>
      <c r="AR38" s="280">
        <v>0</v>
      </c>
      <c r="AS38" s="277">
        <v>0</v>
      </c>
      <c r="AT38" s="282">
        <v>0</v>
      </c>
      <c r="AU38" s="276">
        <v>3</v>
      </c>
      <c r="AV38" s="280">
        <v>1</v>
      </c>
      <c r="AW38" s="277">
        <v>4</v>
      </c>
      <c r="AX38" s="279">
        <v>0</v>
      </c>
      <c r="AY38" s="280">
        <v>12</v>
      </c>
      <c r="AZ38" s="280">
        <v>8</v>
      </c>
      <c r="BA38" s="280">
        <v>9</v>
      </c>
      <c r="BB38" s="280">
        <v>2</v>
      </c>
      <c r="BC38" s="280">
        <v>0</v>
      </c>
      <c r="BD38" s="277">
        <v>31</v>
      </c>
      <c r="BE38" s="282">
        <v>35</v>
      </c>
      <c r="BF38" s="276">
        <v>0</v>
      </c>
      <c r="BG38" s="280">
        <v>0</v>
      </c>
      <c r="BH38" s="277">
        <v>0</v>
      </c>
      <c r="BI38" s="279">
        <v>0</v>
      </c>
      <c r="BJ38" s="280">
        <v>4</v>
      </c>
      <c r="BK38" s="280">
        <v>7</v>
      </c>
      <c r="BL38" s="280">
        <v>17</v>
      </c>
      <c r="BM38" s="280">
        <v>5</v>
      </c>
      <c r="BN38" s="280">
        <v>5</v>
      </c>
      <c r="BO38" s="281">
        <v>38</v>
      </c>
      <c r="BP38" s="282">
        <v>38</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1</v>
      </c>
      <c r="J39" s="287">
        <v>0</v>
      </c>
      <c r="K39" s="287">
        <v>0</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14</v>
      </c>
      <c r="AD39" s="287">
        <v>6</v>
      </c>
      <c r="AE39" s="287">
        <v>7</v>
      </c>
      <c r="AF39" s="287">
        <v>0</v>
      </c>
      <c r="AG39" s="287">
        <v>2</v>
      </c>
      <c r="AH39" s="284">
        <v>29</v>
      </c>
      <c r="AI39" s="289">
        <v>29</v>
      </c>
      <c r="AJ39" s="283">
        <v>0</v>
      </c>
      <c r="AK39" s="287">
        <v>0</v>
      </c>
      <c r="AL39" s="284">
        <v>0</v>
      </c>
      <c r="AM39" s="286">
        <v>0</v>
      </c>
      <c r="AN39" s="287">
        <v>1</v>
      </c>
      <c r="AO39" s="287">
        <v>0</v>
      </c>
      <c r="AP39" s="287">
        <v>0</v>
      </c>
      <c r="AQ39" s="287">
        <v>1</v>
      </c>
      <c r="AR39" s="287">
        <v>1</v>
      </c>
      <c r="AS39" s="284">
        <v>3</v>
      </c>
      <c r="AT39" s="289">
        <v>3</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1</v>
      </c>
      <c r="BK39" s="287">
        <v>1</v>
      </c>
      <c r="BL39" s="287">
        <v>2</v>
      </c>
      <c r="BM39" s="287">
        <v>0</v>
      </c>
      <c r="BN39" s="287">
        <v>0</v>
      </c>
      <c r="BO39" s="288">
        <v>4</v>
      </c>
      <c r="BP39" s="289">
        <v>4</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M3:CW3"/>
    <mergeCell ref="CP4:CV4"/>
    <mergeCell ref="CM4:CO4"/>
    <mergeCell ref="CB4:CD4"/>
    <mergeCell ref="AU4:AW4"/>
    <mergeCell ref="AX4:BD4"/>
    <mergeCell ref="CE4:CK4"/>
    <mergeCell ref="BF4:BH4"/>
    <mergeCell ref="BI4:BO4"/>
    <mergeCell ref="BQ4:BS4"/>
    <mergeCell ref="BT4:BZ4"/>
    <mergeCell ref="CB3:CL3"/>
    <mergeCell ref="CW4:CW5"/>
    <mergeCell ref="CL4:CL5"/>
    <mergeCell ref="B3:B5"/>
    <mergeCell ref="AI4:AI5"/>
    <mergeCell ref="AJ4:AL4"/>
    <mergeCell ref="C3:M3"/>
    <mergeCell ref="N3:X3"/>
    <mergeCell ref="Y3:AI3"/>
    <mergeCell ref="AJ3:AT3"/>
    <mergeCell ref="AM4:AS4"/>
    <mergeCell ref="AT4:AT5"/>
    <mergeCell ref="C4:E4"/>
    <mergeCell ref="F4:L4"/>
    <mergeCell ref="M4:M5"/>
    <mergeCell ref="X4:X5"/>
    <mergeCell ref="Y4:AA4"/>
    <mergeCell ref="AB4:AH4"/>
    <mergeCell ref="N4:P4"/>
    <mergeCell ref="Q4:W4"/>
    <mergeCell ref="AU3:BE3"/>
    <mergeCell ref="I1:J1"/>
    <mergeCell ref="L1:M1"/>
    <mergeCell ref="CA4:CA5"/>
    <mergeCell ref="BF3:BP3"/>
    <mergeCell ref="BQ3:CA3"/>
    <mergeCell ref="BP4:BP5"/>
    <mergeCell ref="BE4:BE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8.554687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35">
        <f>第１表!F2</f>
        <v>4</v>
      </c>
      <c r="J1" s="535"/>
      <c r="K1" s="248">
        <f>第１表!G2</f>
        <v>12</v>
      </c>
      <c r="L1" s="539">
        <f>IF(K1&lt;3,K1+12-2,K1-2)</f>
        <v>10</v>
      </c>
      <c r="M1" s="539"/>
    </row>
    <row r="2" spans="1:101" s="291" customFormat="1" ht="24" customHeight="1" thickBot="1" x14ac:dyDescent="0.25">
      <c r="A2" s="44"/>
      <c r="B2" s="290" t="s">
        <v>131</v>
      </c>
    </row>
    <row r="3" spans="1:101" ht="21" customHeight="1" thickBot="1" x14ac:dyDescent="0.25">
      <c r="B3" s="552"/>
      <c r="C3" s="543" t="s">
        <v>94</v>
      </c>
      <c r="D3" s="544"/>
      <c r="E3" s="544"/>
      <c r="F3" s="544"/>
      <c r="G3" s="544"/>
      <c r="H3" s="544"/>
      <c r="I3" s="544"/>
      <c r="J3" s="544"/>
      <c r="K3" s="544"/>
      <c r="L3" s="544"/>
      <c r="M3" s="545"/>
      <c r="N3" s="543" t="s">
        <v>88</v>
      </c>
      <c r="O3" s="544"/>
      <c r="P3" s="544"/>
      <c r="Q3" s="544"/>
      <c r="R3" s="544"/>
      <c r="S3" s="544"/>
      <c r="T3" s="544"/>
      <c r="U3" s="544"/>
      <c r="V3" s="544"/>
      <c r="W3" s="544"/>
      <c r="X3" s="545"/>
      <c r="Y3" s="543" t="s">
        <v>142</v>
      </c>
      <c r="Z3" s="544"/>
      <c r="AA3" s="544"/>
      <c r="AB3" s="544"/>
      <c r="AC3" s="544"/>
      <c r="AD3" s="544"/>
      <c r="AE3" s="544"/>
      <c r="AF3" s="544"/>
      <c r="AG3" s="544"/>
      <c r="AH3" s="544"/>
      <c r="AI3" s="545"/>
      <c r="AJ3" s="543" t="s">
        <v>90</v>
      </c>
      <c r="AK3" s="544"/>
      <c r="AL3" s="544"/>
      <c r="AM3" s="544"/>
      <c r="AN3" s="544"/>
      <c r="AO3" s="544"/>
      <c r="AP3" s="544"/>
      <c r="AQ3" s="544"/>
      <c r="AR3" s="544"/>
      <c r="AS3" s="544"/>
      <c r="AT3" s="545"/>
      <c r="AU3" s="556" t="s">
        <v>89</v>
      </c>
      <c r="AV3" s="557"/>
      <c r="AW3" s="557"/>
      <c r="AX3" s="557"/>
      <c r="AY3" s="557"/>
      <c r="AZ3" s="557"/>
      <c r="BA3" s="557"/>
      <c r="BB3" s="557"/>
      <c r="BC3" s="557"/>
      <c r="BD3" s="557"/>
      <c r="BE3" s="558"/>
      <c r="BF3" s="556" t="s">
        <v>91</v>
      </c>
      <c r="BG3" s="557"/>
      <c r="BH3" s="557"/>
      <c r="BI3" s="557"/>
      <c r="BJ3" s="557"/>
      <c r="BK3" s="557"/>
      <c r="BL3" s="557"/>
      <c r="BM3" s="557"/>
      <c r="BN3" s="557"/>
      <c r="BO3" s="557"/>
      <c r="BP3" s="558"/>
      <c r="BQ3" s="556" t="s">
        <v>92</v>
      </c>
      <c r="BR3" s="557"/>
      <c r="BS3" s="557"/>
      <c r="BT3" s="557"/>
      <c r="BU3" s="557"/>
      <c r="BV3" s="557"/>
      <c r="BW3" s="557"/>
      <c r="BX3" s="557"/>
      <c r="BY3" s="557"/>
      <c r="BZ3" s="557"/>
      <c r="CA3" s="558"/>
      <c r="CB3" s="556" t="s">
        <v>93</v>
      </c>
      <c r="CC3" s="557"/>
      <c r="CD3" s="557"/>
      <c r="CE3" s="557"/>
      <c r="CF3" s="557"/>
      <c r="CG3" s="557"/>
      <c r="CH3" s="557"/>
      <c r="CI3" s="557"/>
      <c r="CJ3" s="557"/>
      <c r="CK3" s="557"/>
      <c r="CL3" s="558"/>
      <c r="CM3" s="557" t="s">
        <v>141</v>
      </c>
      <c r="CN3" s="557"/>
      <c r="CO3" s="557"/>
      <c r="CP3" s="557"/>
      <c r="CQ3" s="557"/>
      <c r="CR3" s="557"/>
      <c r="CS3" s="557"/>
      <c r="CT3" s="557"/>
      <c r="CU3" s="557"/>
      <c r="CV3" s="557"/>
      <c r="CW3" s="558"/>
    </row>
    <row r="4" spans="1:101" ht="21" customHeight="1" x14ac:dyDescent="0.2">
      <c r="B4" s="553"/>
      <c r="C4" s="551" t="s">
        <v>61</v>
      </c>
      <c r="D4" s="547"/>
      <c r="E4" s="548"/>
      <c r="F4" s="546" t="s">
        <v>62</v>
      </c>
      <c r="G4" s="547"/>
      <c r="H4" s="547"/>
      <c r="I4" s="547"/>
      <c r="J4" s="547"/>
      <c r="K4" s="547"/>
      <c r="L4" s="555"/>
      <c r="M4" s="549" t="s">
        <v>52</v>
      </c>
      <c r="N4" s="551" t="s">
        <v>61</v>
      </c>
      <c r="O4" s="547"/>
      <c r="P4" s="548"/>
      <c r="Q4" s="546" t="s">
        <v>62</v>
      </c>
      <c r="R4" s="547"/>
      <c r="S4" s="547"/>
      <c r="T4" s="547"/>
      <c r="U4" s="547"/>
      <c r="V4" s="547"/>
      <c r="W4" s="548"/>
      <c r="X4" s="549" t="s">
        <v>52</v>
      </c>
      <c r="Y4" s="551" t="s">
        <v>61</v>
      </c>
      <c r="Z4" s="547"/>
      <c r="AA4" s="548"/>
      <c r="AB4" s="546" t="s">
        <v>62</v>
      </c>
      <c r="AC4" s="547"/>
      <c r="AD4" s="547"/>
      <c r="AE4" s="547"/>
      <c r="AF4" s="547"/>
      <c r="AG4" s="547"/>
      <c r="AH4" s="548"/>
      <c r="AI4" s="549" t="s">
        <v>52</v>
      </c>
      <c r="AJ4" s="551" t="s">
        <v>61</v>
      </c>
      <c r="AK4" s="547"/>
      <c r="AL4" s="548"/>
      <c r="AM4" s="546" t="s">
        <v>62</v>
      </c>
      <c r="AN4" s="547"/>
      <c r="AO4" s="547"/>
      <c r="AP4" s="547"/>
      <c r="AQ4" s="547"/>
      <c r="AR4" s="547"/>
      <c r="AS4" s="548"/>
      <c r="AT4" s="549" t="s">
        <v>52</v>
      </c>
      <c r="AU4" s="574" t="s">
        <v>61</v>
      </c>
      <c r="AV4" s="572"/>
      <c r="AW4" s="573"/>
      <c r="AX4" s="571" t="s">
        <v>62</v>
      </c>
      <c r="AY4" s="572"/>
      <c r="AZ4" s="572"/>
      <c r="BA4" s="572"/>
      <c r="BB4" s="572"/>
      <c r="BC4" s="572"/>
      <c r="BD4" s="573"/>
      <c r="BE4" s="569" t="s">
        <v>52</v>
      </c>
      <c r="BF4" s="574" t="s">
        <v>61</v>
      </c>
      <c r="BG4" s="572"/>
      <c r="BH4" s="573"/>
      <c r="BI4" s="571" t="s">
        <v>62</v>
      </c>
      <c r="BJ4" s="572"/>
      <c r="BK4" s="572"/>
      <c r="BL4" s="572"/>
      <c r="BM4" s="572"/>
      <c r="BN4" s="572"/>
      <c r="BO4" s="573"/>
      <c r="BP4" s="569" t="s">
        <v>52</v>
      </c>
      <c r="BQ4" s="574" t="s">
        <v>61</v>
      </c>
      <c r="BR4" s="572"/>
      <c r="BS4" s="573"/>
      <c r="BT4" s="571" t="s">
        <v>62</v>
      </c>
      <c r="BU4" s="572"/>
      <c r="BV4" s="572"/>
      <c r="BW4" s="572"/>
      <c r="BX4" s="572"/>
      <c r="BY4" s="572"/>
      <c r="BZ4" s="573"/>
      <c r="CA4" s="569" t="s">
        <v>52</v>
      </c>
      <c r="CB4" s="574" t="s">
        <v>61</v>
      </c>
      <c r="CC4" s="572"/>
      <c r="CD4" s="573"/>
      <c r="CE4" s="571" t="s">
        <v>62</v>
      </c>
      <c r="CF4" s="572"/>
      <c r="CG4" s="572"/>
      <c r="CH4" s="572"/>
      <c r="CI4" s="572"/>
      <c r="CJ4" s="572"/>
      <c r="CK4" s="573"/>
      <c r="CL4" s="569" t="s">
        <v>52</v>
      </c>
      <c r="CM4" s="574" t="s">
        <v>61</v>
      </c>
      <c r="CN4" s="572"/>
      <c r="CO4" s="573"/>
      <c r="CP4" s="571" t="s">
        <v>62</v>
      </c>
      <c r="CQ4" s="572"/>
      <c r="CR4" s="572"/>
      <c r="CS4" s="572"/>
      <c r="CT4" s="572"/>
      <c r="CU4" s="572"/>
      <c r="CV4" s="573"/>
      <c r="CW4" s="569" t="s">
        <v>52</v>
      </c>
    </row>
    <row r="5" spans="1:101" ht="30" customHeight="1" thickBot="1" x14ac:dyDescent="0.25">
      <c r="B5" s="554"/>
      <c r="C5" s="323" t="s">
        <v>43</v>
      </c>
      <c r="D5" s="265" t="s">
        <v>44</v>
      </c>
      <c r="E5" s="266" t="s">
        <v>45</v>
      </c>
      <c r="F5" s="267" t="s">
        <v>83</v>
      </c>
      <c r="G5" s="259" t="s">
        <v>47</v>
      </c>
      <c r="H5" s="259" t="s">
        <v>48</v>
      </c>
      <c r="I5" s="259" t="s">
        <v>49</v>
      </c>
      <c r="J5" s="259" t="s">
        <v>50</v>
      </c>
      <c r="K5" s="259" t="s">
        <v>51</v>
      </c>
      <c r="L5" s="268" t="s">
        <v>45</v>
      </c>
      <c r="M5" s="550"/>
      <c r="N5" s="323" t="s">
        <v>43</v>
      </c>
      <c r="O5" s="259" t="s">
        <v>44</v>
      </c>
      <c r="P5" s="265" t="s">
        <v>45</v>
      </c>
      <c r="Q5" s="267" t="s">
        <v>83</v>
      </c>
      <c r="R5" s="259" t="s">
        <v>47</v>
      </c>
      <c r="S5" s="259" t="s">
        <v>48</v>
      </c>
      <c r="T5" s="259" t="s">
        <v>49</v>
      </c>
      <c r="U5" s="259" t="s">
        <v>50</v>
      </c>
      <c r="V5" s="259" t="s">
        <v>51</v>
      </c>
      <c r="W5" s="265" t="s">
        <v>45</v>
      </c>
      <c r="X5" s="550"/>
      <c r="Y5" s="323" t="s">
        <v>43</v>
      </c>
      <c r="Z5" s="259" t="s">
        <v>44</v>
      </c>
      <c r="AA5" s="265" t="s">
        <v>45</v>
      </c>
      <c r="AB5" s="267" t="s">
        <v>83</v>
      </c>
      <c r="AC5" s="259" t="s">
        <v>47</v>
      </c>
      <c r="AD5" s="259" t="s">
        <v>48</v>
      </c>
      <c r="AE5" s="259" t="s">
        <v>49</v>
      </c>
      <c r="AF5" s="259" t="s">
        <v>50</v>
      </c>
      <c r="AG5" s="259" t="s">
        <v>51</v>
      </c>
      <c r="AH5" s="265" t="s">
        <v>45</v>
      </c>
      <c r="AI5" s="550"/>
      <c r="AJ5" s="340" t="s">
        <v>43</v>
      </c>
      <c r="AK5" s="259" t="s">
        <v>44</v>
      </c>
      <c r="AL5" s="265" t="s">
        <v>45</v>
      </c>
      <c r="AM5" s="267" t="s">
        <v>83</v>
      </c>
      <c r="AN5" s="259" t="s">
        <v>47</v>
      </c>
      <c r="AO5" s="259" t="s">
        <v>48</v>
      </c>
      <c r="AP5" s="259" t="s">
        <v>49</v>
      </c>
      <c r="AQ5" s="259" t="s">
        <v>50</v>
      </c>
      <c r="AR5" s="259" t="s">
        <v>51</v>
      </c>
      <c r="AS5" s="265" t="s">
        <v>45</v>
      </c>
      <c r="AT5" s="550"/>
      <c r="AU5" s="340" t="s">
        <v>43</v>
      </c>
      <c r="AV5" s="259" t="s">
        <v>44</v>
      </c>
      <c r="AW5" s="265" t="s">
        <v>45</v>
      </c>
      <c r="AX5" s="267" t="s">
        <v>83</v>
      </c>
      <c r="AY5" s="259" t="s">
        <v>47</v>
      </c>
      <c r="AZ5" s="259" t="s">
        <v>48</v>
      </c>
      <c r="BA5" s="259" t="s">
        <v>49</v>
      </c>
      <c r="BB5" s="259" t="s">
        <v>50</v>
      </c>
      <c r="BC5" s="259" t="s">
        <v>51</v>
      </c>
      <c r="BD5" s="265" t="s">
        <v>45</v>
      </c>
      <c r="BE5" s="570"/>
      <c r="BF5" s="340" t="s">
        <v>43</v>
      </c>
      <c r="BG5" s="259" t="s">
        <v>44</v>
      </c>
      <c r="BH5" s="265" t="s">
        <v>45</v>
      </c>
      <c r="BI5" s="267" t="s">
        <v>83</v>
      </c>
      <c r="BJ5" s="259" t="s">
        <v>47</v>
      </c>
      <c r="BK5" s="259" t="s">
        <v>48</v>
      </c>
      <c r="BL5" s="259" t="s">
        <v>49</v>
      </c>
      <c r="BM5" s="259" t="s">
        <v>50</v>
      </c>
      <c r="BN5" s="259" t="s">
        <v>51</v>
      </c>
      <c r="BO5" s="265" t="s">
        <v>45</v>
      </c>
      <c r="BP5" s="570"/>
      <c r="BQ5" s="340" t="s">
        <v>43</v>
      </c>
      <c r="BR5" s="259" t="s">
        <v>44</v>
      </c>
      <c r="BS5" s="265" t="s">
        <v>45</v>
      </c>
      <c r="BT5" s="267" t="s">
        <v>83</v>
      </c>
      <c r="BU5" s="259" t="s">
        <v>47</v>
      </c>
      <c r="BV5" s="259" t="s">
        <v>48</v>
      </c>
      <c r="BW5" s="259" t="s">
        <v>49</v>
      </c>
      <c r="BX5" s="259" t="s">
        <v>50</v>
      </c>
      <c r="BY5" s="259" t="s">
        <v>51</v>
      </c>
      <c r="BZ5" s="265" t="s">
        <v>45</v>
      </c>
      <c r="CA5" s="570"/>
      <c r="CB5" s="340" t="s">
        <v>43</v>
      </c>
      <c r="CC5" s="259" t="s">
        <v>44</v>
      </c>
      <c r="CD5" s="265" t="s">
        <v>45</v>
      </c>
      <c r="CE5" s="267" t="s">
        <v>83</v>
      </c>
      <c r="CF5" s="259" t="s">
        <v>47</v>
      </c>
      <c r="CG5" s="259" t="s">
        <v>48</v>
      </c>
      <c r="CH5" s="259" t="s">
        <v>49</v>
      </c>
      <c r="CI5" s="259" t="s">
        <v>50</v>
      </c>
      <c r="CJ5" s="259" t="s">
        <v>51</v>
      </c>
      <c r="CK5" s="265" t="s">
        <v>45</v>
      </c>
      <c r="CL5" s="570"/>
      <c r="CM5" s="340" t="s">
        <v>43</v>
      </c>
      <c r="CN5" s="259" t="s">
        <v>44</v>
      </c>
      <c r="CO5" s="265" t="s">
        <v>45</v>
      </c>
      <c r="CP5" s="267" t="s">
        <v>83</v>
      </c>
      <c r="CQ5" s="259" t="s">
        <v>47</v>
      </c>
      <c r="CR5" s="259" t="s">
        <v>48</v>
      </c>
      <c r="CS5" s="259" t="s">
        <v>49</v>
      </c>
      <c r="CT5" s="259" t="s">
        <v>50</v>
      </c>
      <c r="CU5" s="259" t="s">
        <v>51</v>
      </c>
      <c r="CV5" s="265" t="s">
        <v>45</v>
      </c>
      <c r="CW5" s="570"/>
    </row>
    <row r="6" spans="1:101" ht="21" customHeight="1" x14ac:dyDescent="0.2">
      <c r="B6" s="260" t="s">
        <v>4</v>
      </c>
      <c r="C6" s="269">
        <v>0</v>
      </c>
      <c r="D6" s="270">
        <v>0</v>
      </c>
      <c r="E6" s="271">
        <v>0</v>
      </c>
      <c r="F6" s="272">
        <v>0</v>
      </c>
      <c r="G6" s="273">
        <v>19</v>
      </c>
      <c r="H6" s="273">
        <v>27</v>
      </c>
      <c r="I6" s="273">
        <v>22</v>
      </c>
      <c r="J6" s="273">
        <v>25</v>
      </c>
      <c r="K6" s="273">
        <v>18</v>
      </c>
      <c r="L6" s="274">
        <v>111</v>
      </c>
      <c r="M6" s="275">
        <v>111</v>
      </c>
      <c r="N6" s="269">
        <v>0</v>
      </c>
      <c r="O6" s="273">
        <v>0</v>
      </c>
      <c r="P6" s="270">
        <v>0</v>
      </c>
      <c r="Q6" s="272">
        <v>0</v>
      </c>
      <c r="R6" s="273">
        <v>16</v>
      </c>
      <c r="S6" s="273">
        <v>31</v>
      </c>
      <c r="T6" s="273">
        <v>36</v>
      </c>
      <c r="U6" s="273">
        <v>38</v>
      </c>
      <c r="V6" s="273">
        <v>32</v>
      </c>
      <c r="W6" s="270">
        <v>153</v>
      </c>
      <c r="X6" s="275">
        <v>153</v>
      </c>
      <c r="Y6" s="269">
        <v>0</v>
      </c>
      <c r="Z6" s="273">
        <v>0</v>
      </c>
      <c r="AA6" s="270">
        <v>0</v>
      </c>
      <c r="AB6" s="272">
        <v>0</v>
      </c>
      <c r="AC6" s="273">
        <v>1004</v>
      </c>
      <c r="AD6" s="273">
        <v>776</v>
      </c>
      <c r="AE6" s="273">
        <v>372</v>
      </c>
      <c r="AF6" s="273">
        <v>170</v>
      </c>
      <c r="AG6" s="273">
        <v>74</v>
      </c>
      <c r="AH6" s="270">
        <v>2396</v>
      </c>
      <c r="AI6" s="275">
        <v>2396</v>
      </c>
      <c r="AJ6" s="269">
        <v>2</v>
      </c>
      <c r="AK6" s="273">
        <v>0</v>
      </c>
      <c r="AL6" s="270">
        <v>2</v>
      </c>
      <c r="AM6" s="272">
        <v>0</v>
      </c>
      <c r="AN6" s="273">
        <v>72</v>
      </c>
      <c r="AO6" s="273">
        <v>93</v>
      </c>
      <c r="AP6" s="273">
        <v>74</v>
      </c>
      <c r="AQ6" s="273">
        <v>38</v>
      </c>
      <c r="AR6" s="273">
        <v>20</v>
      </c>
      <c r="AS6" s="270">
        <v>297</v>
      </c>
      <c r="AT6" s="275">
        <v>299</v>
      </c>
      <c r="AU6" s="269">
        <v>12</v>
      </c>
      <c r="AV6" s="273">
        <v>11</v>
      </c>
      <c r="AW6" s="270">
        <v>23</v>
      </c>
      <c r="AX6" s="272">
        <v>0</v>
      </c>
      <c r="AY6" s="273">
        <v>81</v>
      </c>
      <c r="AZ6" s="273">
        <v>86</v>
      </c>
      <c r="BA6" s="273">
        <v>67</v>
      </c>
      <c r="BB6" s="273">
        <v>54</v>
      </c>
      <c r="BC6" s="273">
        <v>18</v>
      </c>
      <c r="BD6" s="270">
        <v>306</v>
      </c>
      <c r="BE6" s="275">
        <v>329</v>
      </c>
      <c r="BF6" s="269">
        <v>0</v>
      </c>
      <c r="BG6" s="273">
        <v>1</v>
      </c>
      <c r="BH6" s="270">
        <v>1</v>
      </c>
      <c r="BI6" s="272">
        <v>0</v>
      </c>
      <c r="BJ6" s="273">
        <v>105</v>
      </c>
      <c r="BK6" s="273">
        <v>156</v>
      </c>
      <c r="BL6" s="273">
        <v>157</v>
      </c>
      <c r="BM6" s="273">
        <v>134</v>
      </c>
      <c r="BN6" s="273">
        <v>64</v>
      </c>
      <c r="BO6" s="274">
        <v>616</v>
      </c>
      <c r="BP6" s="275">
        <v>617</v>
      </c>
      <c r="BQ6" s="269">
        <v>0</v>
      </c>
      <c r="BR6" s="273">
        <v>0</v>
      </c>
      <c r="BS6" s="270">
        <v>0</v>
      </c>
      <c r="BT6" s="272">
        <v>0</v>
      </c>
      <c r="BU6" s="273">
        <v>4</v>
      </c>
      <c r="BV6" s="273">
        <v>7</v>
      </c>
      <c r="BW6" s="273">
        <v>3</v>
      </c>
      <c r="BX6" s="273">
        <v>7</v>
      </c>
      <c r="BY6" s="273">
        <v>3</v>
      </c>
      <c r="BZ6" s="270">
        <v>24</v>
      </c>
      <c r="CA6" s="275">
        <v>24</v>
      </c>
      <c r="CB6" s="269">
        <v>0</v>
      </c>
      <c r="CC6" s="273">
        <v>0</v>
      </c>
      <c r="CD6" s="270">
        <v>0</v>
      </c>
      <c r="CE6" s="272">
        <v>0</v>
      </c>
      <c r="CF6" s="273">
        <v>0</v>
      </c>
      <c r="CG6" s="273">
        <v>2</v>
      </c>
      <c r="CH6" s="273">
        <v>20</v>
      </c>
      <c r="CI6" s="273">
        <v>18</v>
      </c>
      <c r="CJ6" s="273">
        <v>11</v>
      </c>
      <c r="CK6" s="270">
        <v>51</v>
      </c>
      <c r="CL6" s="275">
        <v>51</v>
      </c>
      <c r="CM6" s="269">
        <v>0</v>
      </c>
      <c r="CN6" s="273">
        <v>0</v>
      </c>
      <c r="CO6" s="270">
        <v>0</v>
      </c>
      <c r="CP6" s="272">
        <v>0</v>
      </c>
      <c r="CQ6" s="273">
        <v>20</v>
      </c>
      <c r="CR6" s="273">
        <v>17</v>
      </c>
      <c r="CS6" s="273">
        <v>26</v>
      </c>
      <c r="CT6" s="273">
        <v>34</v>
      </c>
      <c r="CU6" s="273">
        <v>38</v>
      </c>
      <c r="CV6" s="270">
        <v>135</v>
      </c>
      <c r="CW6" s="275">
        <v>135</v>
      </c>
    </row>
    <row r="7" spans="1:101" ht="21" customHeight="1" x14ac:dyDescent="0.2">
      <c r="B7" s="261" t="s">
        <v>5</v>
      </c>
      <c r="C7" s="276">
        <v>0</v>
      </c>
      <c r="D7" s="277">
        <v>0</v>
      </c>
      <c r="E7" s="278">
        <v>0</v>
      </c>
      <c r="F7" s="279">
        <v>0</v>
      </c>
      <c r="G7" s="280">
        <v>5</v>
      </c>
      <c r="H7" s="280">
        <v>13</v>
      </c>
      <c r="I7" s="280">
        <v>9</v>
      </c>
      <c r="J7" s="280">
        <v>10</v>
      </c>
      <c r="K7" s="280">
        <v>11</v>
      </c>
      <c r="L7" s="281">
        <v>48</v>
      </c>
      <c r="M7" s="282">
        <v>48</v>
      </c>
      <c r="N7" s="276">
        <v>0</v>
      </c>
      <c r="O7" s="280">
        <v>0</v>
      </c>
      <c r="P7" s="277">
        <v>0</v>
      </c>
      <c r="Q7" s="279">
        <v>0</v>
      </c>
      <c r="R7" s="280">
        <v>12</v>
      </c>
      <c r="S7" s="280">
        <v>23</v>
      </c>
      <c r="T7" s="280">
        <v>28</v>
      </c>
      <c r="U7" s="280">
        <v>31</v>
      </c>
      <c r="V7" s="280">
        <v>26</v>
      </c>
      <c r="W7" s="277">
        <v>120</v>
      </c>
      <c r="X7" s="282">
        <v>120</v>
      </c>
      <c r="Y7" s="276">
        <v>0</v>
      </c>
      <c r="Z7" s="280">
        <v>0</v>
      </c>
      <c r="AA7" s="277">
        <v>0</v>
      </c>
      <c r="AB7" s="279">
        <v>0</v>
      </c>
      <c r="AC7" s="280">
        <v>406</v>
      </c>
      <c r="AD7" s="280">
        <v>383</v>
      </c>
      <c r="AE7" s="280">
        <v>184</v>
      </c>
      <c r="AF7" s="280">
        <v>85</v>
      </c>
      <c r="AG7" s="280">
        <v>40</v>
      </c>
      <c r="AH7" s="277">
        <v>1098</v>
      </c>
      <c r="AI7" s="282">
        <v>1098</v>
      </c>
      <c r="AJ7" s="276">
        <v>1</v>
      </c>
      <c r="AK7" s="280">
        <v>0</v>
      </c>
      <c r="AL7" s="277">
        <v>1</v>
      </c>
      <c r="AM7" s="279">
        <v>0</v>
      </c>
      <c r="AN7" s="280">
        <v>35</v>
      </c>
      <c r="AO7" s="280">
        <v>45</v>
      </c>
      <c r="AP7" s="280">
        <v>39</v>
      </c>
      <c r="AQ7" s="280">
        <v>22</v>
      </c>
      <c r="AR7" s="280">
        <v>9</v>
      </c>
      <c r="AS7" s="277">
        <v>150</v>
      </c>
      <c r="AT7" s="282">
        <v>151</v>
      </c>
      <c r="AU7" s="276">
        <v>4</v>
      </c>
      <c r="AV7" s="280">
        <v>7</v>
      </c>
      <c r="AW7" s="277">
        <v>11</v>
      </c>
      <c r="AX7" s="279">
        <v>0</v>
      </c>
      <c r="AY7" s="280">
        <v>36</v>
      </c>
      <c r="AZ7" s="280">
        <v>31</v>
      </c>
      <c r="BA7" s="280">
        <v>27</v>
      </c>
      <c r="BB7" s="280">
        <v>20</v>
      </c>
      <c r="BC7" s="280">
        <v>6</v>
      </c>
      <c r="BD7" s="277">
        <v>120</v>
      </c>
      <c r="BE7" s="282">
        <v>131</v>
      </c>
      <c r="BF7" s="276">
        <v>0</v>
      </c>
      <c r="BG7" s="280">
        <v>0</v>
      </c>
      <c r="BH7" s="277">
        <v>0</v>
      </c>
      <c r="BI7" s="279">
        <v>0</v>
      </c>
      <c r="BJ7" s="280">
        <v>36</v>
      </c>
      <c r="BK7" s="280">
        <v>66</v>
      </c>
      <c r="BL7" s="280">
        <v>59</v>
      </c>
      <c r="BM7" s="280">
        <v>46</v>
      </c>
      <c r="BN7" s="280">
        <v>20</v>
      </c>
      <c r="BO7" s="281">
        <v>227</v>
      </c>
      <c r="BP7" s="282">
        <v>227</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5</v>
      </c>
      <c r="CI7" s="280">
        <v>3</v>
      </c>
      <c r="CJ7" s="280">
        <v>2</v>
      </c>
      <c r="CK7" s="277">
        <v>11</v>
      </c>
      <c r="CL7" s="282">
        <v>11</v>
      </c>
      <c r="CM7" s="276">
        <v>0</v>
      </c>
      <c r="CN7" s="280">
        <v>0</v>
      </c>
      <c r="CO7" s="277">
        <v>0</v>
      </c>
      <c r="CP7" s="279">
        <v>0</v>
      </c>
      <c r="CQ7" s="280">
        <v>5</v>
      </c>
      <c r="CR7" s="280">
        <v>3</v>
      </c>
      <c r="CS7" s="280">
        <v>6</v>
      </c>
      <c r="CT7" s="280">
        <v>10</v>
      </c>
      <c r="CU7" s="280">
        <v>21</v>
      </c>
      <c r="CV7" s="277">
        <v>45</v>
      </c>
      <c r="CW7" s="282">
        <v>45</v>
      </c>
    </row>
    <row r="8" spans="1:101" ht="21" customHeight="1" x14ac:dyDescent="0.2">
      <c r="B8" s="261" t="s">
        <v>6</v>
      </c>
      <c r="C8" s="276">
        <v>0</v>
      </c>
      <c r="D8" s="277">
        <v>0</v>
      </c>
      <c r="E8" s="278">
        <v>0</v>
      </c>
      <c r="F8" s="279">
        <v>0</v>
      </c>
      <c r="G8" s="280">
        <v>5</v>
      </c>
      <c r="H8" s="280">
        <v>5</v>
      </c>
      <c r="I8" s="280">
        <v>6</v>
      </c>
      <c r="J8" s="280">
        <v>7</v>
      </c>
      <c r="K8" s="280">
        <v>5</v>
      </c>
      <c r="L8" s="281">
        <v>28</v>
      </c>
      <c r="M8" s="282">
        <v>28</v>
      </c>
      <c r="N8" s="276">
        <v>0</v>
      </c>
      <c r="O8" s="280">
        <v>0</v>
      </c>
      <c r="P8" s="277">
        <v>0</v>
      </c>
      <c r="Q8" s="279">
        <v>0</v>
      </c>
      <c r="R8" s="280">
        <v>3</v>
      </c>
      <c r="S8" s="280">
        <v>7</v>
      </c>
      <c r="T8" s="280">
        <v>4</v>
      </c>
      <c r="U8" s="280">
        <v>5</v>
      </c>
      <c r="V8" s="280">
        <v>6</v>
      </c>
      <c r="W8" s="277">
        <v>25</v>
      </c>
      <c r="X8" s="282">
        <v>25</v>
      </c>
      <c r="Y8" s="276">
        <v>0</v>
      </c>
      <c r="Z8" s="280">
        <v>0</v>
      </c>
      <c r="AA8" s="277">
        <v>0</v>
      </c>
      <c r="AB8" s="279">
        <v>0</v>
      </c>
      <c r="AC8" s="280">
        <v>112</v>
      </c>
      <c r="AD8" s="280">
        <v>68</v>
      </c>
      <c r="AE8" s="280">
        <v>40</v>
      </c>
      <c r="AF8" s="280">
        <v>25</v>
      </c>
      <c r="AG8" s="280">
        <v>6</v>
      </c>
      <c r="AH8" s="277">
        <v>251</v>
      </c>
      <c r="AI8" s="282">
        <v>251</v>
      </c>
      <c r="AJ8" s="276">
        <v>0</v>
      </c>
      <c r="AK8" s="280">
        <v>0</v>
      </c>
      <c r="AL8" s="277">
        <v>0</v>
      </c>
      <c r="AM8" s="279">
        <v>0</v>
      </c>
      <c r="AN8" s="280">
        <v>17</v>
      </c>
      <c r="AO8" s="280">
        <v>15</v>
      </c>
      <c r="AP8" s="280">
        <v>11</v>
      </c>
      <c r="AQ8" s="280">
        <v>5</v>
      </c>
      <c r="AR8" s="280">
        <v>5</v>
      </c>
      <c r="AS8" s="277">
        <v>53</v>
      </c>
      <c r="AT8" s="282">
        <v>53</v>
      </c>
      <c r="AU8" s="276">
        <v>1</v>
      </c>
      <c r="AV8" s="280">
        <v>0</v>
      </c>
      <c r="AW8" s="277">
        <v>1</v>
      </c>
      <c r="AX8" s="279">
        <v>0</v>
      </c>
      <c r="AY8" s="280">
        <v>5</v>
      </c>
      <c r="AZ8" s="280">
        <v>10</v>
      </c>
      <c r="BA8" s="280">
        <v>5</v>
      </c>
      <c r="BB8" s="280">
        <v>10</v>
      </c>
      <c r="BC8" s="280">
        <v>2</v>
      </c>
      <c r="BD8" s="277">
        <v>32</v>
      </c>
      <c r="BE8" s="282">
        <v>33</v>
      </c>
      <c r="BF8" s="276">
        <v>0</v>
      </c>
      <c r="BG8" s="280">
        <v>0</v>
      </c>
      <c r="BH8" s="277">
        <v>0</v>
      </c>
      <c r="BI8" s="279">
        <v>0</v>
      </c>
      <c r="BJ8" s="280">
        <v>18</v>
      </c>
      <c r="BK8" s="280">
        <v>23</v>
      </c>
      <c r="BL8" s="280">
        <v>30</v>
      </c>
      <c r="BM8" s="280">
        <v>23</v>
      </c>
      <c r="BN8" s="280">
        <v>11</v>
      </c>
      <c r="BO8" s="281">
        <v>105</v>
      </c>
      <c r="BP8" s="282">
        <v>105</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0</v>
      </c>
      <c r="CG8" s="280">
        <v>0</v>
      </c>
      <c r="CH8" s="280">
        <v>7</v>
      </c>
      <c r="CI8" s="280">
        <v>4</v>
      </c>
      <c r="CJ8" s="280">
        <v>2</v>
      </c>
      <c r="CK8" s="277">
        <v>13</v>
      </c>
      <c r="CL8" s="282">
        <v>13</v>
      </c>
      <c r="CM8" s="276">
        <v>0</v>
      </c>
      <c r="CN8" s="280">
        <v>0</v>
      </c>
      <c r="CO8" s="277">
        <v>0</v>
      </c>
      <c r="CP8" s="279">
        <v>0</v>
      </c>
      <c r="CQ8" s="280">
        <v>5</v>
      </c>
      <c r="CR8" s="280">
        <v>3</v>
      </c>
      <c r="CS8" s="280">
        <v>4</v>
      </c>
      <c r="CT8" s="280">
        <v>8</v>
      </c>
      <c r="CU8" s="280">
        <v>6</v>
      </c>
      <c r="CV8" s="277">
        <v>26</v>
      </c>
      <c r="CW8" s="282">
        <v>26</v>
      </c>
    </row>
    <row r="9" spans="1:101" ht="21" customHeight="1" x14ac:dyDescent="0.2">
      <c r="B9" s="261" t="s">
        <v>14</v>
      </c>
      <c r="C9" s="276">
        <v>0</v>
      </c>
      <c r="D9" s="277">
        <v>0</v>
      </c>
      <c r="E9" s="278">
        <v>0</v>
      </c>
      <c r="F9" s="279">
        <v>0</v>
      </c>
      <c r="G9" s="280">
        <v>2</v>
      </c>
      <c r="H9" s="280">
        <v>2</v>
      </c>
      <c r="I9" s="280">
        <v>0</v>
      </c>
      <c r="J9" s="280">
        <v>3</v>
      </c>
      <c r="K9" s="280">
        <v>1</v>
      </c>
      <c r="L9" s="281">
        <v>8</v>
      </c>
      <c r="M9" s="282">
        <v>8</v>
      </c>
      <c r="N9" s="276">
        <v>0</v>
      </c>
      <c r="O9" s="280">
        <v>0</v>
      </c>
      <c r="P9" s="277">
        <v>0</v>
      </c>
      <c r="Q9" s="279">
        <v>0</v>
      </c>
      <c r="R9" s="280">
        <v>0</v>
      </c>
      <c r="S9" s="280">
        <v>0</v>
      </c>
      <c r="T9" s="280">
        <v>0</v>
      </c>
      <c r="U9" s="280">
        <v>0</v>
      </c>
      <c r="V9" s="280">
        <v>0</v>
      </c>
      <c r="W9" s="277">
        <v>0</v>
      </c>
      <c r="X9" s="282">
        <v>0</v>
      </c>
      <c r="Y9" s="276">
        <v>0</v>
      </c>
      <c r="Z9" s="280">
        <v>0</v>
      </c>
      <c r="AA9" s="277">
        <v>0</v>
      </c>
      <c r="AB9" s="279">
        <v>0</v>
      </c>
      <c r="AC9" s="280">
        <v>75</v>
      </c>
      <c r="AD9" s="280">
        <v>68</v>
      </c>
      <c r="AE9" s="280">
        <v>40</v>
      </c>
      <c r="AF9" s="280">
        <v>8</v>
      </c>
      <c r="AG9" s="280">
        <v>6</v>
      </c>
      <c r="AH9" s="277">
        <v>197</v>
      </c>
      <c r="AI9" s="282">
        <v>197</v>
      </c>
      <c r="AJ9" s="276">
        <v>0</v>
      </c>
      <c r="AK9" s="280">
        <v>0</v>
      </c>
      <c r="AL9" s="277">
        <v>0</v>
      </c>
      <c r="AM9" s="279">
        <v>0</v>
      </c>
      <c r="AN9" s="280">
        <v>1</v>
      </c>
      <c r="AO9" s="280">
        <v>4</v>
      </c>
      <c r="AP9" s="280">
        <v>1</v>
      </c>
      <c r="AQ9" s="280">
        <v>1</v>
      </c>
      <c r="AR9" s="280">
        <v>0</v>
      </c>
      <c r="AS9" s="277">
        <v>7</v>
      </c>
      <c r="AT9" s="282">
        <v>7</v>
      </c>
      <c r="AU9" s="276">
        <v>1</v>
      </c>
      <c r="AV9" s="280">
        <v>1</v>
      </c>
      <c r="AW9" s="277">
        <v>2</v>
      </c>
      <c r="AX9" s="279">
        <v>0</v>
      </c>
      <c r="AY9" s="280">
        <v>9</v>
      </c>
      <c r="AZ9" s="280">
        <v>5</v>
      </c>
      <c r="BA9" s="280">
        <v>5</v>
      </c>
      <c r="BB9" s="280">
        <v>5</v>
      </c>
      <c r="BC9" s="280">
        <v>3</v>
      </c>
      <c r="BD9" s="277">
        <v>27</v>
      </c>
      <c r="BE9" s="282">
        <v>29</v>
      </c>
      <c r="BF9" s="276">
        <v>0</v>
      </c>
      <c r="BG9" s="280">
        <v>0</v>
      </c>
      <c r="BH9" s="277">
        <v>0</v>
      </c>
      <c r="BI9" s="279">
        <v>0</v>
      </c>
      <c r="BJ9" s="280">
        <v>7</v>
      </c>
      <c r="BK9" s="280">
        <v>10</v>
      </c>
      <c r="BL9" s="280">
        <v>16</v>
      </c>
      <c r="BM9" s="280">
        <v>15</v>
      </c>
      <c r="BN9" s="280">
        <v>9</v>
      </c>
      <c r="BO9" s="281">
        <v>57</v>
      </c>
      <c r="BP9" s="282">
        <v>57</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0</v>
      </c>
      <c r="CH9" s="280">
        <v>1</v>
      </c>
      <c r="CI9" s="280">
        <v>1</v>
      </c>
      <c r="CJ9" s="280">
        <v>0</v>
      </c>
      <c r="CK9" s="277">
        <v>2</v>
      </c>
      <c r="CL9" s="282">
        <v>2</v>
      </c>
      <c r="CM9" s="276">
        <v>0</v>
      </c>
      <c r="CN9" s="280">
        <v>0</v>
      </c>
      <c r="CO9" s="277">
        <v>0</v>
      </c>
      <c r="CP9" s="279">
        <v>0</v>
      </c>
      <c r="CQ9" s="280">
        <v>1</v>
      </c>
      <c r="CR9" s="280">
        <v>2</v>
      </c>
      <c r="CS9" s="280">
        <v>1</v>
      </c>
      <c r="CT9" s="280">
        <v>2</v>
      </c>
      <c r="CU9" s="280">
        <v>2</v>
      </c>
      <c r="CV9" s="277">
        <v>8</v>
      </c>
      <c r="CW9" s="282">
        <v>8</v>
      </c>
    </row>
    <row r="10" spans="1:101" ht="21" customHeight="1" x14ac:dyDescent="0.2">
      <c r="B10" s="261" t="s">
        <v>7</v>
      </c>
      <c r="C10" s="276">
        <v>0</v>
      </c>
      <c r="D10" s="277">
        <v>0</v>
      </c>
      <c r="E10" s="278">
        <v>0</v>
      </c>
      <c r="F10" s="279">
        <v>0</v>
      </c>
      <c r="G10" s="280">
        <v>0</v>
      </c>
      <c r="H10" s="280">
        <v>0</v>
      </c>
      <c r="I10" s="280">
        <v>0</v>
      </c>
      <c r="J10" s="280">
        <v>0</v>
      </c>
      <c r="K10" s="280">
        <v>0</v>
      </c>
      <c r="L10" s="281">
        <v>0</v>
      </c>
      <c r="M10" s="282">
        <v>0</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94</v>
      </c>
      <c r="AD10" s="280">
        <v>46</v>
      </c>
      <c r="AE10" s="280">
        <v>17</v>
      </c>
      <c r="AF10" s="280">
        <v>6</v>
      </c>
      <c r="AG10" s="280">
        <v>5</v>
      </c>
      <c r="AH10" s="277">
        <v>168</v>
      </c>
      <c r="AI10" s="282">
        <v>168</v>
      </c>
      <c r="AJ10" s="276">
        <v>0</v>
      </c>
      <c r="AK10" s="280">
        <v>0</v>
      </c>
      <c r="AL10" s="277">
        <v>0</v>
      </c>
      <c r="AM10" s="279">
        <v>0</v>
      </c>
      <c r="AN10" s="280">
        <v>9</v>
      </c>
      <c r="AO10" s="280">
        <v>15</v>
      </c>
      <c r="AP10" s="280">
        <v>7</v>
      </c>
      <c r="AQ10" s="280">
        <v>4</v>
      </c>
      <c r="AR10" s="280">
        <v>1</v>
      </c>
      <c r="AS10" s="277">
        <v>36</v>
      </c>
      <c r="AT10" s="282">
        <v>36</v>
      </c>
      <c r="AU10" s="276">
        <v>1</v>
      </c>
      <c r="AV10" s="280">
        <v>0</v>
      </c>
      <c r="AW10" s="277">
        <v>1</v>
      </c>
      <c r="AX10" s="279">
        <v>0</v>
      </c>
      <c r="AY10" s="280">
        <v>3</v>
      </c>
      <c r="AZ10" s="280">
        <v>5</v>
      </c>
      <c r="BA10" s="280">
        <v>0</v>
      </c>
      <c r="BB10" s="280">
        <v>1</v>
      </c>
      <c r="BC10" s="280">
        <v>0</v>
      </c>
      <c r="BD10" s="277">
        <v>9</v>
      </c>
      <c r="BE10" s="282">
        <v>10</v>
      </c>
      <c r="BF10" s="276">
        <v>0</v>
      </c>
      <c r="BG10" s="280">
        <v>0</v>
      </c>
      <c r="BH10" s="277">
        <v>0</v>
      </c>
      <c r="BI10" s="279">
        <v>0</v>
      </c>
      <c r="BJ10" s="280">
        <v>11</v>
      </c>
      <c r="BK10" s="280">
        <v>3</v>
      </c>
      <c r="BL10" s="280">
        <v>14</v>
      </c>
      <c r="BM10" s="280">
        <v>10</v>
      </c>
      <c r="BN10" s="280">
        <v>3</v>
      </c>
      <c r="BO10" s="281">
        <v>41</v>
      </c>
      <c r="BP10" s="282">
        <v>41</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1</v>
      </c>
      <c r="CR10" s="280">
        <v>1</v>
      </c>
      <c r="CS10" s="280">
        <v>1</v>
      </c>
      <c r="CT10" s="280">
        <v>2</v>
      </c>
      <c r="CU10" s="280">
        <v>1</v>
      </c>
      <c r="CV10" s="277">
        <v>6</v>
      </c>
      <c r="CW10" s="282">
        <v>6</v>
      </c>
    </row>
    <row r="11" spans="1:101" ht="21" customHeight="1" x14ac:dyDescent="0.2">
      <c r="B11" s="261" t="s">
        <v>8</v>
      </c>
      <c r="C11" s="276">
        <v>0</v>
      </c>
      <c r="D11" s="277">
        <v>0</v>
      </c>
      <c r="E11" s="278">
        <v>0</v>
      </c>
      <c r="F11" s="279">
        <v>0</v>
      </c>
      <c r="G11" s="280">
        <v>0</v>
      </c>
      <c r="H11" s="280">
        <v>0</v>
      </c>
      <c r="I11" s="280">
        <v>0</v>
      </c>
      <c r="J11" s="280">
        <v>2</v>
      </c>
      <c r="K11" s="280">
        <v>0</v>
      </c>
      <c r="L11" s="281">
        <v>2</v>
      </c>
      <c r="M11" s="282">
        <v>2</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42</v>
      </c>
      <c r="AD11" s="280">
        <v>29</v>
      </c>
      <c r="AE11" s="280">
        <v>12</v>
      </c>
      <c r="AF11" s="280">
        <v>3</v>
      </c>
      <c r="AG11" s="280">
        <v>2</v>
      </c>
      <c r="AH11" s="277">
        <v>88</v>
      </c>
      <c r="AI11" s="282">
        <v>88</v>
      </c>
      <c r="AJ11" s="276">
        <v>0</v>
      </c>
      <c r="AK11" s="280">
        <v>0</v>
      </c>
      <c r="AL11" s="277">
        <v>0</v>
      </c>
      <c r="AM11" s="279">
        <v>0</v>
      </c>
      <c r="AN11" s="280">
        <v>0</v>
      </c>
      <c r="AO11" s="280">
        <v>0</v>
      </c>
      <c r="AP11" s="280">
        <v>0</v>
      </c>
      <c r="AQ11" s="280">
        <v>0</v>
      </c>
      <c r="AR11" s="280">
        <v>1</v>
      </c>
      <c r="AS11" s="277">
        <v>1</v>
      </c>
      <c r="AT11" s="282">
        <v>1</v>
      </c>
      <c r="AU11" s="276">
        <v>1</v>
      </c>
      <c r="AV11" s="280">
        <v>1</v>
      </c>
      <c r="AW11" s="277">
        <v>2</v>
      </c>
      <c r="AX11" s="279">
        <v>0</v>
      </c>
      <c r="AY11" s="280">
        <v>3</v>
      </c>
      <c r="AZ11" s="280">
        <v>2</v>
      </c>
      <c r="BA11" s="280">
        <v>2</v>
      </c>
      <c r="BB11" s="280">
        <v>1</v>
      </c>
      <c r="BC11" s="280">
        <v>0</v>
      </c>
      <c r="BD11" s="277">
        <v>8</v>
      </c>
      <c r="BE11" s="282">
        <v>10</v>
      </c>
      <c r="BF11" s="276">
        <v>0</v>
      </c>
      <c r="BG11" s="280">
        <v>0</v>
      </c>
      <c r="BH11" s="277">
        <v>0</v>
      </c>
      <c r="BI11" s="279">
        <v>0</v>
      </c>
      <c r="BJ11" s="280">
        <v>4</v>
      </c>
      <c r="BK11" s="280">
        <v>4</v>
      </c>
      <c r="BL11" s="280">
        <v>2</v>
      </c>
      <c r="BM11" s="280">
        <v>4</v>
      </c>
      <c r="BN11" s="280">
        <v>0</v>
      </c>
      <c r="BO11" s="281">
        <v>14</v>
      </c>
      <c r="BP11" s="282">
        <v>14</v>
      </c>
      <c r="BQ11" s="276">
        <v>0</v>
      </c>
      <c r="BR11" s="280">
        <v>0</v>
      </c>
      <c r="BS11" s="277">
        <v>0</v>
      </c>
      <c r="BT11" s="279">
        <v>0</v>
      </c>
      <c r="BU11" s="280">
        <v>0</v>
      </c>
      <c r="BV11" s="280">
        <v>0</v>
      </c>
      <c r="BW11" s="280">
        <v>1</v>
      </c>
      <c r="BX11" s="280">
        <v>2</v>
      </c>
      <c r="BY11" s="280">
        <v>0</v>
      </c>
      <c r="BZ11" s="277">
        <v>3</v>
      </c>
      <c r="CA11" s="282">
        <v>3</v>
      </c>
      <c r="CB11" s="276">
        <v>0</v>
      </c>
      <c r="CC11" s="280">
        <v>0</v>
      </c>
      <c r="CD11" s="277">
        <v>0</v>
      </c>
      <c r="CE11" s="279">
        <v>0</v>
      </c>
      <c r="CF11" s="280">
        <v>0</v>
      </c>
      <c r="CG11" s="280">
        <v>0</v>
      </c>
      <c r="CH11" s="280">
        <v>0</v>
      </c>
      <c r="CI11" s="280">
        <v>1</v>
      </c>
      <c r="CJ11" s="280">
        <v>0</v>
      </c>
      <c r="CK11" s="277">
        <v>1</v>
      </c>
      <c r="CL11" s="282">
        <v>1</v>
      </c>
      <c r="CM11" s="276">
        <v>0</v>
      </c>
      <c r="CN11" s="280">
        <v>0</v>
      </c>
      <c r="CO11" s="277">
        <v>0</v>
      </c>
      <c r="CP11" s="279">
        <v>0</v>
      </c>
      <c r="CQ11" s="280">
        <v>3</v>
      </c>
      <c r="CR11" s="280">
        <v>0</v>
      </c>
      <c r="CS11" s="280">
        <v>2</v>
      </c>
      <c r="CT11" s="280">
        <v>1</v>
      </c>
      <c r="CU11" s="280">
        <v>2</v>
      </c>
      <c r="CV11" s="277">
        <v>8</v>
      </c>
      <c r="CW11" s="282">
        <v>8</v>
      </c>
    </row>
    <row r="12" spans="1:101" ht="21" customHeight="1" x14ac:dyDescent="0.2">
      <c r="B12" s="261" t="s">
        <v>9</v>
      </c>
      <c r="C12" s="276">
        <v>0</v>
      </c>
      <c r="D12" s="277">
        <v>0</v>
      </c>
      <c r="E12" s="278">
        <v>0</v>
      </c>
      <c r="F12" s="279">
        <v>0</v>
      </c>
      <c r="G12" s="280">
        <v>0</v>
      </c>
      <c r="H12" s="280">
        <v>0</v>
      </c>
      <c r="I12" s="280">
        <v>0</v>
      </c>
      <c r="J12" s="280">
        <v>0</v>
      </c>
      <c r="K12" s="280">
        <v>0</v>
      </c>
      <c r="L12" s="281">
        <v>0</v>
      </c>
      <c r="M12" s="282">
        <v>0</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4</v>
      </c>
      <c r="AD12" s="280">
        <v>28</v>
      </c>
      <c r="AE12" s="280">
        <v>12</v>
      </c>
      <c r="AF12" s="280">
        <v>13</v>
      </c>
      <c r="AG12" s="280">
        <v>3</v>
      </c>
      <c r="AH12" s="277">
        <v>100</v>
      </c>
      <c r="AI12" s="282">
        <v>100</v>
      </c>
      <c r="AJ12" s="276">
        <v>0</v>
      </c>
      <c r="AK12" s="280">
        <v>0</v>
      </c>
      <c r="AL12" s="277">
        <v>0</v>
      </c>
      <c r="AM12" s="279">
        <v>0</v>
      </c>
      <c r="AN12" s="280">
        <v>0</v>
      </c>
      <c r="AO12" s="280">
        <v>2</v>
      </c>
      <c r="AP12" s="280">
        <v>1</v>
      </c>
      <c r="AQ12" s="280">
        <v>1</v>
      </c>
      <c r="AR12" s="280">
        <v>0</v>
      </c>
      <c r="AS12" s="277">
        <v>4</v>
      </c>
      <c r="AT12" s="282">
        <v>4</v>
      </c>
      <c r="AU12" s="276">
        <v>1</v>
      </c>
      <c r="AV12" s="280">
        <v>0</v>
      </c>
      <c r="AW12" s="277">
        <v>1</v>
      </c>
      <c r="AX12" s="279">
        <v>0</v>
      </c>
      <c r="AY12" s="280">
        <v>3</v>
      </c>
      <c r="AZ12" s="280">
        <v>2</v>
      </c>
      <c r="BA12" s="280">
        <v>2</v>
      </c>
      <c r="BB12" s="280">
        <v>1</v>
      </c>
      <c r="BC12" s="280">
        <v>0</v>
      </c>
      <c r="BD12" s="277">
        <v>8</v>
      </c>
      <c r="BE12" s="282">
        <v>9</v>
      </c>
      <c r="BF12" s="276">
        <v>0</v>
      </c>
      <c r="BG12" s="280">
        <v>0</v>
      </c>
      <c r="BH12" s="277">
        <v>0</v>
      </c>
      <c r="BI12" s="279">
        <v>0</v>
      </c>
      <c r="BJ12" s="280">
        <v>4</v>
      </c>
      <c r="BK12" s="280">
        <v>3</v>
      </c>
      <c r="BL12" s="280">
        <v>4</v>
      </c>
      <c r="BM12" s="280">
        <v>3</v>
      </c>
      <c r="BN12" s="280">
        <v>5</v>
      </c>
      <c r="BO12" s="281">
        <v>19</v>
      </c>
      <c r="BP12" s="282">
        <v>19</v>
      </c>
      <c r="BQ12" s="276">
        <v>0</v>
      </c>
      <c r="BR12" s="280">
        <v>0</v>
      </c>
      <c r="BS12" s="277">
        <v>0</v>
      </c>
      <c r="BT12" s="279">
        <v>0</v>
      </c>
      <c r="BU12" s="280">
        <v>2</v>
      </c>
      <c r="BV12" s="280">
        <v>0</v>
      </c>
      <c r="BW12" s="280">
        <v>0</v>
      </c>
      <c r="BX12" s="280">
        <v>0</v>
      </c>
      <c r="BY12" s="280">
        <v>0</v>
      </c>
      <c r="BZ12" s="277">
        <v>2</v>
      </c>
      <c r="CA12" s="282">
        <v>2</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3</v>
      </c>
      <c r="CT12" s="280">
        <v>0</v>
      </c>
      <c r="CU12" s="280">
        <v>1</v>
      </c>
      <c r="CV12" s="277">
        <v>5</v>
      </c>
      <c r="CW12" s="282">
        <v>5</v>
      </c>
    </row>
    <row r="13" spans="1:101" ht="21" customHeight="1" x14ac:dyDescent="0.2">
      <c r="B13" s="261" t="s">
        <v>10</v>
      </c>
      <c r="C13" s="276">
        <v>0</v>
      </c>
      <c r="D13" s="277">
        <v>0</v>
      </c>
      <c r="E13" s="278">
        <v>0</v>
      </c>
      <c r="F13" s="279">
        <v>0</v>
      </c>
      <c r="G13" s="280">
        <v>4</v>
      </c>
      <c r="H13" s="280">
        <v>2</v>
      </c>
      <c r="I13" s="280">
        <v>0</v>
      </c>
      <c r="J13" s="280">
        <v>1</v>
      </c>
      <c r="K13" s="280">
        <v>1</v>
      </c>
      <c r="L13" s="281">
        <v>8</v>
      </c>
      <c r="M13" s="282">
        <v>8</v>
      </c>
      <c r="N13" s="276">
        <v>0</v>
      </c>
      <c r="O13" s="280">
        <v>0</v>
      </c>
      <c r="P13" s="277">
        <v>0</v>
      </c>
      <c r="Q13" s="279">
        <v>0</v>
      </c>
      <c r="R13" s="280">
        <v>1</v>
      </c>
      <c r="S13" s="280">
        <v>1</v>
      </c>
      <c r="T13" s="280">
        <v>3</v>
      </c>
      <c r="U13" s="280">
        <v>1</v>
      </c>
      <c r="V13" s="280">
        <v>0</v>
      </c>
      <c r="W13" s="277">
        <v>6</v>
      </c>
      <c r="X13" s="282">
        <v>6</v>
      </c>
      <c r="Y13" s="276">
        <v>0</v>
      </c>
      <c r="Z13" s="280">
        <v>0</v>
      </c>
      <c r="AA13" s="277">
        <v>0</v>
      </c>
      <c r="AB13" s="279">
        <v>0</v>
      </c>
      <c r="AC13" s="280">
        <v>49</v>
      </c>
      <c r="AD13" s="280">
        <v>24</v>
      </c>
      <c r="AE13" s="280">
        <v>6</v>
      </c>
      <c r="AF13" s="280">
        <v>4</v>
      </c>
      <c r="AG13" s="280">
        <v>1</v>
      </c>
      <c r="AH13" s="277">
        <v>84</v>
      </c>
      <c r="AI13" s="282">
        <v>84</v>
      </c>
      <c r="AJ13" s="276">
        <v>0</v>
      </c>
      <c r="AK13" s="280">
        <v>0</v>
      </c>
      <c r="AL13" s="277">
        <v>0</v>
      </c>
      <c r="AM13" s="279">
        <v>0</v>
      </c>
      <c r="AN13" s="280">
        <v>2</v>
      </c>
      <c r="AO13" s="280">
        <v>2</v>
      </c>
      <c r="AP13" s="280">
        <v>3</v>
      </c>
      <c r="AQ13" s="280">
        <v>0</v>
      </c>
      <c r="AR13" s="280">
        <v>1</v>
      </c>
      <c r="AS13" s="277">
        <v>8</v>
      </c>
      <c r="AT13" s="282">
        <v>8</v>
      </c>
      <c r="AU13" s="276">
        <v>0</v>
      </c>
      <c r="AV13" s="280">
        <v>0</v>
      </c>
      <c r="AW13" s="277">
        <v>0</v>
      </c>
      <c r="AX13" s="279">
        <v>0</v>
      </c>
      <c r="AY13" s="280">
        <v>1</v>
      </c>
      <c r="AZ13" s="280">
        <v>7</v>
      </c>
      <c r="BA13" s="280">
        <v>3</v>
      </c>
      <c r="BB13" s="280">
        <v>4</v>
      </c>
      <c r="BC13" s="280">
        <v>1</v>
      </c>
      <c r="BD13" s="277">
        <v>16</v>
      </c>
      <c r="BE13" s="282">
        <v>16</v>
      </c>
      <c r="BF13" s="276">
        <v>0</v>
      </c>
      <c r="BG13" s="280">
        <v>1</v>
      </c>
      <c r="BH13" s="277">
        <v>1</v>
      </c>
      <c r="BI13" s="279">
        <v>0</v>
      </c>
      <c r="BJ13" s="280">
        <v>4</v>
      </c>
      <c r="BK13" s="280">
        <v>12</v>
      </c>
      <c r="BL13" s="280">
        <v>6</v>
      </c>
      <c r="BM13" s="280">
        <v>6</v>
      </c>
      <c r="BN13" s="280">
        <v>3</v>
      </c>
      <c r="BO13" s="281">
        <v>31</v>
      </c>
      <c r="BP13" s="282">
        <v>32</v>
      </c>
      <c r="BQ13" s="276">
        <v>0</v>
      </c>
      <c r="BR13" s="280">
        <v>0</v>
      </c>
      <c r="BS13" s="277">
        <v>0</v>
      </c>
      <c r="BT13" s="279">
        <v>0</v>
      </c>
      <c r="BU13" s="280">
        <v>2</v>
      </c>
      <c r="BV13" s="280">
        <v>3</v>
      </c>
      <c r="BW13" s="280">
        <v>2</v>
      </c>
      <c r="BX13" s="280">
        <v>1</v>
      </c>
      <c r="BY13" s="280">
        <v>3</v>
      </c>
      <c r="BZ13" s="277">
        <v>11</v>
      </c>
      <c r="CA13" s="282">
        <v>11</v>
      </c>
      <c r="CB13" s="276">
        <v>0</v>
      </c>
      <c r="CC13" s="280">
        <v>0</v>
      </c>
      <c r="CD13" s="277">
        <v>0</v>
      </c>
      <c r="CE13" s="279">
        <v>0</v>
      </c>
      <c r="CF13" s="280">
        <v>0</v>
      </c>
      <c r="CG13" s="280">
        <v>1</v>
      </c>
      <c r="CH13" s="280">
        <v>1</v>
      </c>
      <c r="CI13" s="280">
        <v>1</v>
      </c>
      <c r="CJ13" s="280">
        <v>4</v>
      </c>
      <c r="CK13" s="277">
        <v>7</v>
      </c>
      <c r="CL13" s="282">
        <v>7</v>
      </c>
      <c r="CM13" s="276">
        <v>0</v>
      </c>
      <c r="CN13" s="280">
        <v>0</v>
      </c>
      <c r="CO13" s="277">
        <v>0</v>
      </c>
      <c r="CP13" s="279">
        <v>0</v>
      </c>
      <c r="CQ13" s="280">
        <v>2</v>
      </c>
      <c r="CR13" s="280">
        <v>3</v>
      </c>
      <c r="CS13" s="280">
        <v>4</v>
      </c>
      <c r="CT13" s="280">
        <v>3</v>
      </c>
      <c r="CU13" s="280">
        <v>1</v>
      </c>
      <c r="CV13" s="277">
        <v>13</v>
      </c>
      <c r="CW13" s="282">
        <v>13</v>
      </c>
    </row>
    <row r="14" spans="1:101" ht="21" customHeight="1" x14ac:dyDescent="0.2">
      <c r="B14" s="261" t="s">
        <v>11</v>
      </c>
      <c r="C14" s="276">
        <v>0</v>
      </c>
      <c r="D14" s="277">
        <v>0</v>
      </c>
      <c r="E14" s="278">
        <v>0</v>
      </c>
      <c r="F14" s="279">
        <v>0</v>
      </c>
      <c r="G14" s="280">
        <v>1</v>
      </c>
      <c r="H14" s="280">
        <v>1</v>
      </c>
      <c r="I14" s="280">
        <v>2</v>
      </c>
      <c r="J14" s="280">
        <v>0</v>
      </c>
      <c r="K14" s="280">
        <v>0</v>
      </c>
      <c r="L14" s="281">
        <v>4</v>
      </c>
      <c r="M14" s="282">
        <v>4</v>
      </c>
      <c r="N14" s="276">
        <v>0</v>
      </c>
      <c r="O14" s="280">
        <v>0</v>
      </c>
      <c r="P14" s="277">
        <v>0</v>
      </c>
      <c r="Q14" s="279">
        <v>0</v>
      </c>
      <c r="R14" s="280">
        <v>0</v>
      </c>
      <c r="S14" s="280">
        <v>0</v>
      </c>
      <c r="T14" s="280">
        <v>0</v>
      </c>
      <c r="U14" s="280">
        <v>1</v>
      </c>
      <c r="V14" s="280">
        <v>0</v>
      </c>
      <c r="W14" s="277">
        <v>1</v>
      </c>
      <c r="X14" s="282">
        <v>1</v>
      </c>
      <c r="Y14" s="276">
        <v>0</v>
      </c>
      <c r="Z14" s="280">
        <v>0</v>
      </c>
      <c r="AA14" s="277">
        <v>0</v>
      </c>
      <c r="AB14" s="279">
        <v>0</v>
      </c>
      <c r="AC14" s="280">
        <v>20</v>
      </c>
      <c r="AD14" s="280">
        <v>7</v>
      </c>
      <c r="AE14" s="280">
        <v>9</v>
      </c>
      <c r="AF14" s="280">
        <v>4</v>
      </c>
      <c r="AG14" s="280">
        <v>2</v>
      </c>
      <c r="AH14" s="277">
        <v>42</v>
      </c>
      <c r="AI14" s="282">
        <v>42</v>
      </c>
      <c r="AJ14" s="276">
        <v>0</v>
      </c>
      <c r="AK14" s="280">
        <v>0</v>
      </c>
      <c r="AL14" s="277">
        <v>0</v>
      </c>
      <c r="AM14" s="279">
        <v>0</v>
      </c>
      <c r="AN14" s="280">
        <v>1</v>
      </c>
      <c r="AO14" s="280">
        <v>2</v>
      </c>
      <c r="AP14" s="280">
        <v>2</v>
      </c>
      <c r="AQ14" s="280">
        <v>0</v>
      </c>
      <c r="AR14" s="280">
        <v>0</v>
      </c>
      <c r="AS14" s="277">
        <v>5</v>
      </c>
      <c r="AT14" s="282">
        <v>5</v>
      </c>
      <c r="AU14" s="276">
        <v>0</v>
      </c>
      <c r="AV14" s="280">
        <v>0</v>
      </c>
      <c r="AW14" s="277">
        <v>0</v>
      </c>
      <c r="AX14" s="279">
        <v>0</v>
      </c>
      <c r="AY14" s="280">
        <v>1</v>
      </c>
      <c r="AZ14" s="280">
        <v>3</v>
      </c>
      <c r="BA14" s="280">
        <v>3</v>
      </c>
      <c r="BB14" s="280">
        <v>1</v>
      </c>
      <c r="BC14" s="280">
        <v>0</v>
      </c>
      <c r="BD14" s="277">
        <v>8</v>
      </c>
      <c r="BE14" s="282">
        <v>8</v>
      </c>
      <c r="BF14" s="276">
        <v>0</v>
      </c>
      <c r="BG14" s="280">
        <v>0</v>
      </c>
      <c r="BH14" s="277">
        <v>0</v>
      </c>
      <c r="BI14" s="279">
        <v>0</v>
      </c>
      <c r="BJ14" s="280">
        <v>0</v>
      </c>
      <c r="BK14" s="280">
        <v>1</v>
      </c>
      <c r="BL14" s="280">
        <v>4</v>
      </c>
      <c r="BM14" s="280">
        <v>4</v>
      </c>
      <c r="BN14" s="280">
        <v>0</v>
      </c>
      <c r="BO14" s="281">
        <v>9</v>
      </c>
      <c r="BP14" s="282">
        <v>9</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1</v>
      </c>
      <c r="CS14" s="280">
        <v>0</v>
      </c>
      <c r="CT14" s="280">
        <v>1</v>
      </c>
      <c r="CU14" s="280">
        <v>0</v>
      </c>
      <c r="CV14" s="277">
        <v>2</v>
      </c>
      <c r="CW14" s="282">
        <v>2</v>
      </c>
    </row>
    <row r="15" spans="1:101" ht="21" customHeight="1" x14ac:dyDescent="0.2">
      <c r="B15" s="261" t="s">
        <v>12</v>
      </c>
      <c r="C15" s="276">
        <v>0</v>
      </c>
      <c r="D15" s="277">
        <v>0</v>
      </c>
      <c r="E15" s="278">
        <v>0</v>
      </c>
      <c r="F15" s="279">
        <v>0</v>
      </c>
      <c r="G15" s="280">
        <v>1</v>
      </c>
      <c r="H15" s="280">
        <v>1</v>
      </c>
      <c r="I15" s="280">
        <v>0</v>
      </c>
      <c r="J15" s="280">
        <v>1</v>
      </c>
      <c r="K15" s="280">
        <v>0</v>
      </c>
      <c r="L15" s="281">
        <v>3</v>
      </c>
      <c r="M15" s="282">
        <v>3</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29</v>
      </c>
      <c r="AD15" s="280">
        <v>23</v>
      </c>
      <c r="AE15" s="280">
        <v>18</v>
      </c>
      <c r="AF15" s="280">
        <v>1</v>
      </c>
      <c r="AG15" s="280">
        <v>1</v>
      </c>
      <c r="AH15" s="277">
        <v>72</v>
      </c>
      <c r="AI15" s="282">
        <v>72</v>
      </c>
      <c r="AJ15" s="276">
        <v>0</v>
      </c>
      <c r="AK15" s="280">
        <v>0</v>
      </c>
      <c r="AL15" s="277">
        <v>0</v>
      </c>
      <c r="AM15" s="279">
        <v>0</v>
      </c>
      <c r="AN15" s="280">
        <v>0</v>
      </c>
      <c r="AO15" s="280">
        <v>0</v>
      </c>
      <c r="AP15" s="280">
        <v>0</v>
      </c>
      <c r="AQ15" s="280">
        <v>0</v>
      </c>
      <c r="AR15" s="280">
        <v>0</v>
      </c>
      <c r="AS15" s="277">
        <v>0</v>
      </c>
      <c r="AT15" s="282">
        <v>0</v>
      </c>
      <c r="AU15" s="276">
        <v>0</v>
      </c>
      <c r="AV15" s="280">
        <v>0</v>
      </c>
      <c r="AW15" s="277">
        <v>0</v>
      </c>
      <c r="AX15" s="279">
        <v>0</v>
      </c>
      <c r="AY15" s="280">
        <v>2</v>
      </c>
      <c r="AZ15" s="280">
        <v>1</v>
      </c>
      <c r="BA15" s="280">
        <v>6</v>
      </c>
      <c r="BB15" s="280">
        <v>4</v>
      </c>
      <c r="BC15" s="280">
        <v>2</v>
      </c>
      <c r="BD15" s="277">
        <v>15</v>
      </c>
      <c r="BE15" s="282">
        <v>15</v>
      </c>
      <c r="BF15" s="276">
        <v>0</v>
      </c>
      <c r="BG15" s="280">
        <v>0</v>
      </c>
      <c r="BH15" s="277">
        <v>0</v>
      </c>
      <c r="BI15" s="279">
        <v>0</v>
      </c>
      <c r="BJ15" s="280">
        <v>5</v>
      </c>
      <c r="BK15" s="280">
        <v>2</v>
      </c>
      <c r="BL15" s="280">
        <v>3</v>
      </c>
      <c r="BM15" s="280">
        <v>2</v>
      </c>
      <c r="BN15" s="280">
        <v>2</v>
      </c>
      <c r="BO15" s="281">
        <v>14</v>
      </c>
      <c r="BP15" s="282">
        <v>14</v>
      </c>
      <c r="BQ15" s="276">
        <v>0</v>
      </c>
      <c r="BR15" s="280">
        <v>0</v>
      </c>
      <c r="BS15" s="277">
        <v>0</v>
      </c>
      <c r="BT15" s="279">
        <v>0</v>
      </c>
      <c r="BU15" s="280">
        <v>0</v>
      </c>
      <c r="BV15" s="280">
        <v>4</v>
      </c>
      <c r="BW15" s="280">
        <v>0</v>
      </c>
      <c r="BX15" s="280">
        <v>2</v>
      </c>
      <c r="BY15" s="280">
        <v>0</v>
      </c>
      <c r="BZ15" s="277">
        <v>6</v>
      </c>
      <c r="CA15" s="282">
        <v>6</v>
      </c>
      <c r="CB15" s="276">
        <v>0</v>
      </c>
      <c r="CC15" s="280">
        <v>0</v>
      </c>
      <c r="CD15" s="277">
        <v>0</v>
      </c>
      <c r="CE15" s="279">
        <v>0</v>
      </c>
      <c r="CF15" s="280">
        <v>0</v>
      </c>
      <c r="CG15" s="280">
        <v>0</v>
      </c>
      <c r="CH15" s="280">
        <v>0</v>
      </c>
      <c r="CI15" s="280">
        <v>0</v>
      </c>
      <c r="CJ15" s="280">
        <v>1</v>
      </c>
      <c r="CK15" s="277">
        <v>1</v>
      </c>
      <c r="CL15" s="282">
        <v>1</v>
      </c>
      <c r="CM15" s="276">
        <v>0</v>
      </c>
      <c r="CN15" s="280">
        <v>0</v>
      </c>
      <c r="CO15" s="277">
        <v>0</v>
      </c>
      <c r="CP15" s="279">
        <v>0</v>
      </c>
      <c r="CQ15" s="280">
        <v>1</v>
      </c>
      <c r="CR15" s="280">
        <v>0</v>
      </c>
      <c r="CS15" s="280">
        <v>0</v>
      </c>
      <c r="CT15" s="280">
        <v>4</v>
      </c>
      <c r="CU15" s="280">
        <v>0</v>
      </c>
      <c r="CV15" s="277">
        <v>5</v>
      </c>
      <c r="CW15" s="282">
        <v>5</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0</v>
      </c>
      <c r="AD16" s="280">
        <v>8</v>
      </c>
      <c r="AE16" s="280">
        <v>6</v>
      </c>
      <c r="AF16" s="280">
        <v>2</v>
      </c>
      <c r="AG16" s="280">
        <v>2</v>
      </c>
      <c r="AH16" s="277">
        <v>28</v>
      </c>
      <c r="AI16" s="282">
        <v>28</v>
      </c>
      <c r="AJ16" s="276">
        <v>0</v>
      </c>
      <c r="AK16" s="280">
        <v>0</v>
      </c>
      <c r="AL16" s="277">
        <v>0</v>
      </c>
      <c r="AM16" s="279">
        <v>0</v>
      </c>
      <c r="AN16" s="280">
        <v>0</v>
      </c>
      <c r="AO16" s="280">
        <v>1</v>
      </c>
      <c r="AP16" s="280">
        <v>1</v>
      </c>
      <c r="AQ16" s="280">
        <v>1</v>
      </c>
      <c r="AR16" s="280">
        <v>1</v>
      </c>
      <c r="AS16" s="277">
        <v>4</v>
      </c>
      <c r="AT16" s="282">
        <v>4</v>
      </c>
      <c r="AU16" s="276">
        <v>0</v>
      </c>
      <c r="AV16" s="280">
        <v>0</v>
      </c>
      <c r="AW16" s="277">
        <v>0</v>
      </c>
      <c r="AX16" s="279">
        <v>0</v>
      </c>
      <c r="AY16" s="280">
        <v>2</v>
      </c>
      <c r="AZ16" s="280">
        <v>2</v>
      </c>
      <c r="BA16" s="280">
        <v>0</v>
      </c>
      <c r="BB16" s="280">
        <v>1</v>
      </c>
      <c r="BC16" s="280">
        <v>0</v>
      </c>
      <c r="BD16" s="277">
        <v>5</v>
      </c>
      <c r="BE16" s="282">
        <v>5</v>
      </c>
      <c r="BF16" s="276">
        <v>0</v>
      </c>
      <c r="BG16" s="280">
        <v>0</v>
      </c>
      <c r="BH16" s="277">
        <v>0</v>
      </c>
      <c r="BI16" s="279">
        <v>0</v>
      </c>
      <c r="BJ16" s="280">
        <v>1</v>
      </c>
      <c r="BK16" s="280">
        <v>1</v>
      </c>
      <c r="BL16" s="280">
        <v>0</v>
      </c>
      <c r="BM16" s="280">
        <v>1</v>
      </c>
      <c r="BN16" s="280">
        <v>0</v>
      </c>
      <c r="BO16" s="281">
        <v>3</v>
      </c>
      <c r="BP16" s="282">
        <v>3</v>
      </c>
      <c r="BQ16" s="276">
        <v>0</v>
      </c>
      <c r="BR16" s="280">
        <v>0</v>
      </c>
      <c r="BS16" s="277">
        <v>0</v>
      </c>
      <c r="BT16" s="279">
        <v>0</v>
      </c>
      <c r="BU16" s="280">
        <v>0</v>
      </c>
      <c r="BV16" s="280">
        <v>0</v>
      </c>
      <c r="BW16" s="280">
        <v>0</v>
      </c>
      <c r="BX16" s="280">
        <v>2</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0</v>
      </c>
      <c r="I17" s="280">
        <v>0</v>
      </c>
      <c r="J17" s="280">
        <v>0</v>
      </c>
      <c r="K17" s="280">
        <v>0</v>
      </c>
      <c r="L17" s="281">
        <v>0</v>
      </c>
      <c r="M17" s="282">
        <v>0</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5</v>
      </c>
      <c r="AD17" s="280">
        <v>10</v>
      </c>
      <c r="AE17" s="280">
        <v>1</v>
      </c>
      <c r="AF17" s="280">
        <v>1</v>
      </c>
      <c r="AG17" s="280">
        <v>1</v>
      </c>
      <c r="AH17" s="277">
        <v>18</v>
      </c>
      <c r="AI17" s="282">
        <v>18</v>
      </c>
      <c r="AJ17" s="276">
        <v>0</v>
      </c>
      <c r="AK17" s="280">
        <v>0</v>
      </c>
      <c r="AL17" s="277">
        <v>0</v>
      </c>
      <c r="AM17" s="279">
        <v>0</v>
      </c>
      <c r="AN17" s="280">
        <v>0</v>
      </c>
      <c r="AO17" s="280">
        <v>1</v>
      </c>
      <c r="AP17" s="280">
        <v>0</v>
      </c>
      <c r="AQ17" s="280">
        <v>0</v>
      </c>
      <c r="AR17" s="280">
        <v>0</v>
      </c>
      <c r="AS17" s="277">
        <v>1</v>
      </c>
      <c r="AT17" s="282">
        <v>1</v>
      </c>
      <c r="AU17" s="276">
        <v>0</v>
      </c>
      <c r="AV17" s="280">
        <v>0</v>
      </c>
      <c r="AW17" s="277">
        <v>0</v>
      </c>
      <c r="AX17" s="279">
        <v>0</v>
      </c>
      <c r="AY17" s="280">
        <v>0</v>
      </c>
      <c r="AZ17" s="280">
        <v>1</v>
      </c>
      <c r="BA17" s="280">
        <v>1</v>
      </c>
      <c r="BB17" s="280">
        <v>2</v>
      </c>
      <c r="BC17" s="280">
        <v>1</v>
      </c>
      <c r="BD17" s="277">
        <v>5</v>
      </c>
      <c r="BE17" s="282">
        <v>5</v>
      </c>
      <c r="BF17" s="276">
        <v>0</v>
      </c>
      <c r="BG17" s="280">
        <v>0</v>
      </c>
      <c r="BH17" s="277">
        <v>0</v>
      </c>
      <c r="BI17" s="279">
        <v>0</v>
      </c>
      <c r="BJ17" s="280">
        <v>2</v>
      </c>
      <c r="BK17" s="280">
        <v>1</v>
      </c>
      <c r="BL17" s="280">
        <v>0</v>
      </c>
      <c r="BM17" s="280">
        <v>0</v>
      </c>
      <c r="BN17" s="280">
        <v>1</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0</v>
      </c>
      <c r="CI17" s="280">
        <v>2</v>
      </c>
      <c r="CJ17" s="280">
        <v>0</v>
      </c>
      <c r="CK17" s="277">
        <v>2</v>
      </c>
      <c r="CL17" s="282">
        <v>2</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2</v>
      </c>
      <c r="J18" s="280">
        <v>1</v>
      </c>
      <c r="K18" s="280">
        <v>0</v>
      </c>
      <c r="L18" s="281">
        <v>3</v>
      </c>
      <c r="M18" s="282">
        <v>3</v>
      </c>
      <c r="N18" s="276">
        <v>0</v>
      </c>
      <c r="O18" s="280">
        <v>0</v>
      </c>
      <c r="P18" s="277">
        <v>0</v>
      </c>
      <c r="Q18" s="279">
        <v>0</v>
      </c>
      <c r="R18" s="280">
        <v>0</v>
      </c>
      <c r="S18" s="280">
        <v>0</v>
      </c>
      <c r="T18" s="280">
        <v>1</v>
      </c>
      <c r="U18" s="280">
        <v>0</v>
      </c>
      <c r="V18" s="280">
        <v>0</v>
      </c>
      <c r="W18" s="277">
        <v>1</v>
      </c>
      <c r="X18" s="282">
        <v>1</v>
      </c>
      <c r="Y18" s="276">
        <v>0</v>
      </c>
      <c r="Z18" s="280">
        <v>0</v>
      </c>
      <c r="AA18" s="277">
        <v>0</v>
      </c>
      <c r="AB18" s="279">
        <v>0</v>
      </c>
      <c r="AC18" s="280">
        <v>9</v>
      </c>
      <c r="AD18" s="280">
        <v>11</v>
      </c>
      <c r="AE18" s="280">
        <v>5</v>
      </c>
      <c r="AF18" s="280">
        <v>2</v>
      </c>
      <c r="AG18" s="280">
        <v>0</v>
      </c>
      <c r="AH18" s="277">
        <v>27</v>
      </c>
      <c r="AI18" s="282">
        <v>27</v>
      </c>
      <c r="AJ18" s="276">
        <v>0</v>
      </c>
      <c r="AK18" s="280">
        <v>0</v>
      </c>
      <c r="AL18" s="277">
        <v>0</v>
      </c>
      <c r="AM18" s="279">
        <v>0</v>
      </c>
      <c r="AN18" s="280">
        <v>0</v>
      </c>
      <c r="AO18" s="280">
        <v>0</v>
      </c>
      <c r="AP18" s="280">
        <v>1</v>
      </c>
      <c r="AQ18" s="280">
        <v>0</v>
      </c>
      <c r="AR18" s="280">
        <v>0</v>
      </c>
      <c r="AS18" s="277">
        <v>1</v>
      </c>
      <c r="AT18" s="282">
        <v>1</v>
      </c>
      <c r="AU18" s="276">
        <v>0</v>
      </c>
      <c r="AV18" s="280">
        <v>0</v>
      </c>
      <c r="AW18" s="277">
        <v>0</v>
      </c>
      <c r="AX18" s="279">
        <v>0</v>
      </c>
      <c r="AY18" s="280">
        <v>0</v>
      </c>
      <c r="AZ18" s="280">
        <v>2</v>
      </c>
      <c r="BA18" s="280">
        <v>2</v>
      </c>
      <c r="BB18" s="280">
        <v>0</v>
      </c>
      <c r="BC18" s="280">
        <v>0</v>
      </c>
      <c r="BD18" s="277">
        <v>4</v>
      </c>
      <c r="BE18" s="282">
        <v>4</v>
      </c>
      <c r="BF18" s="276">
        <v>0</v>
      </c>
      <c r="BG18" s="280">
        <v>0</v>
      </c>
      <c r="BH18" s="277">
        <v>0</v>
      </c>
      <c r="BI18" s="279">
        <v>0</v>
      </c>
      <c r="BJ18" s="280">
        <v>1</v>
      </c>
      <c r="BK18" s="280">
        <v>4</v>
      </c>
      <c r="BL18" s="280">
        <v>4</v>
      </c>
      <c r="BM18" s="280">
        <v>2</v>
      </c>
      <c r="BN18" s="280">
        <v>3</v>
      </c>
      <c r="BO18" s="281">
        <v>14</v>
      </c>
      <c r="BP18" s="282">
        <v>14</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2</v>
      </c>
      <c r="CS18" s="280">
        <v>1</v>
      </c>
      <c r="CT18" s="280">
        <v>0</v>
      </c>
      <c r="CU18" s="280">
        <v>1</v>
      </c>
      <c r="CV18" s="277">
        <v>4</v>
      </c>
      <c r="CW18" s="282">
        <v>4</v>
      </c>
    </row>
    <row r="19" spans="2:101" ht="21" customHeight="1" x14ac:dyDescent="0.2">
      <c r="B19" s="261" t="s">
        <v>17</v>
      </c>
      <c r="C19" s="276">
        <v>0</v>
      </c>
      <c r="D19" s="277">
        <v>0</v>
      </c>
      <c r="E19" s="278">
        <v>0</v>
      </c>
      <c r="F19" s="279">
        <v>0</v>
      </c>
      <c r="G19" s="280">
        <v>0</v>
      </c>
      <c r="H19" s="280">
        <v>1</v>
      </c>
      <c r="I19" s="280">
        <v>0</v>
      </c>
      <c r="J19" s="280">
        <v>0</v>
      </c>
      <c r="K19" s="280">
        <v>0</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18</v>
      </c>
      <c r="AD19" s="280">
        <v>16</v>
      </c>
      <c r="AE19" s="280">
        <v>7</v>
      </c>
      <c r="AF19" s="280">
        <v>2</v>
      </c>
      <c r="AG19" s="280">
        <v>3</v>
      </c>
      <c r="AH19" s="277">
        <v>46</v>
      </c>
      <c r="AI19" s="282">
        <v>46</v>
      </c>
      <c r="AJ19" s="276">
        <v>0</v>
      </c>
      <c r="AK19" s="280">
        <v>0</v>
      </c>
      <c r="AL19" s="277">
        <v>0</v>
      </c>
      <c r="AM19" s="279">
        <v>0</v>
      </c>
      <c r="AN19" s="280">
        <v>3</v>
      </c>
      <c r="AO19" s="280">
        <v>0</v>
      </c>
      <c r="AP19" s="280">
        <v>2</v>
      </c>
      <c r="AQ19" s="280">
        <v>0</v>
      </c>
      <c r="AR19" s="280">
        <v>0</v>
      </c>
      <c r="AS19" s="277">
        <v>5</v>
      </c>
      <c r="AT19" s="282">
        <v>5</v>
      </c>
      <c r="AU19" s="276">
        <v>0</v>
      </c>
      <c r="AV19" s="280">
        <v>0</v>
      </c>
      <c r="AW19" s="277">
        <v>0</v>
      </c>
      <c r="AX19" s="279">
        <v>0</v>
      </c>
      <c r="AY19" s="280">
        <v>2</v>
      </c>
      <c r="AZ19" s="280">
        <v>1</v>
      </c>
      <c r="BA19" s="280">
        <v>3</v>
      </c>
      <c r="BB19" s="280">
        <v>2</v>
      </c>
      <c r="BC19" s="280">
        <v>1</v>
      </c>
      <c r="BD19" s="277">
        <v>9</v>
      </c>
      <c r="BE19" s="282">
        <v>9</v>
      </c>
      <c r="BF19" s="276">
        <v>0</v>
      </c>
      <c r="BG19" s="280">
        <v>0</v>
      </c>
      <c r="BH19" s="277">
        <v>0</v>
      </c>
      <c r="BI19" s="279">
        <v>0</v>
      </c>
      <c r="BJ19" s="280">
        <v>0</v>
      </c>
      <c r="BK19" s="280">
        <v>8</v>
      </c>
      <c r="BL19" s="280">
        <v>3</v>
      </c>
      <c r="BM19" s="280">
        <v>1</v>
      </c>
      <c r="BN19" s="280">
        <v>0</v>
      </c>
      <c r="BO19" s="281">
        <v>12</v>
      </c>
      <c r="BP19" s="282">
        <v>12</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3</v>
      </c>
      <c r="CI19" s="280">
        <v>0</v>
      </c>
      <c r="CJ19" s="280">
        <v>0</v>
      </c>
      <c r="CK19" s="277">
        <v>3</v>
      </c>
      <c r="CL19" s="282">
        <v>3</v>
      </c>
      <c r="CM19" s="276">
        <v>0</v>
      </c>
      <c r="CN19" s="280">
        <v>0</v>
      </c>
      <c r="CO19" s="277">
        <v>0</v>
      </c>
      <c r="CP19" s="279">
        <v>0</v>
      </c>
      <c r="CQ19" s="280">
        <v>0</v>
      </c>
      <c r="CR19" s="280">
        <v>1</v>
      </c>
      <c r="CS19" s="280">
        <v>0</v>
      </c>
      <c r="CT19" s="280">
        <v>0</v>
      </c>
      <c r="CU19" s="280">
        <v>1</v>
      </c>
      <c r="CV19" s="277">
        <v>2</v>
      </c>
      <c r="CW19" s="282">
        <v>2</v>
      </c>
    </row>
    <row r="20" spans="2:101" ht="21" customHeight="1" x14ac:dyDescent="0.2">
      <c r="B20" s="261" t="s">
        <v>18</v>
      </c>
      <c r="C20" s="276">
        <v>0</v>
      </c>
      <c r="D20" s="277">
        <v>0</v>
      </c>
      <c r="E20" s="278">
        <v>0</v>
      </c>
      <c r="F20" s="279">
        <v>0</v>
      </c>
      <c r="G20" s="280">
        <v>0</v>
      </c>
      <c r="H20" s="280">
        <v>0</v>
      </c>
      <c r="I20" s="280">
        <v>0</v>
      </c>
      <c r="J20" s="280">
        <v>0</v>
      </c>
      <c r="K20" s="280">
        <v>0</v>
      </c>
      <c r="L20" s="281">
        <v>0</v>
      </c>
      <c r="M20" s="282">
        <v>0</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3</v>
      </c>
      <c r="AD20" s="280">
        <v>11</v>
      </c>
      <c r="AE20" s="280">
        <v>3</v>
      </c>
      <c r="AF20" s="280">
        <v>3</v>
      </c>
      <c r="AG20" s="280">
        <v>0</v>
      </c>
      <c r="AH20" s="277">
        <v>40</v>
      </c>
      <c r="AI20" s="282">
        <v>40</v>
      </c>
      <c r="AJ20" s="276">
        <v>0</v>
      </c>
      <c r="AK20" s="280">
        <v>0</v>
      </c>
      <c r="AL20" s="277">
        <v>0</v>
      </c>
      <c r="AM20" s="279">
        <v>0</v>
      </c>
      <c r="AN20" s="280">
        <v>1</v>
      </c>
      <c r="AO20" s="280">
        <v>0</v>
      </c>
      <c r="AP20" s="280">
        <v>2</v>
      </c>
      <c r="AQ20" s="280">
        <v>1</v>
      </c>
      <c r="AR20" s="280">
        <v>1</v>
      </c>
      <c r="AS20" s="277">
        <v>5</v>
      </c>
      <c r="AT20" s="282">
        <v>5</v>
      </c>
      <c r="AU20" s="276">
        <v>2</v>
      </c>
      <c r="AV20" s="280">
        <v>0</v>
      </c>
      <c r="AW20" s="277">
        <v>2</v>
      </c>
      <c r="AX20" s="279">
        <v>0</v>
      </c>
      <c r="AY20" s="280">
        <v>4</v>
      </c>
      <c r="AZ20" s="280">
        <v>4</v>
      </c>
      <c r="BA20" s="280">
        <v>3</v>
      </c>
      <c r="BB20" s="280">
        <v>2</v>
      </c>
      <c r="BC20" s="280">
        <v>0</v>
      </c>
      <c r="BD20" s="277">
        <v>13</v>
      </c>
      <c r="BE20" s="282">
        <v>15</v>
      </c>
      <c r="BF20" s="276">
        <v>0</v>
      </c>
      <c r="BG20" s="280">
        <v>0</v>
      </c>
      <c r="BH20" s="277">
        <v>0</v>
      </c>
      <c r="BI20" s="279">
        <v>0</v>
      </c>
      <c r="BJ20" s="280">
        <v>3</v>
      </c>
      <c r="BK20" s="280">
        <v>5</v>
      </c>
      <c r="BL20" s="280">
        <v>3</v>
      </c>
      <c r="BM20" s="280">
        <v>5</v>
      </c>
      <c r="BN20" s="280">
        <v>4</v>
      </c>
      <c r="BO20" s="281">
        <v>20</v>
      </c>
      <c r="BP20" s="282">
        <v>20</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0</v>
      </c>
      <c r="CI20" s="280">
        <v>0</v>
      </c>
      <c r="CJ20" s="280">
        <v>0</v>
      </c>
      <c r="CK20" s="277">
        <v>0</v>
      </c>
      <c r="CL20" s="282">
        <v>0</v>
      </c>
      <c r="CM20" s="276">
        <v>0</v>
      </c>
      <c r="CN20" s="280">
        <v>0</v>
      </c>
      <c r="CO20" s="277">
        <v>0</v>
      </c>
      <c r="CP20" s="279">
        <v>0</v>
      </c>
      <c r="CQ20" s="280">
        <v>0</v>
      </c>
      <c r="CR20" s="280">
        <v>0</v>
      </c>
      <c r="CS20" s="280">
        <v>3</v>
      </c>
      <c r="CT20" s="280">
        <v>2</v>
      </c>
      <c r="CU20" s="280">
        <v>1</v>
      </c>
      <c r="CV20" s="277">
        <v>6</v>
      </c>
      <c r="CW20" s="282">
        <v>6</v>
      </c>
    </row>
    <row r="21" spans="2:101" ht="21" customHeight="1" x14ac:dyDescent="0.2">
      <c r="B21" s="261" t="s">
        <v>19</v>
      </c>
      <c r="C21" s="276">
        <v>0</v>
      </c>
      <c r="D21" s="277">
        <v>0</v>
      </c>
      <c r="E21" s="278">
        <v>0</v>
      </c>
      <c r="F21" s="279">
        <v>0</v>
      </c>
      <c r="G21" s="280">
        <v>1</v>
      </c>
      <c r="H21" s="280">
        <v>0</v>
      </c>
      <c r="I21" s="280">
        <v>0</v>
      </c>
      <c r="J21" s="280">
        <v>0</v>
      </c>
      <c r="K21" s="280">
        <v>0</v>
      </c>
      <c r="L21" s="281">
        <v>1</v>
      </c>
      <c r="M21" s="282">
        <v>1</v>
      </c>
      <c r="N21" s="276">
        <v>0</v>
      </c>
      <c r="O21" s="280">
        <v>0</v>
      </c>
      <c r="P21" s="277">
        <v>0</v>
      </c>
      <c r="Q21" s="279">
        <v>0</v>
      </c>
      <c r="R21" s="280">
        <v>0</v>
      </c>
      <c r="S21" s="280">
        <v>0</v>
      </c>
      <c r="T21" s="280">
        <v>0</v>
      </c>
      <c r="U21" s="280">
        <v>0</v>
      </c>
      <c r="V21" s="280">
        <v>0</v>
      </c>
      <c r="W21" s="277">
        <v>0</v>
      </c>
      <c r="X21" s="282">
        <v>0</v>
      </c>
      <c r="Y21" s="276">
        <v>0</v>
      </c>
      <c r="Z21" s="280">
        <v>0</v>
      </c>
      <c r="AA21" s="277">
        <v>0</v>
      </c>
      <c r="AB21" s="279">
        <v>0</v>
      </c>
      <c r="AC21" s="280">
        <v>5</v>
      </c>
      <c r="AD21" s="280">
        <v>4</v>
      </c>
      <c r="AE21" s="280">
        <v>0</v>
      </c>
      <c r="AF21" s="280">
        <v>1</v>
      </c>
      <c r="AG21" s="280">
        <v>1</v>
      </c>
      <c r="AH21" s="277">
        <v>11</v>
      </c>
      <c r="AI21" s="282">
        <v>11</v>
      </c>
      <c r="AJ21" s="276">
        <v>0</v>
      </c>
      <c r="AK21" s="280">
        <v>0</v>
      </c>
      <c r="AL21" s="277">
        <v>0</v>
      </c>
      <c r="AM21" s="279">
        <v>0</v>
      </c>
      <c r="AN21" s="280">
        <v>1</v>
      </c>
      <c r="AO21" s="280">
        <v>5</v>
      </c>
      <c r="AP21" s="280">
        <v>0</v>
      </c>
      <c r="AQ21" s="280">
        <v>0</v>
      </c>
      <c r="AR21" s="280">
        <v>0</v>
      </c>
      <c r="AS21" s="277">
        <v>6</v>
      </c>
      <c r="AT21" s="282">
        <v>6</v>
      </c>
      <c r="AU21" s="276">
        <v>0</v>
      </c>
      <c r="AV21" s="280">
        <v>1</v>
      </c>
      <c r="AW21" s="277">
        <v>1</v>
      </c>
      <c r="AX21" s="279">
        <v>0</v>
      </c>
      <c r="AY21" s="280">
        <v>2</v>
      </c>
      <c r="AZ21" s="280">
        <v>4</v>
      </c>
      <c r="BA21" s="280">
        <v>1</v>
      </c>
      <c r="BB21" s="280">
        <v>0</v>
      </c>
      <c r="BC21" s="280">
        <v>1</v>
      </c>
      <c r="BD21" s="277">
        <v>8</v>
      </c>
      <c r="BE21" s="282">
        <v>9</v>
      </c>
      <c r="BF21" s="276">
        <v>0</v>
      </c>
      <c r="BG21" s="280">
        <v>0</v>
      </c>
      <c r="BH21" s="277">
        <v>0</v>
      </c>
      <c r="BI21" s="279">
        <v>0</v>
      </c>
      <c r="BJ21" s="280">
        <v>3</v>
      </c>
      <c r="BK21" s="280">
        <v>1</v>
      </c>
      <c r="BL21" s="280">
        <v>0</v>
      </c>
      <c r="BM21" s="280">
        <v>1</v>
      </c>
      <c r="BN21" s="280">
        <v>0</v>
      </c>
      <c r="BO21" s="281">
        <v>5</v>
      </c>
      <c r="BP21" s="282">
        <v>5</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1</v>
      </c>
      <c r="CR21" s="280">
        <v>0</v>
      </c>
      <c r="CS21" s="280">
        <v>0</v>
      </c>
      <c r="CT21" s="280">
        <v>1</v>
      </c>
      <c r="CU21" s="280">
        <v>1</v>
      </c>
      <c r="CV21" s="277">
        <v>3</v>
      </c>
      <c r="CW21" s="282">
        <v>3</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2</v>
      </c>
      <c r="AD22" s="280">
        <v>8</v>
      </c>
      <c r="AE22" s="280">
        <v>3</v>
      </c>
      <c r="AF22" s="280">
        <v>2</v>
      </c>
      <c r="AG22" s="280">
        <v>0</v>
      </c>
      <c r="AH22" s="277">
        <v>25</v>
      </c>
      <c r="AI22" s="282">
        <v>25</v>
      </c>
      <c r="AJ22" s="276">
        <v>0</v>
      </c>
      <c r="AK22" s="280">
        <v>0</v>
      </c>
      <c r="AL22" s="277">
        <v>0</v>
      </c>
      <c r="AM22" s="279">
        <v>0</v>
      </c>
      <c r="AN22" s="280">
        <v>0</v>
      </c>
      <c r="AO22" s="280">
        <v>0</v>
      </c>
      <c r="AP22" s="280">
        <v>1</v>
      </c>
      <c r="AQ22" s="280">
        <v>0</v>
      </c>
      <c r="AR22" s="280">
        <v>0</v>
      </c>
      <c r="AS22" s="277">
        <v>1</v>
      </c>
      <c r="AT22" s="282">
        <v>1</v>
      </c>
      <c r="AU22" s="276">
        <v>0</v>
      </c>
      <c r="AV22" s="280">
        <v>0</v>
      </c>
      <c r="AW22" s="277">
        <v>0</v>
      </c>
      <c r="AX22" s="279">
        <v>0</v>
      </c>
      <c r="AY22" s="280">
        <v>0</v>
      </c>
      <c r="AZ22" s="280">
        <v>0</v>
      </c>
      <c r="BA22" s="280">
        <v>1</v>
      </c>
      <c r="BB22" s="280">
        <v>0</v>
      </c>
      <c r="BC22" s="280">
        <v>0</v>
      </c>
      <c r="BD22" s="277">
        <v>1</v>
      </c>
      <c r="BE22" s="282">
        <v>1</v>
      </c>
      <c r="BF22" s="276">
        <v>0</v>
      </c>
      <c r="BG22" s="280">
        <v>0</v>
      </c>
      <c r="BH22" s="277">
        <v>0</v>
      </c>
      <c r="BI22" s="279">
        <v>0</v>
      </c>
      <c r="BJ22" s="280">
        <v>1</v>
      </c>
      <c r="BK22" s="280">
        <v>1</v>
      </c>
      <c r="BL22" s="280">
        <v>1</v>
      </c>
      <c r="BM22" s="280">
        <v>3</v>
      </c>
      <c r="BN22" s="280">
        <v>0</v>
      </c>
      <c r="BO22" s="281">
        <v>6</v>
      </c>
      <c r="BP22" s="282">
        <v>6</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1</v>
      </c>
      <c r="I23" s="280">
        <v>0</v>
      </c>
      <c r="J23" s="280">
        <v>0</v>
      </c>
      <c r="K23" s="280">
        <v>0</v>
      </c>
      <c r="L23" s="281">
        <v>1</v>
      </c>
      <c r="M23" s="282">
        <v>1</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3</v>
      </c>
      <c r="AD23" s="280">
        <v>12</v>
      </c>
      <c r="AE23" s="280">
        <v>2</v>
      </c>
      <c r="AF23" s="280">
        <v>3</v>
      </c>
      <c r="AG23" s="280">
        <v>0</v>
      </c>
      <c r="AH23" s="277">
        <v>30</v>
      </c>
      <c r="AI23" s="282">
        <v>30</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0</v>
      </c>
      <c r="AZ23" s="280">
        <v>0</v>
      </c>
      <c r="BA23" s="280">
        <v>3</v>
      </c>
      <c r="BB23" s="280">
        <v>0</v>
      </c>
      <c r="BC23" s="280">
        <v>1</v>
      </c>
      <c r="BD23" s="277">
        <v>4</v>
      </c>
      <c r="BE23" s="282">
        <v>4</v>
      </c>
      <c r="BF23" s="276">
        <v>0</v>
      </c>
      <c r="BG23" s="280">
        <v>0</v>
      </c>
      <c r="BH23" s="277">
        <v>0</v>
      </c>
      <c r="BI23" s="279">
        <v>0</v>
      </c>
      <c r="BJ23" s="280">
        <v>2</v>
      </c>
      <c r="BK23" s="280">
        <v>4</v>
      </c>
      <c r="BL23" s="280">
        <v>0</v>
      </c>
      <c r="BM23" s="280">
        <v>1</v>
      </c>
      <c r="BN23" s="280">
        <v>0</v>
      </c>
      <c r="BO23" s="281">
        <v>7</v>
      </c>
      <c r="BP23" s="282">
        <v>7</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0</v>
      </c>
      <c r="CT23" s="280">
        <v>0</v>
      </c>
      <c r="CU23" s="280">
        <v>0</v>
      </c>
      <c r="CV23" s="277">
        <v>0</v>
      </c>
      <c r="CW23" s="282">
        <v>0</v>
      </c>
    </row>
    <row r="24" spans="2:101" ht="21" customHeight="1" x14ac:dyDescent="0.2">
      <c r="B24" s="261" t="s">
        <v>22</v>
      </c>
      <c r="C24" s="276">
        <v>0</v>
      </c>
      <c r="D24" s="277">
        <v>0</v>
      </c>
      <c r="E24" s="278">
        <v>0</v>
      </c>
      <c r="F24" s="279">
        <v>0</v>
      </c>
      <c r="G24" s="280">
        <v>0</v>
      </c>
      <c r="H24" s="280">
        <v>0</v>
      </c>
      <c r="I24" s="280">
        <v>1</v>
      </c>
      <c r="J24" s="280">
        <v>0</v>
      </c>
      <c r="K24" s="280">
        <v>0</v>
      </c>
      <c r="L24" s="281">
        <v>1</v>
      </c>
      <c r="M24" s="282">
        <v>1</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6</v>
      </c>
      <c r="AD24" s="280">
        <v>5</v>
      </c>
      <c r="AE24" s="280">
        <v>1</v>
      </c>
      <c r="AF24" s="280">
        <v>3</v>
      </c>
      <c r="AG24" s="280">
        <v>0</v>
      </c>
      <c r="AH24" s="277">
        <v>15</v>
      </c>
      <c r="AI24" s="282">
        <v>15</v>
      </c>
      <c r="AJ24" s="276">
        <v>0</v>
      </c>
      <c r="AK24" s="280">
        <v>0</v>
      </c>
      <c r="AL24" s="277">
        <v>0</v>
      </c>
      <c r="AM24" s="279">
        <v>0</v>
      </c>
      <c r="AN24" s="280">
        <v>0</v>
      </c>
      <c r="AO24" s="280">
        <v>0</v>
      </c>
      <c r="AP24" s="280">
        <v>1</v>
      </c>
      <c r="AQ24" s="280">
        <v>1</v>
      </c>
      <c r="AR24" s="280">
        <v>0</v>
      </c>
      <c r="AS24" s="277">
        <v>2</v>
      </c>
      <c r="AT24" s="282">
        <v>2</v>
      </c>
      <c r="AU24" s="276">
        <v>0</v>
      </c>
      <c r="AV24" s="280">
        <v>1</v>
      </c>
      <c r="AW24" s="277">
        <v>1</v>
      </c>
      <c r="AX24" s="279">
        <v>0</v>
      </c>
      <c r="AY24" s="280">
        <v>4</v>
      </c>
      <c r="AZ24" s="280">
        <v>4</v>
      </c>
      <c r="BA24" s="280">
        <v>0</v>
      </c>
      <c r="BB24" s="280">
        <v>0</v>
      </c>
      <c r="BC24" s="280">
        <v>0</v>
      </c>
      <c r="BD24" s="277">
        <v>8</v>
      </c>
      <c r="BE24" s="282">
        <v>9</v>
      </c>
      <c r="BF24" s="276">
        <v>0</v>
      </c>
      <c r="BG24" s="280">
        <v>0</v>
      </c>
      <c r="BH24" s="277">
        <v>0</v>
      </c>
      <c r="BI24" s="279">
        <v>0</v>
      </c>
      <c r="BJ24" s="280">
        <v>1</v>
      </c>
      <c r="BK24" s="280">
        <v>2</v>
      </c>
      <c r="BL24" s="280">
        <v>0</v>
      </c>
      <c r="BM24" s="280">
        <v>0</v>
      </c>
      <c r="BN24" s="280">
        <v>0</v>
      </c>
      <c r="BO24" s="281">
        <v>3</v>
      </c>
      <c r="BP24" s="282">
        <v>3</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4</v>
      </c>
      <c r="CJ24" s="280">
        <v>0</v>
      </c>
      <c r="CK24" s="277">
        <v>4</v>
      </c>
      <c r="CL24" s="282">
        <v>4</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2</v>
      </c>
      <c r="AD25" s="280">
        <v>2</v>
      </c>
      <c r="AE25" s="280">
        <v>1</v>
      </c>
      <c r="AF25" s="280">
        <v>1</v>
      </c>
      <c r="AG25" s="280">
        <v>0</v>
      </c>
      <c r="AH25" s="277">
        <v>6</v>
      </c>
      <c r="AI25" s="282">
        <v>6</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2</v>
      </c>
      <c r="BK25" s="280">
        <v>0</v>
      </c>
      <c r="BL25" s="280">
        <v>3</v>
      </c>
      <c r="BM25" s="280">
        <v>3</v>
      </c>
      <c r="BN25" s="280">
        <v>0</v>
      </c>
      <c r="BO25" s="281">
        <v>8</v>
      </c>
      <c r="BP25" s="282">
        <v>8</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1</v>
      </c>
      <c r="J26" s="280">
        <v>0</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2</v>
      </c>
      <c r="AD26" s="280">
        <v>0</v>
      </c>
      <c r="AE26" s="280">
        <v>3</v>
      </c>
      <c r="AF26" s="280">
        <v>0</v>
      </c>
      <c r="AG26" s="280">
        <v>0</v>
      </c>
      <c r="AH26" s="277">
        <v>5</v>
      </c>
      <c r="AI26" s="282">
        <v>5</v>
      </c>
      <c r="AJ26" s="276">
        <v>0</v>
      </c>
      <c r="AK26" s="280">
        <v>0</v>
      </c>
      <c r="AL26" s="277">
        <v>0</v>
      </c>
      <c r="AM26" s="279">
        <v>0</v>
      </c>
      <c r="AN26" s="280">
        <v>0</v>
      </c>
      <c r="AO26" s="280">
        <v>0</v>
      </c>
      <c r="AP26" s="280">
        <v>1</v>
      </c>
      <c r="AQ26" s="280">
        <v>0</v>
      </c>
      <c r="AR26" s="280">
        <v>0</v>
      </c>
      <c r="AS26" s="277">
        <v>1</v>
      </c>
      <c r="AT26" s="282">
        <v>1</v>
      </c>
      <c r="AU26" s="276">
        <v>0</v>
      </c>
      <c r="AV26" s="280">
        <v>0</v>
      </c>
      <c r="AW26" s="277">
        <v>0</v>
      </c>
      <c r="AX26" s="279">
        <v>0</v>
      </c>
      <c r="AY26" s="280">
        <v>1</v>
      </c>
      <c r="AZ26" s="280">
        <v>1</v>
      </c>
      <c r="BA26" s="280">
        <v>0</v>
      </c>
      <c r="BB26" s="280">
        <v>0</v>
      </c>
      <c r="BC26" s="280">
        <v>0</v>
      </c>
      <c r="BD26" s="277">
        <v>2</v>
      </c>
      <c r="BE26" s="282">
        <v>2</v>
      </c>
      <c r="BF26" s="276">
        <v>0</v>
      </c>
      <c r="BG26" s="280">
        <v>0</v>
      </c>
      <c r="BH26" s="277">
        <v>0</v>
      </c>
      <c r="BI26" s="279">
        <v>0</v>
      </c>
      <c r="BJ26" s="280">
        <v>0</v>
      </c>
      <c r="BK26" s="280">
        <v>0</v>
      </c>
      <c r="BL26" s="280">
        <v>2</v>
      </c>
      <c r="BM26" s="280">
        <v>0</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6</v>
      </c>
      <c r="AD27" s="280">
        <v>1</v>
      </c>
      <c r="AE27" s="280">
        <v>0</v>
      </c>
      <c r="AF27" s="280">
        <v>0</v>
      </c>
      <c r="AG27" s="280">
        <v>0</v>
      </c>
      <c r="AH27" s="277">
        <v>7</v>
      </c>
      <c r="AI27" s="282">
        <v>7</v>
      </c>
      <c r="AJ27" s="276">
        <v>0</v>
      </c>
      <c r="AK27" s="280">
        <v>0</v>
      </c>
      <c r="AL27" s="277">
        <v>0</v>
      </c>
      <c r="AM27" s="279">
        <v>0</v>
      </c>
      <c r="AN27" s="280">
        <v>0</v>
      </c>
      <c r="AO27" s="280">
        <v>0</v>
      </c>
      <c r="AP27" s="280">
        <v>0</v>
      </c>
      <c r="AQ27" s="280">
        <v>0</v>
      </c>
      <c r="AR27" s="280">
        <v>0</v>
      </c>
      <c r="AS27" s="277">
        <v>0</v>
      </c>
      <c r="AT27" s="282">
        <v>0</v>
      </c>
      <c r="AU27" s="276">
        <v>1</v>
      </c>
      <c r="AV27" s="280">
        <v>0</v>
      </c>
      <c r="AW27" s="277">
        <v>1</v>
      </c>
      <c r="AX27" s="279">
        <v>0</v>
      </c>
      <c r="AY27" s="280">
        <v>0</v>
      </c>
      <c r="AZ27" s="280">
        <v>0</v>
      </c>
      <c r="BA27" s="280">
        <v>0</v>
      </c>
      <c r="BB27" s="280">
        <v>0</v>
      </c>
      <c r="BC27" s="280">
        <v>0</v>
      </c>
      <c r="BD27" s="277">
        <v>0</v>
      </c>
      <c r="BE27" s="282">
        <v>1</v>
      </c>
      <c r="BF27" s="276">
        <v>0</v>
      </c>
      <c r="BG27" s="280">
        <v>0</v>
      </c>
      <c r="BH27" s="277">
        <v>0</v>
      </c>
      <c r="BI27" s="279">
        <v>0</v>
      </c>
      <c r="BJ27" s="280">
        <v>0</v>
      </c>
      <c r="BK27" s="280">
        <v>0</v>
      </c>
      <c r="BL27" s="280">
        <v>0</v>
      </c>
      <c r="BM27" s="280">
        <v>0</v>
      </c>
      <c r="BN27" s="280">
        <v>0</v>
      </c>
      <c r="BO27" s="281">
        <v>0</v>
      </c>
      <c r="BP27" s="282">
        <v>0</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3</v>
      </c>
      <c r="AD28" s="280">
        <v>3</v>
      </c>
      <c r="AE28" s="280">
        <v>1</v>
      </c>
      <c r="AF28" s="280">
        <v>0</v>
      </c>
      <c r="AG28" s="280">
        <v>0</v>
      </c>
      <c r="AH28" s="277">
        <v>7</v>
      </c>
      <c r="AI28" s="282">
        <v>7</v>
      </c>
      <c r="AJ28" s="276">
        <v>0</v>
      </c>
      <c r="AK28" s="280">
        <v>0</v>
      </c>
      <c r="AL28" s="277">
        <v>0</v>
      </c>
      <c r="AM28" s="279">
        <v>0</v>
      </c>
      <c r="AN28" s="280">
        <v>0</v>
      </c>
      <c r="AO28" s="280">
        <v>1</v>
      </c>
      <c r="AP28" s="280">
        <v>0</v>
      </c>
      <c r="AQ28" s="280">
        <v>0</v>
      </c>
      <c r="AR28" s="280">
        <v>0</v>
      </c>
      <c r="AS28" s="277">
        <v>1</v>
      </c>
      <c r="AT28" s="282">
        <v>1</v>
      </c>
      <c r="AU28" s="276">
        <v>0</v>
      </c>
      <c r="AV28" s="280">
        <v>0</v>
      </c>
      <c r="AW28" s="277">
        <v>0</v>
      </c>
      <c r="AX28" s="279">
        <v>0</v>
      </c>
      <c r="AY28" s="280">
        <v>0</v>
      </c>
      <c r="AZ28" s="280">
        <v>0</v>
      </c>
      <c r="BA28" s="280">
        <v>0</v>
      </c>
      <c r="BB28" s="280">
        <v>0</v>
      </c>
      <c r="BC28" s="280">
        <v>0</v>
      </c>
      <c r="BD28" s="277">
        <v>0</v>
      </c>
      <c r="BE28" s="282">
        <v>0</v>
      </c>
      <c r="BF28" s="276">
        <v>0</v>
      </c>
      <c r="BG28" s="280">
        <v>0</v>
      </c>
      <c r="BH28" s="277">
        <v>0</v>
      </c>
      <c r="BI28" s="279">
        <v>0</v>
      </c>
      <c r="BJ28" s="280">
        <v>0</v>
      </c>
      <c r="BK28" s="280">
        <v>0</v>
      </c>
      <c r="BL28" s="280">
        <v>1</v>
      </c>
      <c r="BM28" s="280">
        <v>1</v>
      </c>
      <c r="BN28" s="280">
        <v>0</v>
      </c>
      <c r="BO28" s="281">
        <v>2</v>
      </c>
      <c r="BP28" s="282">
        <v>2</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1</v>
      </c>
      <c r="J29" s="280">
        <v>0</v>
      </c>
      <c r="K29" s="280">
        <v>0</v>
      </c>
      <c r="L29" s="281">
        <v>1</v>
      </c>
      <c r="M29" s="282">
        <v>1</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1</v>
      </c>
      <c r="AD29" s="280">
        <v>0</v>
      </c>
      <c r="AE29" s="280">
        <v>0</v>
      </c>
      <c r="AF29" s="280">
        <v>0</v>
      </c>
      <c r="AG29" s="280">
        <v>0</v>
      </c>
      <c r="AH29" s="277">
        <v>1</v>
      </c>
      <c r="AI29" s="282">
        <v>1</v>
      </c>
      <c r="AJ29" s="276">
        <v>0</v>
      </c>
      <c r="AK29" s="280">
        <v>0</v>
      </c>
      <c r="AL29" s="277">
        <v>0</v>
      </c>
      <c r="AM29" s="279">
        <v>0</v>
      </c>
      <c r="AN29" s="280">
        <v>2</v>
      </c>
      <c r="AO29" s="280">
        <v>0</v>
      </c>
      <c r="AP29" s="280">
        <v>0</v>
      </c>
      <c r="AQ29" s="280">
        <v>1</v>
      </c>
      <c r="AR29" s="280">
        <v>0</v>
      </c>
      <c r="AS29" s="277">
        <v>3</v>
      </c>
      <c r="AT29" s="282">
        <v>3</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1</v>
      </c>
      <c r="BM29" s="280">
        <v>1</v>
      </c>
      <c r="BN29" s="280">
        <v>0</v>
      </c>
      <c r="BO29" s="281">
        <v>2</v>
      </c>
      <c r="BP29" s="282">
        <v>2</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2</v>
      </c>
      <c r="CI29" s="280">
        <v>1</v>
      </c>
      <c r="CJ29" s="280">
        <v>2</v>
      </c>
      <c r="CK29" s="277">
        <v>5</v>
      </c>
      <c r="CL29" s="282">
        <v>5</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5</v>
      </c>
      <c r="AD30" s="280">
        <v>1</v>
      </c>
      <c r="AE30" s="280">
        <v>0</v>
      </c>
      <c r="AF30" s="280">
        <v>0</v>
      </c>
      <c r="AG30" s="280">
        <v>0</v>
      </c>
      <c r="AH30" s="277">
        <v>6</v>
      </c>
      <c r="AI30" s="282">
        <v>6</v>
      </c>
      <c r="AJ30" s="276">
        <v>0</v>
      </c>
      <c r="AK30" s="280">
        <v>0</v>
      </c>
      <c r="AL30" s="277">
        <v>0</v>
      </c>
      <c r="AM30" s="279">
        <v>0</v>
      </c>
      <c r="AN30" s="280">
        <v>0</v>
      </c>
      <c r="AO30" s="280">
        <v>0</v>
      </c>
      <c r="AP30" s="280">
        <v>0</v>
      </c>
      <c r="AQ30" s="280">
        <v>0</v>
      </c>
      <c r="AR30" s="280">
        <v>1</v>
      </c>
      <c r="AS30" s="277">
        <v>1</v>
      </c>
      <c r="AT30" s="282">
        <v>1</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2</v>
      </c>
      <c r="BO30" s="281">
        <v>2</v>
      </c>
      <c r="BP30" s="282">
        <v>2</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2</v>
      </c>
      <c r="AD31" s="280">
        <v>0</v>
      </c>
      <c r="AE31" s="280">
        <v>0</v>
      </c>
      <c r="AF31" s="280">
        <v>0</v>
      </c>
      <c r="AG31" s="280">
        <v>0</v>
      </c>
      <c r="AH31" s="277">
        <v>2</v>
      </c>
      <c r="AI31" s="282">
        <v>2</v>
      </c>
      <c r="AJ31" s="276">
        <v>0</v>
      </c>
      <c r="AK31" s="280">
        <v>0</v>
      </c>
      <c r="AL31" s="277">
        <v>0</v>
      </c>
      <c r="AM31" s="279">
        <v>0</v>
      </c>
      <c r="AN31" s="280">
        <v>0</v>
      </c>
      <c r="AO31" s="280">
        <v>0</v>
      </c>
      <c r="AP31" s="280">
        <v>0</v>
      </c>
      <c r="AQ31" s="280">
        <v>0</v>
      </c>
      <c r="AR31" s="280">
        <v>0</v>
      </c>
      <c r="AS31" s="277">
        <v>0</v>
      </c>
      <c r="AT31" s="282">
        <v>0</v>
      </c>
      <c r="AU31" s="276">
        <v>0</v>
      </c>
      <c r="AV31" s="280">
        <v>0</v>
      </c>
      <c r="AW31" s="277">
        <v>0</v>
      </c>
      <c r="AX31" s="279">
        <v>0</v>
      </c>
      <c r="AY31" s="280">
        <v>0</v>
      </c>
      <c r="AZ31" s="280">
        <v>0</v>
      </c>
      <c r="BA31" s="280">
        <v>0</v>
      </c>
      <c r="BB31" s="280">
        <v>0</v>
      </c>
      <c r="BC31" s="280">
        <v>0</v>
      </c>
      <c r="BD31" s="277">
        <v>0</v>
      </c>
      <c r="BE31" s="282">
        <v>0</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2</v>
      </c>
      <c r="AD32" s="280">
        <v>0</v>
      </c>
      <c r="AE32" s="280">
        <v>1</v>
      </c>
      <c r="AF32" s="280">
        <v>0</v>
      </c>
      <c r="AG32" s="280">
        <v>0</v>
      </c>
      <c r="AH32" s="277">
        <v>3</v>
      </c>
      <c r="AI32" s="282">
        <v>3</v>
      </c>
      <c r="AJ32" s="276">
        <v>1</v>
      </c>
      <c r="AK32" s="280">
        <v>0</v>
      </c>
      <c r="AL32" s="277">
        <v>1</v>
      </c>
      <c r="AM32" s="279">
        <v>0</v>
      </c>
      <c r="AN32" s="280">
        <v>0</v>
      </c>
      <c r="AO32" s="280">
        <v>0</v>
      </c>
      <c r="AP32" s="280">
        <v>0</v>
      </c>
      <c r="AQ32" s="280">
        <v>0</v>
      </c>
      <c r="AR32" s="280">
        <v>0</v>
      </c>
      <c r="AS32" s="277">
        <v>0</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1</v>
      </c>
      <c r="BL32" s="280">
        <v>0</v>
      </c>
      <c r="BM32" s="280">
        <v>1</v>
      </c>
      <c r="BN32" s="280">
        <v>0</v>
      </c>
      <c r="BO32" s="281">
        <v>2</v>
      </c>
      <c r="BP32" s="282">
        <v>2</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0</v>
      </c>
      <c r="I33" s="280">
        <v>0</v>
      </c>
      <c r="J33" s="280">
        <v>0</v>
      </c>
      <c r="K33" s="280">
        <v>0</v>
      </c>
      <c r="L33" s="281">
        <v>0</v>
      </c>
      <c r="M33" s="282">
        <v>0</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1</v>
      </c>
      <c r="AD33" s="280">
        <v>2</v>
      </c>
      <c r="AE33" s="280">
        <v>0</v>
      </c>
      <c r="AF33" s="280">
        <v>1</v>
      </c>
      <c r="AG33" s="280">
        <v>0</v>
      </c>
      <c r="AH33" s="277">
        <v>4</v>
      </c>
      <c r="AI33" s="282">
        <v>4</v>
      </c>
      <c r="AJ33" s="276">
        <v>0</v>
      </c>
      <c r="AK33" s="280">
        <v>0</v>
      </c>
      <c r="AL33" s="277">
        <v>0</v>
      </c>
      <c r="AM33" s="279">
        <v>0</v>
      </c>
      <c r="AN33" s="280">
        <v>0</v>
      </c>
      <c r="AO33" s="280">
        <v>0</v>
      </c>
      <c r="AP33" s="280">
        <v>1</v>
      </c>
      <c r="AQ33" s="280">
        <v>0</v>
      </c>
      <c r="AR33" s="280">
        <v>0</v>
      </c>
      <c r="AS33" s="277">
        <v>1</v>
      </c>
      <c r="AT33" s="282">
        <v>1</v>
      </c>
      <c r="AU33" s="276">
        <v>0</v>
      </c>
      <c r="AV33" s="280">
        <v>0</v>
      </c>
      <c r="AW33" s="277">
        <v>0</v>
      </c>
      <c r="AX33" s="279">
        <v>0</v>
      </c>
      <c r="AY33" s="280">
        <v>1</v>
      </c>
      <c r="AZ33" s="280">
        <v>0</v>
      </c>
      <c r="BA33" s="280">
        <v>0</v>
      </c>
      <c r="BB33" s="280">
        <v>0</v>
      </c>
      <c r="BC33" s="280">
        <v>0</v>
      </c>
      <c r="BD33" s="277">
        <v>1</v>
      </c>
      <c r="BE33" s="282">
        <v>1</v>
      </c>
      <c r="BF33" s="276">
        <v>0</v>
      </c>
      <c r="BG33" s="280">
        <v>0</v>
      </c>
      <c r="BH33" s="277">
        <v>0</v>
      </c>
      <c r="BI33" s="279">
        <v>0</v>
      </c>
      <c r="BJ33" s="280">
        <v>0</v>
      </c>
      <c r="BK33" s="280">
        <v>2</v>
      </c>
      <c r="BL33" s="280">
        <v>0</v>
      </c>
      <c r="BM33" s="280">
        <v>1</v>
      </c>
      <c r="BN33" s="280">
        <v>0</v>
      </c>
      <c r="BO33" s="281">
        <v>3</v>
      </c>
      <c r="BP33" s="282">
        <v>3</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0</v>
      </c>
      <c r="I34" s="280">
        <v>0</v>
      </c>
      <c r="J34" s="280">
        <v>0</v>
      </c>
      <c r="K34" s="280">
        <v>0</v>
      </c>
      <c r="L34" s="281">
        <v>0</v>
      </c>
      <c r="M34" s="282">
        <v>0</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2</v>
      </c>
      <c r="AD34" s="280">
        <v>2</v>
      </c>
      <c r="AE34" s="280">
        <v>0</v>
      </c>
      <c r="AF34" s="280">
        <v>0</v>
      </c>
      <c r="AG34" s="280">
        <v>1</v>
      </c>
      <c r="AH34" s="277">
        <v>5</v>
      </c>
      <c r="AI34" s="282">
        <v>5</v>
      </c>
      <c r="AJ34" s="276">
        <v>0</v>
      </c>
      <c r="AK34" s="280">
        <v>0</v>
      </c>
      <c r="AL34" s="277">
        <v>0</v>
      </c>
      <c r="AM34" s="279">
        <v>0</v>
      </c>
      <c r="AN34" s="280">
        <v>0</v>
      </c>
      <c r="AO34" s="280">
        <v>0</v>
      </c>
      <c r="AP34" s="280">
        <v>0</v>
      </c>
      <c r="AQ34" s="280">
        <v>1</v>
      </c>
      <c r="AR34" s="280">
        <v>0</v>
      </c>
      <c r="AS34" s="277">
        <v>1</v>
      </c>
      <c r="AT34" s="282">
        <v>1</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0</v>
      </c>
      <c r="BK34" s="280">
        <v>0</v>
      </c>
      <c r="BL34" s="280">
        <v>1</v>
      </c>
      <c r="BM34" s="280">
        <v>0</v>
      </c>
      <c r="BN34" s="280">
        <v>0</v>
      </c>
      <c r="BO34" s="281">
        <v>1</v>
      </c>
      <c r="BP34" s="282">
        <v>1</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0</v>
      </c>
      <c r="CH34" s="280">
        <v>1</v>
      </c>
      <c r="CI34" s="280">
        <v>0</v>
      </c>
      <c r="CJ34" s="280">
        <v>0</v>
      </c>
      <c r="CK34" s="277">
        <v>1</v>
      </c>
      <c r="CL34" s="282">
        <v>1</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0</v>
      </c>
      <c r="AF35" s="280">
        <v>0</v>
      </c>
      <c r="AG35" s="280">
        <v>0</v>
      </c>
      <c r="AH35" s="277">
        <v>1</v>
      </c>
      <c r="AI35" s="282">
        <v>1</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1</v>
      </c>
      <c r="CR35" s="280">
        <v>0</v>
      </c>
      <c r="CS35" s="280">
        <v>1</v>
      </c>
      <c r="CT35" s="280">
        <v>0</v>
      </c>
      <c r="CU35" s="280">
        <v>0</v>
      </c>
      <c r="CV35" s="277">
        <v>2</v>
      </c>
      <c r="CW35" s="282">
        <v>2</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2</v>
      </c>
      <c r="AD36" s="280">
        <v>0</v>
      </c>
      <c r="AE36" s="280">
        <v>0</v>
      </c>
      <c r="AF36" s="280">
        <v>0</v>
      </c>
      <c r="AG36" s="280">
        <v>0</v>
      </c>
      <c r="AH36" s="277">
        <v>2</v>
      </c>
      <c r="AI36" s="282">
        <v>2</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row>
    <row r="37" spans="2:101" ht="21" customHeight="1" x14ac:dyDescent="0.2">
      <c r="B37" s="261" t="s">
        <v>35</v>
      </c>
      <c r="C37" s="276">
        <v>0</v>
      </c>
      <c r="D37" s="277">
        <v>0</v>
      </c>
      <c r="E37" s="278">
        <v>0</v>
      </c>
      <c r="F37" s="279">
        <v>0</v>
      </c>
      <c r="G37" s="280">
        <v>0</v>
      </c>
      <c r="H37" s="280">
        <v>1</v>
      </c>
      <c r="I37" s="280">
        <v>0</v>
      </c>
      <c r="J37" s="280">
        <v>0</v>
      </c>
      <c r="K37" s="280">
        <v>0</v>
      </c>
      <c r="L37" s="281">
        <v>1</v>
      </c>
      <c r="M37" s="282">
        <v>1</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0</v>
      </c>
      <c r="AD37" s="280">
        <v>0</v>
      </c>
      <c r="AE37" s="280">
        <v>0</v>
      </c>
      <c r="AF37" s="280">
        <v>0</v>
      </c>
      <c r="AG37" s="280">
        <v>0</v>
      </c>
      <c r="AH37" s="277">
        <v>0</v>
      </c>
      <c r="AI37" s="282">
        <v>0</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1</v>
      </c>
      <c r="AZ37" s="280">
        <v>1</v>
      </c>
      <c r="BA37" s="280">
        <v>0</v>
      </c>
      <c r="BB37" s="280">
        <v>0</v>
      </c>
      <c r="BC37" s="280">
        <v>0</v>
      </c>
      <c r="BD37" s="277">
        <v>2</v>
      </c>
      <c r="BE37" s="282">
        <v>2</v>
      </c>
      <c r="BF37" s="276">
        <v>0</v>
      </c>
      <c r="BG37" s="280">
        <v>0</v>
      </c>
      <c r="BH37" s="277">
        <v>0</v>
      </c>
      <c r="BI37" s="279">
        <v>0</v>
      </c>
      <c r="BJ37" s="280">
        <v>0</v>
      </c>
      <c r="BK37" s="280">
        <v>1</v>
      </c>
      <c r="BL37" s="280">
        <v>0</v>
      </c>
      <c r="BM37" s="280">
        <v>0</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3</v>
      </c>
      <c r="AD38" s="280">
        <v>4</v>
      </c>
      <c r="AE38" s="280">
        <v>0</v>
      </c>
      <c r="AF38" s="280">
        <v>0</v>
      </c>
      <c r="AG38" s="280">
        <v>0</v>
      </c>
      <c r="AH38" s="277">
        <v>7</v>
      </c>
      <c r="AI38" s="282">
        <v>7</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0</v>
      </c>
      <c r="BK38" s="280">
        <v>1</v>
      </c>
      <c r="BL38" s="280">
        <v>0</v>
      </c>
      <c r="BM38" s="280">
        <v>0</v>
      </c>
      <c r="BN38" s="280">
        <v>0</v>
      </c>
      <c r="BO38" s="281">
        <v>1</v>
      </c>
      <c r="BP38" s="282">
        <v>1</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M3:CW3"/>
    <mergeCell ref="CM4:CO4"/>
    <mergeCell ref="CP4:CV4"/>
    <mergeCell ref="CE4:CK4"/>
    <mergeCell ref="BF4:BH4"/>
    <mergeCell ref="BI4:BO4"/>
    <mergeCell ref="BQ4:BS4"/>
    <mergeCell ref="BT4:BZ4"/>
    <mergeCell ref="CB3:CL3"/>
    <mergeCell ref="CL4:CL5"/>
    <mergeCell ref="CW4:CW5"/>
    <mergeCell ref="AU4:AW4"/>
    <mergeCell ref="AJ4:AL4"/>
    <mergeCell ref="AX4:BD4"/>
    <mergeCell ref="CB4:CD4"/>
    <mergeCell ref="AU3:BE3"/>
    <mergeCell ref="BE4:BE5"/>
    <mergeCell ref="BF3:BP3"/>
    <mergeCell ref="BP4:BP5"/>
    <mergeCell ref="BQ3:CA3"/>
    <mergeCell ref="CA4:CA5"/>
    <mergeCell ref="I1:J1"/>
    <mergeCell ref="L1:M1"/>
    <mergeCell ref="B3:B5"/>
    <mergeCell ref="C3:M3"/>
    <mergeCell ref="N3:X3"/>
    <mergeCell ref="X4:X5"/>
    <mergeCell ref="C4:E4"/>
    <mergeCell ref="F4:L4"/>
    <mergeCell ref="M4:M5"/>
    <mergeCell ref="N4:P4"/>
    <mergeCell ref="Q4:W4"/>
    <mergeCell ref="Y3:AI3"/>
    <mergeCell ref="Y4:AA4"/>
    <mergeCell ref="AB4:AH4"/>
    <mergeCell ref="AI4:AI5"/>
    <mergeCell ref="AJ3:AT3"/>
    <mergeCell ref="AM4:AS4"/>
    <mergeCell ref="AT4:AT5"/>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CW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8.44140625" style="255" customWidth="1"/>
    <col min="8" max="8" width="8.7773437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6640625" style="255" customWidth="1"/>
    <col min="51" max="60" width="9" style="255"/>
    <col min="61" max="61" width="7.21875" style="255" customWidth="1"/>
    <col min="62" max="71" width="9" style="255"/>
    <col min="72" max="72" width="7.21875" style="255" customWidth="1"/>
    <col min="73" max="82" width="9" style="255"/>
    <col min="83" max="83" width="7.33203125" style="255" customWidth="1"/>
    <col min="84" max="93" width="9" style="255"/>
    <col min="94" max="94" width="7.44140625" style="255" customWidth="1"/>
    <col min="95" max="16384" width="9" style="255"/>
  </cols>
  <sheetData>
    <row r="1" spans="1:101" ht="24" customHeight="1" x14ac:dyDescent="0.2">
      <c r="B1" s="290" t="s">
        <v>124</v>
      </c>
      <c r="I1" s="535">
        <f>第１表!F2</f>
        <v>4</v>
      </c>
      <c r="J1" s="535"/>
      <c r="K1" s="248">
        <f>第１表!G2</f>
        <v>12</v>
      </c>
      <c r="L1" s="539">
        <f>IF(K1&lt;3,K1+12-2,K1-2)</f>
        <v>10</v>
      </c>
      <c r="M1" s="539"/>
    </row>
    <row r="2" spans="1:101" s="291" customFormat="1" ht="24" customHeight="1" thickBot="1" x14ac:dyDescent="0.25">
      <c r="A2" s="44"/>
      <c r="B2" s="290" t="s">
        <v>155</v>
      </c>
    </row>
    <row r="3" spans="1:101" ht="21" customHeight="1" thickBot="1" x14ac:dyDescent="0.25">
      <c r="B3" s="552"/>
      <c r="C3" s="543" t="s">
        <v>94</v>
      </c>
      <c r="D3" s="544"/>
      <c r="E3" s="544"/>
      <c r="F3" s="544"/>
      <c r="G3" s="544"/>
      <c r="H3" s="544"/>
      <c r="I3" s="544"/>
      <c r="J3" s="544"/>
      <c r="K3" s="544"/>
      <c r="L3" s="544"/>
      <c r="M3" s="545"/>
      <c r="N3" s="543" t="s">
        <v>88</v>
      </c>
      <c r="O3" s="544"/>
      <c r="P3" s="544"/>
      <c r="Q3" s="544"/>
      <c r="R3" s="544"/>
      <c r="S3" s="544"/>
      <c r="T3" s="544"/>
      <c r="U3" s="544"/>
      <c r="V3" s="544"/>
      <c r="W3" s="544"/>
      <c r="X3" s="545"/>
      <c r="Y3" s="543" t="s">
        <v>142</v>
      </c>
      <c r="Z3" s="544"/>
      <c r="AA3" s="544"/>
      <c r="AB3" s="544"/>
      <c r="AC3" s="544"/>
      <c r="AD3" s="544"/>
      <c r="AE3" s="544"/>
      <c r="AF3" s="544"/>
      <c r="AG3" s="544"/>
      <c r="AH3" s="544"/>
      <c r="AI3" s="545"/>
      <c r="AJ3" s="543" t="s">
        <v>90</v>
      </c>
      <c r="AK3" s="544"/>
      <c r="AL3" s="544"/>
      <c r="AM3" s="544"/>
      <c r="AN3" s="544"/>
      <c r="AO3" s="544"/>
      <c r="AP3" s="544"/>
      <c r="AQ3" s="544"/>
      <c r="AR3" s="544"/>
      <c r="AS3" s="544"/>
      <c r="AT3" s="545"/>
      <c r="AU3" s="556" t="s">
        <v>89</v>
      </c>
      <c r="AV3" s="557"/>
      <c r="AW3" s="557"/>
      <c r="AX3" s="557"/>
      <c r="AY3" s="557"/>
      <c r="AZ3" s="557"/>
      <c r="BA3" s="557"/>
      <c r="BB3" s="557"/>
      <c r="BC3" s="557"/>
      <c r="BD3" s="557"/>
      <c r="BE3" s="558"/>
      <c r="BF3" s="556" t="s">
        <v>91</v>
      </c>
      <c r="BG3" s="557"/>
      <c r="BH3" s="557"/>
      <c r="BI3" s="557"/>
      <c r="BJ3" s="557"/>
      <c r="BK3" s="557"/>
      <c r="BL3" s="557"/>
      <c r="BM3" s="557"/>
      <c r="BN3" s="557"/>
      <c r="BO3" s="557"/>
      <c r="BP3" s="558"/>
      <c r="BQ3" s="556" t="s">
        <v>92</v>
      </c>
      <c r="BR3" s="557"/>
      <c r="BS3" s="557"/>
      <c r="BT3" s="557"/>
      <c r="BU3" s="557"/>
      <c r="BV3" s="557"/>
      <c r="BW3" s="557"/>
      <c r="BX3" s="557"/>
      <c r="BY3" s="557"/>
      <c r="BZ3" s="557"/>
      <c r="CA3" s="558"/>
      <c r="CB3" s="556" t="s">
        <v>93</v>
      </c>
      <c r="CC3" s="557"/>
      <c r="CD3" s="557"/>
      <c r="CE3" s="557"/>
      <c r="CF3" s="557"/>
      <c r="CG3" s="557"/>
      <c r="CH3" s="557"/>
      <c r="CI3" s="557"/>
      <c r="CJ3" s="557"/>
      <c r="CK3" s="557"/>
      <c r="CL3" s="558"/>
      <c r="CM3" s="557" t="s">
        <v>141</v>
      </c>
      <c r="CN3" s="557"/>
      <c r="CO3" s="557"/>
      <c r="CP3" s="557"/>
      <c r="CQ3" s="557"/>
      <c r="CR3" s="557"/>
      <c r="CS3" s="557"/>
      <c r="CT3" s="557"/>
      <c r="CU3" s="557"/>
      <c r="CV3" s="557"/>
      <c r="CW3" s="558"/>
    </row>
    <row r="4" spans="1:101" ht="21" customHeight="1" x14ac:dyDescent="0.2">
      <c r="B4" s="553"/>
      <c r="C4" s="551" t="s">
        <v>61</v>
      </c>
      <c r="D4" s="547"/>
      <c r="E4" s="548"/>
      <c r="F4" s="546" t="s">
        <v>62</v>
      </c>
      <c r="G4" s="547"/>
      <c r="H4" s="547"/>
      <c r="I4" s="547"/>
      <c r="J4" s="547"/>
      <c r="K4" s="547"/>
      <c r="L4" s="555"/>
      <c r="M4" s="549" t="s">
        <v>52</v>
      </c>
      <c r="N4" s="551" t="s">
        <v>61</v>
      </c>
      <c r="O4" s="547"/>
      <c r="P4" s="548"/>
      <c r="Q4" s="546" t="s">
        <v>62</v>
      </c>
      <c r="R4" s="547"/>
      <c r="S4" s="547"/>
      <c r="T4" s="547"/>
      <c r="U4" s="547"/>
      <c r="V4" s="547"/>
      <c r="W4" s="548"/>
      <c r="X4" s="549" t="s">
        <v>52</v>
      </c>
      <c r="Y4" s="551" t="s">
        <v>61</v>
      </c>
      <c r="Z4" s="547"/>
      <c r="AA4" s="548"/>
      <c r="AB4" s="546" t="s">
        <v>62</v>
      </c>
      <c r="AC4" s="547"/>
      <c r="AD4" s="547"/>
      <c r="AE4" s="547"/>
      <c r="AF4" s="547"/>
      <c r="AG4" s="547"/>
      <c r="AH4" s="548"/>
      <c r="AI4" s="549" t="s">
        <v>52</v>
      </c>
      <c r="AJ4" s="551" t="s">
        <v>61</v>
      </c>
      <c r="AK4" s="547"/>
      <c r="AL4" s="548"/>
      <c r="AM4" s="546" t="s">
        <v>62</v>
      </c>
      <c r="AN4" s="547"/>
      <c r="AO4" s="547"/>
      <c r="AP4" s="547"/>
      <c r="AQ4" s="547"/>
      <c r="AR4" s="547"/>
      <c r="AS4" s="548"/>
      <c r="AT4" s="549" t="s">
        <v>52</v>
      </c>
      <c r="AU4" s="574" t="s">
        <v>61</v>
      </c>
      <c r="AV4" s="572"/>
      <c r="AW4" s="573"/>
      <c r="AX4" s="571" t="s">
        <v>62</v>
      </c>
      <c r="AY4" s="572"/>
      <c r="AZ4" s="572"/>
      <c r="BA4" s="572"/>
      <c r="BB4" s="572"/>
      <c r="BC4" s="572"/>
      <c r="BD4" s="573"/>
      <c r="BE4" s="569" t="s">
        <v>52</v>
      </c>
      <c r="BF4" s="574" t="s">
        <v>61</v>
      </c>
      <c r="BG4" s="572"/>
      <c r="BH4" s="573"/>
      <c r="BI4" s="571" t="s">
        <v>62</v>
      </c>
      <c r="BJ4" s="572"/>
      <c r="BK4" s="572"/>
      <c r="BL4" s="572"/>
      <c r="BM4" s="572"/>
      <c r="BN4" s="572"/>
      <c r="BO4" s="573"/>
      <c r="BP4" s="569" t="s">
        <v>52</v>
      </c>
      <c r="BQ4" s="574" t="s">
        <v>61</v>
      </c>
      <c r="BR4" s="572"/>
      <c r="BS4" s="573"/>
      <c r="BT4" s="571" t="s">
        <v>62</v>
      </c>
      <c r="BU4" s="572"/>
      <c r="BV4" s="572"/>
      <c r="BW4" s="572"/>
      <c r="BX4" s="572"/>
      <c r="BY4" s="572"/>
      <c r="BZ4" s="573"/>
      <c r="CA4" s="569" t="s">
        <v>52</v>
      </c>
      <c r="CB4" s="574" t="s">
        <v>61</v>
      </c>
      <c r="CC4" s="572"/>
      <c r="CD4" s="573"/>
      <c r="CE4" s="571" t="s">
        <v>62</v>
      </c>
      <c r="CF4" s="572"/>
      <c r="CG4" s="572"/>
      <c r="CH4" s="572"/>
      <c r="CI4" s="572"/>
      <c r="CJ4" s="572"/>
      <c r="CK4" s="573"/>
      <c r="CL4" s="569" t="s">
        <v>52</v>
      </c>
      <c r="CM4" s="574" t="s">
        <v>61</v>
      </c>
      <c r="CN4" s="572"/>
      <c r="CO4" s="573"/>
      <c r="CP4" s="571" t="s">
        <v>62</v>
      </c>
      <c r="CQ4" s="572"/>
      <c r="CR4" s="572"/>
      <c r="CS4" s="572"/>
      <c r="CT4" s="572"/>
      <c r="CU4" s="572"/>
      <c r="CV4" s="573"/>
      <c r="CW4" s="569" t="s">
        <v>52</v>
      </c>
    </row>
    <row r="5" spans="1:101" ht="30" customHeight="1" thickBot="1" x14ac:dyDescent="0.25">
      <c r="B5" s="554"/>
      <c r="C5" s="350" t="s">
        <v>43</v>
      </c>
      <c r="D5" s="265" t="s">
        <v>44</v>
      </c>
      <c r="E5" s="266" t="s">
        <v>45</v>
      </c>
      <c r="F5" s="267" t="s">
        <v>83</v>
      </c>
      <c r="G5" s="259" t="s">
        <v>47</v>
      </c>
      <c r="H5" s="259" t="s">
        <v>48</v>
      </c>
      <c r="I5" s="259" t="s">
        <v>49</v>
      </c>
      <c r="J5" s="259" t="s">
        <v>50</v>
      </c>
      <c r="K5" s="259" t="s">
        <v>51</v>
      </c>
      <c r="L5" s="268" t="s">
        <v>45</v>
      </c>
      <c r="M5" s="550"/>
      <c r="N5" s="350" t="s">
        <v>43</v>
      </c>
      <c r="O5" s="259" t="s">
        <v>44</v>
      </c>
      <c r="P5" s="265" t="s">
        <v>45</v>
      </c>
      <c r="Q5" s="267" t="s">
        <v>83</v>
      </c>
      <c r="R5" s="259" t="s">
        <v>47</v>
      </c>
      <c r="S5" s="259" t="s">
        <v>48</v>
      </c>
      <c r="T5" s="259" t="s">
        <v>49</v>
      </c>
      <c r="U5" s="259" t="s">
        <v>50</v>
      </c>
      <c r="V5" s="259" t="s">
        <v>51</v>
      </c>
      <c r="W5" s="265" t="s">
        <v>45</v>
      </c>
      <c r="X5" s="550"/>
      <c r="Y5" s="350" t="s">
        <v>43</v>
      </c>
      <c r="Z5" s="259" t="s">
        <v>44</v>
      </c>
      <c r="AA5" s="265" t="s">
        <v>45</v>
      </c>
      <c r="AB5" s="267" t="s">
        <v>83</v>
      </c>
      <c r="AC5" s="259" t="s">
        <v>47</v>
      </c>
      <c r="AD5" s="259" t="s">
        <v>48</v>
      </c>
      <c r="AE5" s="259" t="s">
        <v>49</v>
      </c>
      <c r="AF5" s="259" t="s">
        <v>50</v>
      </c>
      <c r="AG5" s="259" t="s">
        <v>51</v>
      </c>
      <c r="AH5" s="265" t="s">
        <v>45</v>
      </c>
      <c r="AI5" s="550"/>
      <c r="AJ5" s="350" t="s">
        <v>43</v>
      </c>
      <c r="AK5" s="259" t="s">
        <v>44</v>
      </c>
      <c r="AL5" s="265" t="s">
        <v>45</v>
      </c>
      <c r="AM5" s="267" t="s">
        <v>83</v>
      </c>
      <c r="AN5" s="259" t="s">
        <v>47</v>
      </c>
      <c r="AO5" s="259" t="s">
        <v>48</v>
      </c>
      <c r="AP5" s="259" t="s">
        <v>49</v>
      </c>
      <c r="AQ5" s="259" t="s">
        <v>50</v>
      </c>
      <c r="AR5" s="259" t="s">
        <v>51</v>
      </c>
      <c r="AS5" s="265" t="s">
        <v>45</v>
      </c>
      <c r="AT5" s="550"/>
      <c r="AU5" s="350" t="s">
        <v>43</v>
      </c>
      <c r="AV5" s="259" t="s">
        <v>44</v>
      </c>
      <c r="AW5" s="265" t="s">
        <v>45</v>
      </c>
      <c r="AX5" s="267" t="s">
        <v>83</v>
      </c>
      <c r="AY5" s="259" t="s">
        <v>47</v>
      </c>
      <c r="AZ5" s="259" t="s">
        <v>48</v>
      </c>
      <c r="BA5" s="259" t="s">
        <v>49</v>
      </c>
      <c r="BB5" s="259" t="s">
        <v>50</v>
      </c>
      <c r="BC5" s="259" t="s">
        <v>51</v>
      </c>
      <c r="BD5" s="265" t="s">
        <v>45</v>
      </c>
      <c r="BE5" s="570"/>
      <c r="BF5" s="350" t="s">
        <v>43</v>
      </c>
      <c r="BG5" s="259" t="s">
        <v>44</v>
      </c>
      <c r="BH5" s="265" t="s">
        <v>45</v>
      </c>
      <c r="BI5" s="267" t="s">
        <v>83</v>
      </c>
      <c r="BJ5" s="259" t="s">
        <v>47</v>
      </c>
      <c r="BK5" s="259" t="s">
        <v>48</v>
      </c>
      <c r="BL5" s="259" t="s">
        <v>49</v>
      </c>
      <c r="BM5" s="259" t="s">
        <v>50</v>
      </c>
      <c r="BN5" s="259" t="s">
        <v>51</v>
      </c>
      <c r="BO5" s="265" t="s">
        <v>45</v>
      </c>
      <c r="BP5" s="570"/>
      <c r="BQ5" s="350" t="s">
        <v>43</v>
      </c>
      <c r="BR5" s="259" t="s">
        <v>44</v>
      </c>
      <c r="BS5" s="265" t="s">
        <v>45</v>
      </c>
      <c r="BT5" s="267" t="s">
        <v>83</v>
      </c>
      <c r="BU5" s="259" t="s">
        <v>47</v>
      </c>
      <c r="BV5" s="259" t="s">
        <v>48</v>
      </c>
      <c r="BW5" s="259" t="s">
        <v>49</v>
      </c>
      <c r="BX5" s="259" t="s">
        <v>50</v>
      </c>
      <c r="BY5" s="259" t="s">
        <v>51</v>
      </c>
      <c r="BZ5" s="265" t="s">
        <v>45</v>
      </c>
      <c r="CA5" s="570"/>
      <c r="CB5" s="350" t="s">
        <v>43</v>
      </c>
      <c r="CC5" s="259" t="s">
        <v>44</v>
      </c>
      <c r="CD5" s="265" t="s">
        <v>45</v>
      </c>
      <c r="CE5" s="267" t="s">
        <v>83</v>
      </c>
      <c r="CF5" s="259" t="s">
        <v>47</v>
      </c>
      <c r="CG5" s="259" t="s">
        <v>48</v>
      </c>
      <c r="CH5" s="259" t="s">
        <v>49</v>
      </c>
      <c r="CI5" s="259" t="s">
        <v>50</v>
      </c>
      <c r="CJ5" s="259" t="s">
        <v>51</v>
      </c>
      <c r="CK5" s="265" t="s">
        <v>45</v>
      </c>
      <c r="CL5" s="570"/>
      <c r="CM5" s="350" t="s">
        <v>43</v>
      </c>
      <c r="CN5" s="259" t="s">
        <v>44</v>
      </c>
      <c r="CO5" s="265" t="s">
        <v>45</v>
      </c>
      <c r="CP5" s="267" t="s">
        <v>83</v>
      </c>
      <c r="CQ5" s="259" t="s">
        <v>47</v>
      </c>
      <c r="CR5" s="259" t="s">
        <v>48</v>
      </c>
      <c r="CS5" s="259" t="s">
        <v>49</v>
      </c>
      <c r="CT5" s="259" t="s">
        <v>50</v>
      </c>
      <c r="CU5" s="259" t="s">
        <v>51</v>
      </c>
      <c r="CV5" s="265" t="s">
        <v>45</v>
      </c>
      <c r="CW5" s="570"/>
    </row>
    <row r="6" spans="1:101" ht="21" customHeight="1" x14ac:dyDescent="0.2">
      <c r="B6" s="260" t="s">
        <v>4</v>
      </c>
      <c r="C6" s="269">
        <v>0</v>
      </c>
      <c r="D6" s="270">
        <v>0</v>
      </c>
      <c r="E6" s="271">
        <v>0</v>
      </c>
      <c r="F6" s="272">
        <v>0</v>
      </c>
      <c r="G6" s="273">
        <v>27</v>
      </c>
      <c r="H6" s="273">
        <v>39</v>
      </c>
      <c r="I6" s="273">
        <v>20</v>
      </c>
      <c r="J6" s="273">
        <v>31</v>
      </c>
      <c r="K6" s="273">
        <v>19</v>
      </c>
      <c r="L6" s="274">
        <v>136</v>
      </c>
      <c r="M6" s="275">
        <v>136</v>
      </c>
      <c r="N6" s="269">
        <v>0</v>
      </c>
      <c r="O6" s="273">
        <v>0</v>
      </c>
      <c r="P6" s="270">
        <v>0</v>
      </c>
      <c r="Q6" s="272">
        <v>0</v>
      </c>
      <c r="R6" s="273">
        <v>12</v>
      </c>
      <c r="S6" s="273">
        <v>39</v>
      </c>
      <c r="T6" s="273">
        <v>34</v>
      </c>
      <c r="U6" s="273">
        <v>25</v>
      </c>
      <c r="V6" s="273">
        <v>24</v>
      </c>
      <c r="W6" s="270">
        <v>134</v>
      </c>
      <c r="X6" s="275">
        <v>134</v>
      </c>
      <c r="Y6" s="269">
        <v>0</v>
      </c>
      <c r="Z6" s="273">
        <v>0</v>
      </c>
      <c r="AA6" s="270">
        <v>0</v>
      </c>
      <c r="AB6" s="272">
        <v>0</v>
      </c>
      <c r="AC6" s="273">
        <v>775</v>
      </c>
      <c r="AD6" s="273">
        <v>649</v>
      </c>
      <c r="AE6" s="273">
        <v>296</v>
      </c>
      <c r="AF6" s="273">
        <v>133</v>
      </c>
      <c r="AG6" s="273">
        <v>49</v>
      </c>
      <c r="AH6" s="270">
        <v>1902</v>
      </c>
      <c r="AI6" s="275">
        <v>1902</v>
      </c>
      <c r="AJ6" s="269">
        <v>2</v>
      </c>
      <c r="AK6" s="273">
        <v>0</v>
      </c>
      <c r="AL6" s="270">
        <v>2</v>
      </c>
      <c r="AM6" s="272">
        <v>0</v>
      </c>
      <c r="AN6" s="273">
        <v>49</v>
      </c>
      <c r="AO6" s="273">
        <v>68</v>
      </c>
      <c r="AP6" s="273">
        <v>68</v>
      </c>
      <c r="AQ6" s="273">
        <v>26</v>
      </c>
      <c r="AR6" s="273">
        <v>27</v>
      </c>
      <c r="AS6" s="270">
        <v>238</v>
      </c>
      <c r="AT6" s="275">
        <v>240</v>
      </c>
      <c r="AU6" s="269">
        <v>11</v>
      </c>
      <c r="AV6" s="273">
        <v>14</v>
      </c>
      <c r="AW6" s="270">
        <v>25</v>
      </c>
      <c r="AX6" s="272">
        <v>0</v>
      </c>
      <c r="AY6" s="273">
        <v>76</v>
      </c>
      <c r="AZ6" s="273">
        <v>43</v>
      </c>
      <c r="BA6" s="273">
        <v>54</v>
      </c>
      <c r="BB6" s="273">
        <v>42</v>
      </c>
      <c r="BC6" s="273">
        <v>18</v>
      </c>
      <c r="BD6" s="270">
        <v>233</v>
      </c>
      <c r="BE6" s="275">
        <v>258</v>
      </c>
      <c r="BF6" s="269">
        <v>0</v>
      </c>
      <c r="BG6" s="273">
        <v>0</v>
      </c>
      <c r="BH6" s="270">
        <v>0</v>
      </c>
      <c r="BI6" s="272">
        <v>0</v>
      </c>
      <c r="BJ6" s="273">
        <v>66</v>
      </c>
      <c r="BK6" s="273">
        <v>106</v>
      </c>
      <c r="BL6" s="273">
        <v>134</v>
      </c>
      <c r="BM6" s="273">
        <v>96</v>
      </c>
      <c r="BN6" s="273">
        <v>68</v>
      </c>
      <c r="BO6" s="274">
        <v>470</v>
      </c>
      <c r="BP6" s="275">
        <v>470</v>
      </c>
      <c r="BQ6" s="269">
        <v>0</v>
      </c>
      <c r="BR6" s="273">
        <v>0</v>
      </c>
      <c r="BS6" s="270">
        <v>0</v>
      </c>
      <c r="BT6" s="272">
        <v>0</v>
      </c>
      <c r="BU6" s="273">
        <v>2</v>
      </c>
      <c r="BV6" s="273">
        <v>6</v>
      </c>
      <c r="BW6" s="273">
        <v>6</v>
      </c>
      <c r="BX6" s="273">
        <v>5</v>
      </c>
      <c r="BY6" s="273">
        <v>5</v>
      </c>
      <c r="BZ6" s="270">
        <v>24</v>
      </c>
      <c r="CA6" s="275">
        <v>24</v>
      </c>
      <c r="CB6" s="269">
        <v>0</v>
      </c>
      <c r="CC6" s="273">
        <v>0</v>
      </c>
      <c r="CD6" s="270">
        <v>0</v>
      </c>
      <c r="CE6" s="272">
        <v>0</v>
      </c>
      <c r="CF6" s="273">
        <v>1</v>
      </c>
      <c r="CG6" s="273">
        <v>3</v>
      </c>
      <c r="CH6" s="273">
        <v>13</v>
      </c>
      <c r="CI6" s="273">
        <v>15</v>
      </c>
      <c r="CJ6" s="273">
        <v>7</v>
      </c>
      <c r="CK6" s="270">
        <v>39</v>
      </c>
      <c r="CL6" s="275">
        <v>39</v>
      </c>
      <c r="CM6" s="269">
        <v>0</v>
      </c>
      <c r="CN6" s="273">
        <v>0</v>
      </c>
      <c r="CO6" s="270">
        <v>0</v>
      </c>
      <c r="CP6" s="272">
        <v>0</v>
      </c>
      <c r="CQ6" s="273">
        <v>9</v>
      </c>
      <c r="CR6" s="273">
        <v>13</v>
      </c>
      <c r="CS6" s="273">
        <v>19</v>
      </c>
      <c r="CT6" s="273">
        <v>16</v>
      </c>
      <c r="CU6" s="273">
        <v>36</v>
      </c>
      <c r="CV6" s="270">
        <v>93</v>
      </c>
      <c r="CW6" s="275">
        <v>93</v>
      </c>
    </row>
    <row r="7" spans="1:101" ht="21" customHeight="1" x14ac:dyDescent="0.2">
      <c r="B7" s="261" t="s">
        <v>5</v>
      </c>
      <c r="C7" s="276">
        <v>0</v>
      </c>
      <c r="D7" s="277">
        <v>0</v>
      </c>
      <c r="E7" s="278">
        <v>0</v>
      </c>
      <c r="F7" s="279">
        <v>0</v>
      </c>
      <c r="G7" s="280">
        <v>6</v>
      </c>
      <c r="H7" s="280">
        <v>18</v>
      </c>
      <c r="I7" s="280">
        <v>10</v>
      </c>
      <c r="J7" s="280">
        <v>13</v>
      </c>
      <c r="K7" s="280">
        <v>9</v>
      </c>
      <c r="L7" s="281">
        <v>56</v>
      </c>
      <c r="M7" s="282">
        <v>56</v>
      </c>
      <c r="N7" s="276">
        <v>0</v>
      </c>
      <c r="O7" s="280">
        <v>0</v>
      </c>
      <c r="P7" s="277">
        <v>0</v>
      </c>
      <c r="Q7" s="279">
        <v>0</v>
      </c>
      <c r="R7" s="280">
        <v>7</v>
      </c>
      <c r="S7" s="280">
        <v>31</v>
      </c>
      <c r="T7" s="280">
        <v>27</v>
      </c>
      <c r="U7" s="280">
        <v>16</v>
      </c>
      <c r="V7" s="280">
        <v>18</v>
      </c>
      <c r="W7" s="277">
        <v>99</v>
      </c>
      <c r="X7" s="282">
        <v>99</v>
      </c>
      <c r="Y7" s="276">
        <v>0</v>
      </c>
      <c r="Z7" s="280">
        <v>0</v>
      </c>
      <c r="AA7" s="277">
        <v>0</v>
      </c>
      <c r="AB7" s="279">
        <v>0</v>
      </c>
      <c r="AC7" s="280">
        <v>285</v>
      </c>
      <c r="AD7" s="280">
        <v>345</v>
      </c>
      <c r="AE7" s="280">
        <v>132</v>
      </c>
      <c r="AF7" s="280">
        <v>64</v>
      </c>
      <c r="AG7" s="280">
        <v>25</v>
      </c>
      <c r="AH7" s="277">
        <v>851</v>
      </c>
      <c r="AI7" s="282">
        <v>851</v>
      </c>
      <c r="AJ7" s="276">
        <v>2</v>
      </c>
      <c r="AK7" s="280">
        <v>0</v>
      </c>
      <c r="AL7" s="277">
        <v>2</v>
      </c>
      <c r="AM7" s="279">
        <v>0</v>
      </c>
      <c r="AN7" s="280">
        <v>30</v>
      </c>
      <c r="AO7" s="280">
        <v>37</v>
      </c>
      <c r="AP7" s="280">
        <v>34</v>
      </c>
      <c r="AQ7" s="280">
        <v>14</v>
      </c>
      <c r="AR7" s="280">
        <v>15</v>
      </c>
      <c r="AS7" s="277">
        <v>130</v>
      </c>
      <c r="AT7" s="282">
        <v>132</v>
      </c>
      <c r="AU7" s="276">
        <v>7</v>
      </c>
      <c r="AV7" s="280">
        <v>5</v>
      </c>
      <c r="AW7" s="277">
        <v>12</v>
      </c>
      <c r="AX7" s="279">
        <v>0</v>
      </c>
      <c r="AY7" s="280">
        <v>30</v>
      </c>
      <c r="AZ7" s="280">
        <v>20</v>
      </c>
      <c r="BA7" s="280">
        <v>24</v>
      </c>
      <c r="BB7" s="280">
        <v>21</v>
      </c>
      <c r="BC7" s="280">
        <v>7</v>
      </c>
      <c r="BD7" s="277">
        <v>102</v>
      </c>
      <c r="BE7" s="282">
        <v>114</v>
      </c>
      <c r="BF7" s="276">
        <v>0</v>
      </c>
      <c r="BG7" s="280">
        <v>0</v>
      </c>
      <c r="BH7" s="277">
        <v>0</v>
      </c>
      <c r="BI7" s="279">
        <v>0</v>
      </c>
      <c r="BJ7" s="280">
        <v>28</v>
      </c>
      <c r="BK7" s="280">
        <v>41</v>
      </c>
      <c r="BL7" s="280">
        <v>53</v>
      </c>
      <c r="BM7" s="280">
        <v>36</v>
      </c>
      <c r="BN7" s="280">
        <v>19</v>
      </c>
      <c r="BO7" s="281">
        <v>177</v>
      </c>
      <c r="BP7" s="282">
        <v>177</v>
      </c>
      <c r="BQ7" s="276">
        <v>0</v>
      </c>
      <c r="BR7" s="280">
        <v>0</v>
      </c>
      <c r="BS7" s="277">
        <v>0</v>
      </c>
      <c r="BT7" s="279">
        <v>0</v>
      </c>
      <c r="BU7" s="280">
        <v>0</v>
      </c>
      <c r="BV7" s="280">
        <v>0</v>
      </c>
      <c r="BW7" s="280">
        <v>0</v>
      </c>
      <c r="BX7" s="280">
        <v>0</v>
      </c>
      <c r="BY7" s="280">
        <v>0</v>
      </c>
      <c r="BZ7" s="277">
        <v>0</v>
      </c>
      <c r="CA7" s="282">
        <v>0</v>
      </c>
      <c r="CB7" s="276">
        <v>0</v>
      </c>
      <c r="CC7" s="280">
        <v>0</v>
      </c>
      <c r="CD7" s="277">
        <v>0</v>
      </c>
      <c r="CE7" s="279">
        <v>0</v>
      </c>
      <c r="CF7" s="280">
        <v>0</v>
      </c>
      <c r="CG7" s="280">
        <v>1</v>
      </c>
      <c r="CH7" s="280">
        <v>0</v>
      </c>
      <c r="CI7" s="280">
        <v>2</v>
      </c>
      <c r="CJ7" s="280">
        <v>0</v>
      </c>
      <c r="CK7" s="277">
        <v>3</v>
      </c>
      <c r="CL7" s="282">
        <v>3</v>
      </c>
      <c r="CM7" s="276">
        <v>0</v>
      </c>
      <c r="CN7" s="280">
        <v>0</v>
      </c>
      <c r="CO7" s="277">
        <v>0</v>
      </c>
      <c r="CP7" s="279">
        <v>0</v>
      </c>
      <c r="CQ7" s="280">
        <v>3</v>
      </c>
      <c r="CR7" s="280">
        <v>5</v>
      </c>
      <c r="CS7" s="280">
        <v>8</v>
      </c>
      <c r="CT7" s="280">
        <v>4</v>
      </c>
      <c r="CU7" s="280">
        <v>18</v>
      </c>
      <c r="CV7" s="277">
        <v>38</v>
      </c>
      <c r="CW7" s="282">
        <v>38</v>
      </c>
    </row>
    <row r="8" spans="1:101" ht="21" customHeight="1" x14ac:dyDescent="0.2">
      <c r="B8" s="261" t="s">
        <v>6</v>
      </c>
      <c r="C8" s="276">
        <v>0</v>
      </c>
      <c r="D8" s="277">
        <v>0</v>
      </c>
      <c r="E8" s="278">
        <v>0</v>
      </c>
      <c r="F8" s="279">
        <v>0</v>
      </c>
      <c r="G8" s="280">
        <v>10</v>
      </c>
      <c r="H8" s="280">
        <v>11</v>
      </c>
      <c r="I8" s="280">
        <v>5</v>
      </c>
      <c r="J8" s="280">
        <v>8</v>
      </c>
      <c r="K8" s="280">
        <v>4</v>
      </c>
      <c r="L8" s="281">
        <v>38</v>
      </c>
      <c r="M8" s="282">
        <v>38</v>
      </c>
      <c r="N8" s="276">
        <v>0</v>
      </c>
      <c r="O8" s="280">
        <v>0</v>
      </c>
      <c r="P8" s="277">
        <v>0</v>
      </c>
      <c r="Q8" s="279">
        <v>0</v>
      </c>
      <c r="R8" s="280">
        <v>3</v>
      </c>
      <c r="S8" s="280">
        <v>7</v>
      </c>
      <c r="T8" s="280">
        <v>5</v>
      </c>
      <c r="U8" s="280">
        <v>7</v>
      </c>
      <c r="V8" s="280">
        <v>6</v>
      </c>
      <c r="W8" s="277">
        <v>28</v>
      </c>
      <c r="X8" s="282">
        <v>28</v>
      </c>
      <c r="Y8" s="276">
        <v>0</v>
      </c>
      <c r="Z8" s="280">
        <v>0</v>
      </c>
      <c r="AA8" s="277">
        <v>0</v>
      </c>
      <c r="AB8" s="279">
        <v>0</v>
      </c>
      <c r="AC8" s="280">
        <v>138</v>
      </c>
      <c r="AD8" s="280">
        <v>68</v>
      </c>
      <c r="AE8" s="280">
        <v>43</v>
      </c>
      <c r="AF8" s="280">
        <v>18</v>
      </c>
      <c r="AG8" s="280">
        <v>9</v>
      </c>
      <c r="AH8" s="277">
        <v>276</v>
      </c>
      <c r="AI8" s="282">
        <v>276</v>
      </c>
      <c r="AJ8" s="276">
        <v>0</v>
      </c>
      <c r="AK8" s="280">
        <v>0</v>
      </c>
      <c r="AL8" s="277">
        <v>0</v>
      </c>
      <c r="AM8" s="279">
        <v>0</v>
      </c>
      <c r="AN8" s="280">
        <v>10</v>
      </c>
      <c r="AO8" s="280">
        <v>13</v>
      </c>
      <c r="AP8" s="280">
        <v>18</v>
      </c>
      <c r="AQ8" s="280">
        <v>7</v>
      </c>
      <c r="AR8" s="280">
        <v>6</v>
      </c>
      <c r="AS8" s="277">
        <v>54</v>
      </c>
      <c r="AT8" s="282">
        <v>54</v>
      </c>
      <c r="AU8" s="276">
        <v>1</v>
      </c>
      <c r="AV8" s="280">
        <v>4</v>
      </c>
      <c r="AW8" s="277">
        <v>5</v>
      </c>
      <c r="AX8" s="279">
        <v>0</v>
      </c>
      <c r="AY8" s="280">
        <v>16</v>
      </c>
      <c r="AZ8" s="280">
        <v>4</v>
      </c>
      <c r="BA8" s="280">
        <v>9</v>
      </c>
      <c r="BB8" s="280">
        <v>3</v>
      </c>
      <c r="BC8" s="280">
        <v>2</v>
      </c>
      <c r="BD8" s="277">
        <v>34</v>
      </c>
      <c r="BE8" s="282">
        <v>39</v>
      </c>
      <c r="BF8" s="276">
        <v>0</v>
      </c>
      <c r="BG8" s="280">
        <v>0</v>
      </c>
      <c r="BH8" s="277">
        <v>0</v>
      </c>
      <c r="BI8" s="279">
        <v>0</v>
      </c>
      <c r="BJ8" s="280">
        <v>14</v>
      </c>
      <c r="BK8" s="280">
        <v>22</v>
      </c>
      <c r="BL8" s="280">
        <v>27</v>
      </c>
      <c r="BM8" s="280">
        <v>14</v>
      </c>
      <c r="BN8" s="280">
        <v>18</v>
      </c>
      <c r="BO8" s="281">
        <v>95</v>
      </c>
      <c r="BP8" s="282">
        <v>95</v>
      </c>
      <c r="BQ8" s="276">
        <v>0</v>
      </c>
      <c r="BR8" s="280">
        <v>0</v>
      </c>
      <c r="BS8" s="277">
        <v>0</v>
      </c>
      <c r="BT8" s="279">
        <v>0</v>
      </c>
      <c r="BU8" s="280">
        <v>0</v>
      </c>
      <c r="BV8" s="280">
        <v>0</v>
      </c>
      <c r="BW8" s="280">
        <v>0</v>
      </c>
      <c r="BX8" s="280">
        <v>0</v>
      </c>
      <c r="BY8" s="280">
        <v>0</v>
      </c>
      <c r="BZ8" s="277">
        <v>0</v>
      </c>
      <c r="CA8" s="282">
        <v>0</v>
      </c>
      <c r="CB8" s="276">
        <v>0</v>
      </c>
      <c r="CC8" s="280">
        <v>0</v>
      </c>
      <c r="CD8" s="277">
        <v>0</v>
      </c>
      <c r="CE8" s="279">
        <v>0</v>
      </c>
      <c r="CF8" s="280">
        <v>1</v>
      </c>
      <c r="CG8" s="280">
        <v>0</v>
      </c>
      <c r="CH8" s="280">
        <v>8</v>
      </c>
      <c r="CI8" s="280">
        <v>5</v>
      </c>
      <c r="CJ8" s="280">
        <v>3</v>
      </c>
      <c r="CK8" s="277">
        <v>17</v>
      </c>
      <c r="CL8" s="282">
        <v>17</v>
      </c>
      <c r="CM8" s="276">
        <v>0</v>
      </c>
      <c r="CN8" s="280">
        <v>0</v>
      </c>
      <c r="CO8" s="277">
        <v>0</v>
      </c>
      <c r="CP8" s="279">
        <v>0</v>
      </c>
      <c r="CQ8" s="280">
        <v>2</v>
      </c>
      <c r="CR8" s="280">
        <v>5</v>
      </c>
      <c r="CS8" s="280">
        <v>5</v>
      </c>
      <c r="CT8" s="280">
        <v>6</v>
      </c>
      <c r="CU8" s="280">
        <v>5</v>
      </c>
      <c r="CV8" s="277">
        <v>23</v>
      </c>
      <c r="CW8" s="282">
        <v>23</v>
      </c>
    </row>
    <row r="9" spans="1:101" ht="21" customHeight="1" x14ac:dyDescent="0.2">
      <c r="B9" s="261" t="s">
        <v>14</v>
      </c>
      <c r="C9" s="276">
        <v>0</v>
      </c>
      <c r="D9" s="277">
        <v>0</v>
      </c>
      <c r="E9" s="278">
        <v>0</v>
      </c>
      <c r="F9" s="279">
        <v>0</v>
      </c>
      <c r="G9" s="280">
        <v>1</v>
      </c>
      <c r="H9" s="280">
        <v>0</v>
      </c>
      <c r="I9" s="280">
        <v>1</v>
      </c>
      <c r="J9" s="280">
        <v>1</v>
      </c>
      <c r="K9" s="280">
        <v>3</v>
      </c>
      <c r="L9" s="281">
        <v>6</v>
      </c>
      <c r="M9" s="282">
        <v>6</v>
      </c>
      <c r="N9" s="276">
        <v>0</v>
      </c>
      <c r="O9" s="280">
        <v>0</v>
      </c>
      <c r="P9" s="277">
        <v>0</v>
      </c>
      <c r="Q9" s="279">
        <v>0</v>
      </c>
      <c r="R9" s="280">
        <v>0</v>
      </c>
      <c r="S9" s="280">
        <v>0</v>
      </c>
      <c r="T9" s="280">
        <v>0</v>
      </c>
      <c r="U9" s="280">
        <v>1</v>
      </c>
      <c r="V9" s="280">
        <v>0</v>
      </c>
      <c r="W9" s="277">
        <v>1</v>
      </c>
      <c r="X9" s="282">
        <v>1</v>
      </c>
      <c r="Y9" s="276">
        <v>0</v>
      </c>
      <c r="Z9" s="280">
        <v>0</v>
      </c>
      <c r="AA9" s="277">
        <v>0</v>
      </c>
      <c r="AB9" s="279">
        <v>0</v>
      </c>
      <c r="AC9" s="280">
        <v>52</v>
      </c>
      <c r="AD9" s="280">
        <v>48</v>
      </c>
      <c r="AE9" s="280">
        <v>20</v>
      </c>
      <c r="AF9" s="280">
        <v>5</v>
      </c>
      <c r="AG9" s="280">
        <v>3</v>
      </c>
      <c r="AH9" s="277">
        <v>128</v>
      </c>
      <c r="AI9" s="282">
        <v>128</v>
      </c>
      <c r="AJ9" s="276">
        <v>0</v>
      </c>
      <c r="AK9" s="280">
        <v>0</v>
      </c>
      <c r="AL9" s="277">
        <v>0</v>
      </c>
      <c r="AM9" s="279">
        <v>0</v>
      </c>
      <c r="AN9" s="280">
        <v>0</v>
      </c>
      <c r="AO9" s="280">
        <v>1</v>
      </c>
      <c r="AP9" s="280">
        <v>1</v>
      </c>
      <c r="AQ9" s="280">
        <v>1</v>
      </c>
      <c r="AR9" s="280">
        <v>1</v>
      </c>
      <c r="AS9" s="277">
        <v>4</v>
      </c>
      <c r="AT9" s="282">
        <v>4</v>
      </c>
      <c r="AU9" s="276">
        <v>0</v>
      </c>
      <c r="AV9" s="280">
        <v>0</v>
      </c>
      <c r="AW9" s="277">
        <v>0</v>
      </c>
      <c r="AX9" s="279">
        <v>0</v>
      </c>
      <c r="AY9" s="280">
        <v>2</v>
      </c>
      <c r="AZ9" s="280">
        <v>7</v>
      </c>
      <c r="BA9" s="280">
        <v>5</v>
      </c>
      <c r="BB9" s="280">
        <v>4</v>
      </c>
      <c r="BC9" s="280">
        <v>1</v>
      </c>
      <c r="BD9" s="277">
        <v>19</v>
      </c>
      <c r="BE9" s="282">
        <v>19</v>
      </c>
      <c r="BF9" s="276">
        <v>0</v>
      </c>
      <c r="BG9" s="280">
        <v>0</v>
      </c>
      <c r="BH9" s="277">
        <v>0</v>
      </c>
      <c r="BI9" s="279">
        <v>0</v>
      </c>
      <c r="BJ9" s="280">
        <v>9</v>
      </c>
      <c r="BK9" s="280">
        <v>8</v>
      </c>
      <c r="BL9" s="280">
        <v>9</v>
      </c>
      <c r="BM9" s="280">
        <v>7</v>
      </c>
      <c r="BN9" s="280">
        <v>5</v>
      </c>
      <c r="BO9" s="281">
        <v>38</v>
      </c>
      <c r="BP9" s="282">
        <v>38</v>
      </c>
      <c r="BQ9" s="276">
        <v>0</v>
      </c>
      <c r="BR9" s="280">
        <v>0</v>
      </c>
      <c r="BS9" s="277">
        <v>0</v>
      </c>
      <c r="BT9" s="279">
        <v>0</v>
      </c>
      <c r="BU9" s="280">
        <v>0</v>
      </c>
      <c r="BV9" s="280">
        <v>0</v>
      </c>
      <c r="BW9" s="280">
        <v>0</v>
      </c>
      <c r="BX9" s="280">
        <v>0</v>
      </c>
      <c r="BY9" s="280">
        <v>0</v>
      </c>
      <c r="BZ9" s="277">
        <v>0</v>
      </c>
      <c r="CA9" s="282">
        <v>0</v>
      </c>
      <c r="CB9" s="276">
        <v>0</v>
      </c>
      <c r="CC9" s="280">
        <v>0</v>
      </c>
      <c r="CD9" s="277">
        <v>0</v>
      </c>
      <c r="CE9" s="279">
        <v>0</v>
      </c>
      <c r="CF9" s="280">
        <v>0</v>
      </c>
      <c r="CG9" s="280">
        <v>1</v>
      </c>
      <c r="CH9" s="280">
        <v>1</v>
      </c>
      <c r="CI9" s="280">
        <v>0</v>
      </c>
      <c r="CJ9" s="280">
        <v>0</v>
      </c>
      <c r="CK9" s="277">
        <v>2</v>
      </c>
      <c r="CL9" s="282">
        <v>2</v>
      </c>
      <c r="CM9" s="276">
        <v>0</v>
      </c>
      <c r="CN9" s="280">
        <v>0</v>
      </c>
      <c r="CO9" s="277">
        <v>0</v>
      </c>
      <c r="CP9" s="279">
        <v>0</v>
      </c>
      <c r="CQ9" s="280">
        <v>1</v>
      </c>
      <c r="CR9" s="280">
        <v>0</v>
      </c>
      <c r="CS9" s="280">
        <v>0</v>
      </c>
      <c r="CT9" s="280">
        <v>1</v>
      </c>
      <c r="CU9" s="280">
        <v>0</v>
      </c>
      <c r="CV9" s="277">
        <v>2</v>
      </c>
      <c r="CW9" s="282">
        <v>2</v>
      </c>
    </row>
    <row r="10" spans="1:101" ht="21" customHeight="1" x14ac:dyDescent="0.2">
      <c r="B10" s="261" t="s">
        <v>7</v>
      </c>
      <c r="C10" s="276">
        <v>0</v>
      </c>
      <c r="D10" s="277">
        <v>0</v>
      </c>
      <c r="E10" s="278">
        <v>0</v>
      </c>
      <c r="F10" s="279">
        <v>0</v>
      </c>
      <c r="G10" s="280">
        <v>0</v>
      </c>
      <c r="H10" s="280">
        <v>1</v>
      </c>
      <c r="I10" s="280">
        <v>2</v>
      </c>
      <c r="J10" s="280">
        <v>0</v>
      </c>
      <c r="K10" s="280">
        <v>0</v>
      </c>
      <c r="L10" s="281">
        <v>3</v>
      </c>
      <c r="M10" s="282">
        <v>3</v>
      </c>
      <c r="N10" s="276">
        <v>0</v>
      </c>
      <c r="O10" s="280">
        <v>0</v>
      </c>
      <c r="P10" s="277">
        <v>0</v>
      </c>
      <c r="Q10" s="279">
        <v>0</v>
      </c>
      <c r="R10" s="280">
        <v>0</v>
      </c>
      <c r="S10" s="280">
        <v>0</v>
      </c>
      <c r="T10" s="280">
        <v>0</v>
      </c>
      <c r="U10" s="280">
        <v>0</v>
      </c>
      <c r="V10" s="280">
        <v>0</v>
      </c>
      <c r="W10" s="277">
        <v>0</v>
      </c>
      <c r="X10" s="282">
        <v>0</v>
      </c>
      <c r="Y10" s="276">
        <v>0</v>
      </c>
      <c r="Z10" s="280">
        <v>0</v>
      </c>
      <c r="AA10" s="277">
        <v>0</v>
      </c>
      <c r="AB10" s="279">
        <v>0</v>
      </c>
      <c r="AC10" s="280">
        <v>30</v>
      </c>
      <c r="AD10" s="280">
        <v>25</v>
      </c>
      <c r="AE10" s="280">
        <v>14</v>
      </c>
      <c r="AF10" s="280">
        <v>6</v>
      </c>
      <c r="AG10" s="280">
        <v>1</v>
      </c>
      <c r="AH10" s="277">
        <v>76</v>
      </c>
      <c r="AI10" s="282">
        <v>76</v>
      </c>
      <c r="AJ10" s="276">
        <v>0</v>
      </c>
      <c r="AK10" s="280">
        <v>0</v>
      </c>
      <c r="AL10" s="277">
        <v>0</v>
      </c>
      <c r="AM10" s="279">
        <v>0</v>
      </c>
      <c r="AN10" s="280">
        <v>1</v>
      </c>
      <c r="AO10" s="280">
        <v>5</v>
      </c>
      <c r="AP10" s="280">
        <v>4</v>
      </c>
      <c r="AQ10" s="280">
        <v>2</v>
      </c>
      <c r="AR10" s="280">
        <v>1</v>
      </c>
      <c r="AS10" s="277">
        <v>13</v>
      </c>
      <c r="AT10" s="282">
        <v>13</v>
      </c>
      <c r="AU10" s="276">
        <v>0</v>
      </c>
      <c r="AV10" s="280">
        <v>0</v>
      </c>
      <c r="AW10" s="277">
        <v>0</v>
      </c>
      <c r="AX10" s="279">
        <v>0</v>
      </c>
      <c r="AY10" s="280">
        <v>1</v>
      </c>
      <c r="AZ10" s="280">
        <v>2</v>
      </c>
      <c r="BA10" s="280">
        <v>1</v>
      </c>
      <c r="BB10" s="280">
        <v>0</v>
      </c>
      <c r="BC10" s="280">
        <v>0</v>
      </c>
      <c r="BD10" s="277">
        <v>4</v>
      </c>
      <c r="BE10" s="282">
        <v>4</v>
      </c>
      <c r="BF10" s="276">
        <v>0</v>
      </c>
      <c r="BG10" s="280">
        <v>0</v>
      </c>
      <c r="BH10" s="277">
        <v>0</v>
      </c>
      <c r="BI10" s="279">
        <v>0</v>
      </c>
      <c r="BJ10" s="280">
        <v>3</v>
      </c>
      <c r="BK10" s="280">
        <v>3</v>
      </c>
      <c r="BL10" s="280">
        <v>7</v>
      </c>
      <c r="BM10" s="280">
        <v>3</v>
      </c>
      <c r="BN10" s="280">
        <v>1</v>
      </c>
      <c r="BO10" s="281">
        <v>17</v>
      </c>
      <c r="BP10" s="282">
        <v>17</v>
      </c>
      <c r="BQ10" s="276">
        <v>0</v>
      </c>
      <c r="BR10" s="280">
        <v>0</v>
      </c>
      <c r="BS10" s="277">
        <v>0</v>
      </c>
      <c r="BT10" s="279">
        <v>0</v>
      </c>
      <c r="BU10" s="280">
        <v>0</v>
      </c>
      <c r="BV10" s="280">
        <v>0</v>
      </c>
      <c r="BW10" s="280">
        <v>0</v>
      </c>
      <c r="BX10" s="280">
        <v>0</v>
      </c>
      <c r="BY10" s="280">
        <v>0</v>
      </c>
      <c r="BZ10" s="277">
        <v>0</v>
      </c>
      <c r="CA10" s="282">
        <v>0</v>
      </c>
      <c r="CB10" s="276">
        <v>0</v>
      </c>
      <c r="CC10" s="280">
        <v>0</v>
      </c>
      <c r="CD10" s="277">
        <v>0</v>
      </c>
      <c r="CE10" s="279">
        <v>0</v>
      </c>
      <c r="CF10" s="280">
        <v>0</v>
      </c>
      <c r="CG10" s="280">
        <v>0</v>
      </c>
      <c r="CH10" s="280">
        <v>0</v>
      </c>
      <c r="CI10" s="280">
        <v>0</v>
      </c>
      <c r="CJ10" s="280">
        <v>0</v>
      </c>
      <c r="CK10" s="277">
        <v>0</v>
      </c>
      <c r="CL10" s="282">
        <v>0</v>
      </c>
      <c r="CM10" s="276">
        <v>0</v>
      </c>
      <c r="CN10" s="280">
        <v>0</v>
      </c>
      <c r="CO10" s="277">
        <v>0</v>
      </c>
      <c r="CP10" s="279">
        <v>0</v>
      </c>
      <c r="CQ10" s="280">
        <v>0</v>
      </c>
      <c r="CR10" s="280">
        <v>0</v>
      </c>
      <c r="CS10" s="280">
        <v>0</v>
      </c>
      <c r="CT10" s="280">
        <v>0</v>
      </c>
      <c r="CU10" s="280">
        <v>0</v>
      </c>
      <c r="CV10" s="277">
        <v>0</v>
      </c>
      <c r="CW10" s="282">
        <v>0</v>
      </c>
    </row>
    <row r="11" spans="1:101" ht="21" customHeight="1" x14ac:dyDescent="0.2">
      <c r="B11" s="261" t="s">
        <v>8</v>
      </c>
      <c r="C11" s="276">
        <v>0</v>
      </c>
      <c r="D11" s="277">
        <v>0</v>
      </c>
      <c r="E11" s="278">
        <v>0</v>
      </c>
      <c r="F11" s="279">
        <v>0</v>
      </c>
      <c r="G11" s="280">
        <v>0</v>
      </c>
      <c r="H11" s="280">
        <v>0</v>
      </c>
      <c r="I11" s="280">
        <v>0</v>
      </c>
      <c r="J11" s="280">
        <v>1</v>
      </c>
      <c r="K11" s="280">
        <v>0</v>
      </c>
      <c r="L11" s="281">
        <v>1</v>
      </c>
      <c r="M11" s="282">
        <v>1</v>
      </c>
      <c r="N11" s="276">
        <v>0</v>
      </c>
      <c r="O11" s="280">
        <v>0</v>
      </c>
      <c r="P11" s="277">
        <v>0</v>
      </c>
      <c r="Q11" s="279">
        <v>0</v>
      </c>
      <c r="R11" s="280">
        <v>0</v>
      </c>
      <c r="S11" s="280">
        <v>0</v>
      </c>
      <c r="T11" s="280">
        <v>0</v>
      </c>
      <c r="U11" s="280">
        <v>0</v>
      </c>
      <c r="V11" s="280">
        <v>0</v>
      </c>
      <c r="W11" s="277">
        <v>0</v>
      </c>
      <c r="X11" s="282">
        <v>0</v>
      </c>
      <c r="Y11" s="276">
        <v>0</v>
      </c>
      <c r="Z11" s="280">
        <v>0</v>
      </c>
      <c r="AA11" s="277">
        <v>0</v>
      </c>
      <c r="AB11" s="279">
        <v>0</v>
      </c>
      <c r="AC11" s="280">
        <v>35</v>
      </c>
      <c r="AD11" s="280">
        <v>20</v>
      </c>
      <c r="AE11" s="280">
        <v>8</v>
      </c>
      <c r="AF11" s="280">
        <v>3</v>
      </c>
      <c r="AG11" s="280">
        <v>1</v>
      </c>
      <c r="AH11" s="277">
        <v>67</v>
      </c>
      <c r="AI11" s="282">
        <v>67</v>
      </c>
      <c r="AJ11" s="276">
        <v>0</v>
      </c>
      <c r="AK11" s="280">
        <v>0</v>
      </c>
      <c r="AL11" s="277">
        <v>0</v>
      </c>
      <c r="AM11" s="279">
        <v>0</v>
      </c>
      <c r="AN11" s="280">
        <v>0</v>
      </c>
      <c r="AO11" s="280">
        <v>1</v>
      </c>
      <c r="AP11" s="280">
        <v>0</v>
      </c>
      <c r="AQ11" s="280">
        <v>0</v>
      </c>
      <c r="AR11" s="280">
        <v>0</v>
      </c>
      <c r="AS11" s="277">
        <v>1</v>
      </c>
      <c r="AT11" s="282">
        <v>1</v>
      </c>
      <c r="AU11" s="276">
        <v>0</v>
      </c>
      <c r="AV11" s="280">
        <v>0</v>
      </c>
      <c r="AW11" s="277">
        <v>0</v>
      </c>
      <c r="AX11" s="279">
        <v>0</v>
      </c>
      <c r="AY11" s="280">
        <v>2</v>
      </c>
      <c r="AZ11" s="280">
        <v>0</v>
      </c>
      <c r="BA11" s="280">
        <v>1</v>
      </c>
      <c r="BB11" s="280">
        <v>1</v>
      </c>
      <c r="BC11" s="280">
        <v>0</v>
      </c>
      <c r="BD11" s="277">
        <v>4</v>
      </c>
      <c r="BE11" s="282">
        <v>4</v>
      </c>
      <c r="BF11" s="276">
        <v>0</v>
      </c>
      <c r="BG11" s="280">
        <v>0</v>
      </c>
      <c r="BH11" s="277">
        <v>0</v>
      </c>
      <c r="BI11" s="279">
        <v>0</v>
      </c>
      <c r="BJ11" s="280">
        <v>0</v>
      </c>
      <c r="BK11" s="280">
        <v>2</v>
      </c>
      <c r="BL11" s="280">
        <v>0</v>
      </c>
      <c r="BM11" s="280">
        <v>4</v>
      </c>
      <c r="BN11" s="280">
        <v>1</v>
      </c>
      <c r="BO11" s="281">
        <v>7</v>
      </c>
      <c r="BP11" s="282">
        <v>7</v>
      </c>
      <c r="BQ11" s="276">
        <v>0</v>
      </c>
      <c r="BR11" s="280">
        <v>0</v>
      </c>
      <c r="BS11" s="277">
        <v>0</v>
      </c>
      <c r="BT11" s="279">
        <v>0</v>
      </c>
      <c r="BU11" s="280">
        <v>0</v>
      </c>
      <c r="BV11" s="280">
        <v>0</v>
      </c>
      <c r="BW11" s="280">
        <v>0</v>
      </c>
      <c r="BX11" s="280">
        <v>1</v>
      </c>
      <c r="BY11" s="280">
        <v>0</v>
      </c>
      <c r="BZ11" s="277">
        <v>1</v>
      </c>
      <c r="CA11" s="282">
        <v>1</v>
      </c>
      <c r="CB11" s="276">
        <v>0</v>
      </c>
      <c r="CC11" s="280">
        <v>0</v>
      </c>
      <c r="CD11" s="277">
        <v>0</v>
      </c>
      <c r="CE11" s="279">
        <v>0</v>
      </c>
      <c r="CF11" s="280">
        <v>0</v>
      </c>
      <c r="CG11" s="280">
        <v>0</v>
      </c>
      <c r="CH11" s="280">
        <v>0</v>
      </c>
      <c r="CI11" s="280">
        <v>0</v>
      </c>
      <c r="CJ11" s="280">
        <v>1</v>
      </c>
      <c r="CK11" s="277">
        <v>1</v>
      </c>
      <c r="CL11" s="282">
        <v>1</v>
      </c>
      <c r="CM11" s="276">
        <v>0</v>
      </c>
      <c r="CN11" s="280">
        <v>0</v>
      </c>
      <c r="CO11" s="277">
        <v>0</v>
      </c>
      <c r="CP11" s="279">
        <v>0</v>
      </c>
      <c r="CQ11" s="280">
        <v>0</v>
      </c>
      <c r="CR11" s="280">
        <v>0</v>
      </c>
      <c r="CS11" s="280">
        <v>0</v>
      </c>
      <c r="CT11" s="280">
        <v>0</v>
      </c>
      <c r="CU11" s="280">
        <v>0</v>
      </c>
      <c r="CV11" s="277">
        <v>0</v>
      </c>
      <c r="CW11" s="282">
        <v>0</v>
      </c>
    </row>
    <row r="12" spans="1:101" ht="21" customHeight="1" x14ac:dyDescent="0.2">
      <c r="B12" s="261" t="s">
        <v>9</v>
      </c>
      <c r="C12" s="276">
        <v>0</v>
      </c>
      <c r="D12" s="277">
        <v>0</v>
      </c>
      <c r="E12" s="278">
        <v>0</v>
      </c>
      <c r="F12" s="279">
        <v>0</v>
      </c>
      <c r="G12" s="280">
        <v>2</v>
      </c>
      <c r="H12" s="280">
        <v>1</v>
      </c>
      <c r="I12" s="280">
        <v>1</v>
      </c>
      <c r="J12" s="280">
        <v>2</v>
      </c>
      <c r="K12" s="280">
        <v>0</v>
      </c>
      <c r="L12" s="281">
        <v>6</v>
      </c>
      <c r="M12" s="282">
        <v>6</v>
      </c>
      <c r="N12" s="276">
        <v>0</v>
      </c>
      <c r="O12" s="280">
        <v>0</v>
      </c>
      <c r="P12" s="277">
        <v>0</v>
      </c>
      <c r="Q12" s="279">
        <v>0</v>
      </c>
      <c r="R12" s="280">
        <v>0</v>
      </c>
      <c r="S12" s="280">
        <v>0</v>
      </c>
      <c r="T12" s="280">
        <v>0</v>
      </c>
      <c r="U12" s="280">
        <v>0</v>
      </c>
      <c r="V12" s="280">
        <v>0</v>
      </c>
      <c r="W12" s="277">
        <v>0</v>
      </c>
      <c r="X12" s="282">
        <v>0</v>
      </c>
      <c r="Y12" s="276">
        <v>0</v>
      </c>
      <c r="Z12" s="280">
        <v>0</v>
      </c>
      <c r="AA12" s="277">
        <v>0</v>
      </c>
      <c r="AB12" s="279">
        <v>0</v>
      </c>
      <c r="AC12" s="280">
        <v>42</v>
      </c>
      <c r="AD12" s="280">
        <v>26</v>
      </c>
      <c r="AE12" s="280">
        <v>16</v>
      </c>
      <c r="AF12" s="280">
        <v>7</v>
      </c>
      <c r="AG12" s="280">
        <v>2</v>
      </c>
      <c r="AH12" s="277">
        <v>93</v>
      </c>
      <c r="AI12" s="282">
        <v>93</v>
      </c>
      <c r="AJ12" s="276">
        <v>0</v>
      </c>
      <c r="AK12" s="280">
        <v>0</v>
      </c>
      <c r="AL12" s="277">
        <v>0</v>
      </c>
      <c r="AM12" s="279">
        <v>0</v>
      </c>
      <c r="AN12" s="280">
        <v>2</v>
      </c>
      <c r="AO12" s="280">
        <v>0</v>
      </c>
      <c r="AP12" s="280">
        <v>1</v>
      </c>
      <c r="AQ12" s="280">
        <v>1</v>
      </c>
      <c r="AR12" s="280">
        <v>1</v>
      </c>
      <c r="AS12" s="277">
        <v>5</v>
      </c>
      <c r="AT12" s="282">
        <v>5</v>
      </c>
      <c r="AU12" s="276">
        <v>1</v>
      </c>
      <c r="AV12" s="280">
        <v>1</v>
      </c>
      <c r="AW12" s="277">
        <v>2</v>
      </c>
      <c r="AX12" s="279">
        <v>0</v>
      </c>
      <c r="AY12" s="280">
        <v>5</v>
      </c>
      <c r="AZ12" s="280">
        <v>1</v>
      </c>
      <c r="BA12" s="280">
        <v>1</v>
      </c>
      <c r="BB12" s="280">
        <v>5</v>
      </c>
      <c r="BC12" s="280">
        <v>1</v>
      </c>
      <c r="BD12" s="277">
        <v>13</v>
      </c>
      <c r="BE12" s="282">
        <v>15</v>
      </c>
      <c r="BF12" s="276">
        <v>0</v>
      </c>
      <c r="BG12" s="280">
        <v>0</v>
      </c>
      <c r="BH12" s="277">
        <v>0</v>
      </c>
      <c r="BI12" s="279">
        <v>0</v>
      </c>
      <c r="BJ12" s="280">
        <v>0</v>
      </c>
      <c r="BK12" s="280">
        <v>8</v>
      </c>
      <c r="BL12" s="280">
        <v>6</v>
      </c>
      <c r="BM12" s="280">
        <v>1</v>
      </c>
      <c r="BN12" s="280">
        <v>1</v>
      </c>
      <c r="BO12" s="281">
        <v>16</v>
      </c>
      <c r="BP12" s="282">
        <v>16</v>
      </c>
      <c r="BQ12" s="276">
        <v>0</v>
      </c>
      <c r="BR12" s="280">
        <v>0</v>
      </c>
      <c r="BS12" s="277">
        <v>0</v>
      </c>
      <c r="BT12" s="279">
        <v>0</v>
      </c>
      <c r="BU12" s="280">
        <v>0</v>
      </c>
      <c r="BV12" s="280">
        <v>3</v>
      </c>
      <c r="BW12" s="280">
        <v>0</v>
      </c>
      <c r="BX12" s="280">
        <v>1</v>
      </c>
      <c r="BY12" s="280">
        <v>0</v>
      </c>
      <c r="BZ12" s="277">
        <v>4</v>
      </c>
      <c r="CA12" s="282">
        <v>4</v>
      </c>
      <c r="CB12" s="276">
        <v>0</v>
      </c>
      <c r="CC12" s="280">
        <v>0</v>
      </c>
      <c r="CD12" s="277">
        <v>0</v>
      </c>
      <c r="CE12" s="279">
        <v>0</v>
      </c>
      <c r="CF12" s="280">
        <v>0</v>
      </c>
      <c r="CG12" s="280">
        <v>0</v>
      </c>
      <c r="CH12" s="280">
        <v>0</v>
      </c>
      <c r="CI12" s="280">
        <v>0</v>
      </c>
      <c r="CJ12" s="280">
        <v>0</v>
      </c>
      <c r="CK12" s="277">
        <v>0</v>
      </c>
      <c r="CL12" s="282">
        <v>0</v>
      </c>
      <c r="CM12" s="276">
        <v>0</v>
      </c>
      <c r="CN12" s="280">
        <v>0</v>
      </c>
      <c r="CO12" s="277">
        <v>0</v>
      </c>
      <c r="CP12" s="279">
        <v>0</v>
      </c>
      <c r="CQ12" s="280">
        <v>0</v>
      </c>
      <c r="CR12" s="280">
        <v>1</v>
      </c>
      <c r="CS12" s="280">
        <v>3</v>
      </c>
      <c r="CT12" s="280">
        <v>2</v>
      </c>
      <c r="CU12" s="280">
        <v>2</v>
      </c>
      <c r="CV12" s="277">
        <v>8</v>
      </c>
      <c r="CW12" s="282">
        <v>8</v>
      </c>
    </row>
    <row r="13" spans="1:101" ht="21" customHeight="1" x14ac:dyDescent="0.2">
      <c r="B13" s="261" t="s">
        <v>10</v>
      </c>
      <c r="C13" s="276">
        <v>0</v>
      </c>
      <c r="D13" s="277">
        <v>0</v>
      </c>
      <c r="E13" s="278">
        <v>0</v>
      </c>
      <c r="F13" s="279">
        <v>0</v>
      </c>
      <c r="G13" s="280">
        <v>2</v>
      </c>
      <c r="H13" s="280">
        <v>1</v>
      </c>
      <c r="I13" s="280">
        <v>1</v>
      </c>
      <c r="J13" s="280">
        <v>1</v>
      </c>
      <c r="K13" s="280">
        <v>0</v>
      </c>
      <c r="L13" s="281">
        <v>5</v>
      </c>
      <c r="M13" s="282">
        <v>5</v>
      </c>
      <c r="N13" s="276">
        <v>0</v>
      </c>
      <c r="O13" s="280">
        <v>0</v>
      </c>
      <c r="P13" s="277">
        <v>0</v>
      </c>
      <c r="Q13" s="279">
        <v>0</v>
      </c>
      <c r="R13" s="280">
        <v>1</v>
      </c>
      <c r="S13" s="280">
        <v>0</v>
      </c>
      <c r="T13" s="280">
        <v>1</v>
      </c>
      <c r="U13" s="280">
        <v>0</v>
      </c>
      <c r="V13" s="280">
        <v>0</v>
      </c>
      <c r="W13" s="277">
        <v>2</v>
      </c>
      <c r="X13" s="282">
        <v>2</v>
      </c>
      <c r="Y13" s="276">
        <v>0</v>
      </c>
      <c r="Z13" s="280">
        <v>0</v>
      </c>
      <c r="AA13" s="277">
        <v>0</v>
      </c>
      <c r="AB13" s="279">
        <v>0</v>
      </c>
      <c r="AC13" s="280">
        <v>37</v>
      </c>
      <c r="AD13" s="280">
        <v>19</v>
      </c>
      <c r="AE13" s="280">
        <v>8</v>
      </c>
      <c r="AF13" s="280">
        <v>1</v>
      </c>
      <c r="AG13" s="280">
        <v>0</v>
      </c>
      <c r="AH13" s="277">
        <v>65</v>
      </c>
      <c r="AI13" s="282">
        <v>65</v>
      </c>
      <c r="AJ13" s="276">
        <v>0</v>
      </c>
      <c r="AK13" s="280">
        <v>0</v>
      </c>
      <c r="AL13" s="277">
        <v>0</v>
      </c>
      <c r="AM13" s="279">
        <v>0</v>
      </c>
      <c r="AN13" s="280">
        <v>1</v>
      </c>
      <c r="AO13" s="280">
        <v>3</v>
      </c>
      <c r="AP13" s="280">
        <v>3</v>
      </c>
      <c r="AQ13" s="280">
        <v>0</v>
      </c>
      <c r="AR13" s="280">
        <v>1</v>
      </c>
      <c r="AS13" s="277">
        <v>8</v>
      </c>
      <c r="AT13" s="282">
        <v>8</v>
      </c>
      <c r="AU13" s="276">
        <v>1</v>
      </c>
      <c r="AV13" s="280">
        <v>2</v>
      </c>
      <c r="AW13" s="277">
        <v>3</v>
      </c>
      <c r="AX13" s="279">
        <v>0</v>
      </c>
      <c r="AY13" s="280">
        <v>5</v>
      </c>
      <c r="AZ13" s="280">
        <v>1</v>
      </c>
      <c r="BA13" s="280">
        <v>2</v>
      </c>
      <c r="BB13" s="280">
        <v>1</v>
      </c>
      <c r="BC13" s="280">
        <v>3</v>
      </c>
      <c r="BD13" s="277">
        <v>12</v>
      </c>
      <c r="BE13" s="282">
        <v>15</v>
      </c>
      <c r="BF13" s="276">
        <v>0</v>
      </c>
      <c r="BG13" s="280">
        <v>0</v>
      </c>
      <c r="BH13" s="277">
        <v>0</v>
      </c>
      <c r="BI13" s="279">
        <v>0</v>
      </c>
      <c r="BJ13" s="280">
        <v>1</v>
      </c>
      <c r="BK13" s="280">
        <v>5</v>
      </c>
      <c r="BL13" s="280">
        <v>7</v>
      </c>
      <c r="BM13" s="280">
        <v>9</v>
      </c>
      <c r="BN13" s="280">
        <v>7</v>
      </c>
      <c r="BO13" s="281">
        <v>29</v>
      </c>
      <c r="BP13" s="282">
        <v>29</v>
      </c>
      <c r="BQ13" s="276">
        <v>0</v>
      </c>
      <c r="BR13" s="280">
        <v>0</v>
      </c>
      <c r="BS13" s="277">
        <v>0</v>
      </c>
      <c r="BT13" s="279">
        <v>0</v>
      </c>
      <c r="BU13" s="280">
        <v>2</v>
      </c>
      <c r="BV13" s="280">
        <v>1</v>
      </c>
      <c r="BW13" s="280">
        <v>4</v>
      </c>
      <c r="BX13" s="280">
        <v>1</v>
      </c>
      <c r="BY13" s="280">
        <v>5</v>
      </c>
      <c r="BZ13" s="277">
        <v>13</v>
      </c>
      <c r="CA13" s="282">
        <v>13</v>
      </c>
      <c r="CB13" s="276">
        <v>0</v>
      </c>
      <c r="CC13" s="280">
        <v>0</v>
      </c>
      <c r="CD13" s="277">
        <v>0</v>
      </c>
      <c r="CE13" s="279">
        <v>0</v>
      </c>
      <c r="CF13" s="280">
        <v>0</v>
      </c>
      <c r="CG13" s="280">
        <v>0</v>
      </c>
      <c r="CH13" s="280">
        <v>0</v>
      </c>
      <c r="CI13" s="280">
        <v>4</v>
      </c>
      <c r="CJ13" s="280">
        <v>0</v>
      </c>
      <c r="CK13" s="277">
        <v>4</v>
      </c>
      <c r="CL13" s="282">
        <v>4</v>
      </c>
      <c r="CM13" s="276">
        <v>0</v>
      </c>
      <c r="CN13" s="280">
        <v>0</v>
      </c>
      <c r="CO13" s="277">
        <v>0</v>
      </c>
      <c r="CP13" s="279">
        <v>0</v>
      </c>
      <c r="CQ13" s="280">
        <v>3</v>
      </c>
      <c r="CR13" s="280">
        <v>0</v>
      </c>
      <c r="CS13" s="280">
        <v>0</v>
      </c>
      <c r="CT13" s="280">
        <v>0</v>
      </c>
      <c r="CU13" s="280">
        <v>3</v>
      </c>
      <c r="CV13" s="277">
        <v>6</v>
      </c>
      <c r="CW13" s="282">
        <v>6</v>
      </c>
    </row>
    <row r="14" spans="1:101" ht="21" customHeight="1" x14ac:dyDescent="0.2">
      <c r="B14" s="261" t="s">
        <v>11</v>
      </c>
      <c r="C14" s="276">
        <v>0</v>
      </c>
      <c r="D14" s="277">
        <v>0</v>
      </c>
      <c r="E14" s="278">
        <v>0</v>
      </c>
      <c r="F14" s="279">
        <v>0</v>
      </c>
      <c r="G14" s="280">
        <v>1</v>
      </c>
      <c r="H14" s="280">
        <v>1</v>
      </c>
      <c r="I14" s="280">
        <v>0</v>
      </c>
      <c r="J14" s="280">
        <v>2</v>
      </c>
      <c r="K14" s="280">
        <v>0</v>
      </c>
      <c r="L14" s="281">
        <v>4</v>
      </c>
      <c r="M14" s="282">
        <v>4</v>
      </c>
      <c r="N14" s="276">
        <v>0</v>
      </c>
      <c r="O14" s="280">
        <v>0</v>
      </c>
      <c r="P14" s="277">
        <v>0</v>
      </c>
      <c r="Q14" s="279">
        <v>0</v>
      </c>
      <c r="R14" s="280">
        <v>1</v>
      </c>
      <c r="S14" s="280">
        <v>1</v>
      </c>
      <c r="T14" s="280">
        <v>0</v>
      </c>
      <c r="U14" s="280">
        <v>0</v>
      </c>
      <c r="V14" s="280">
        <v>0</v>
      </c>
      <c r="W14" s="277">
        <v>2</v>
      </c>
      <c r="X14" s="282">
        <v>2</v>
      </c>
      <c r="Y14" s="276">
        <v>0</v>
      </c>
      <c r="Z14" s="280">
        <v>0</v>
      </c>
      <c r="AA14" s="277">
        <v>0</v>
      </c>
      <c r="AB14" s="279">
        <v>0</v>
      </c>
      <c r="AC14" s="280">
        <v>24</v>
      </c>
      <c r="AD14" s="280">
        <v>6</v>
      </c>
      <c r="AE14" s="280">
        <v>6</v>
      </c>
      <c r="AF14" s="280">
        <v>5</v>
      </c>
      <c r="AG14" s="280">
        <v>1</v>
      </c>
      <c r="AH14" s="277">
        <v>42</v>
      </c>
      <c r="AI14" s="282">
        <v>42</v>
      </c>
      <c r="AJ14" s="276">
        <v>0</v>
      </c>
      <c r="AK14" s="280">
        <v>0</v>
      </c>
      <c r="AL14" s="277">
        <v>0</v>
      </c>
      <c r="AM14" s="279">
        <v>0</v>
      </c>
      <c r="AN14" s="280">
        <v>0</v>
      </c>
      <c r="AO14" s="280">
        <v>0</v>
      </c>
      <c r="AP14" s="280">
        <v>1</v>
      </c>
      <c r="AQ14" s="280">
        <v>0</v>
      </c>
      <c r="AR14" s="280">
        <v>0</v>
      </c>
      <c r="AS14" s="277">
        <v>1</v>
      </c>
      <c r="AT14" s="282">
        <v>1</v>
      </c>
      <c r="AU14" s="276">
        <v>0</v>
      </c>
      <c r="AV14" s="280">
        <v>1</v>
      </c>
      <c r="AW14" s="277">
        <v>1</v>
      </c>
      <c r="AX14" s="279">
        <v>0</v>
      </c>
      <c r="AY14" s="280">
        <v>0</v>
      </c>
      <c r="AZ14" s="280">
        <v>1</v>
      </c>
      <c r="BA14" s="280">
        <v>2</v>
      </c>
      <c r="BB14" s="280">
        <v>0</v>
      </c>
      <c r="BC14" s="280">
        <v>0</v>
      </c>
      <c r="BD14" s="277">
        <v>3</v>
      </c>
      <c r="BE14" s="282">
        <v>4</v>
      </c>
      <c r="BF14" s="276">
        <v>0</v>
      </c>
      <c r="BG14" s="280">
        <v>0</v>
      </c>
      <c r="BH14" s="277">
        <v>0</v>
      </c>
      <c r="BI14" s="279">
        <v>0</v>
      </c>
      <c r="BJ14" s="280">
        <v>0</v>
      </c>
      <c r="BK14" s="280">
        <v>3</v>
      </c>
      <c r="BL14" s="280">
        <v>0</v>
      </c>
      <c r="BM14" s="280">
        <v>4</v>
      </c>
      <c r="BN14" s="280">
        <v>0</v>
      </c>
      <c r="BO14" s="281">
        <v>7</v>
      </c>
      <c r="BP14" s="282">
        <v>7</v>
      </c>
      <c r="BQ14" s="276">
        <v>0</v>
      </c>
      <c r="BR14" s="280">
        <v>0</v>
      </c>
      <c r="BS14" s="277">
        <v>0</v>
      </c>
      <c r="BT14" s="279">
        <v>0</v>
      </c>
      <c r="BU14" s="280">
        <v>0</v>
      </c>
      <c r="BV14" s="280">
        <v>0</v>
      </c>
      <c r="BW14" s="280">
        <v>0</v>
      </c>
      <c r="BX14" s="280">
        <v>0</v>
      </c>
      <c r="BY14" s="280">
        <v>0</v>
      </c>
      <c r="BZ14" s="277">
        <v>0</v>
      </c>
      <c r="CA14" s="282">
        <v>0</v>
      </c>
      <c r="CB14" s="276">
        <v>0</v>
      </c>
      <c r="CC14" s="280">
        <v>0</v>
      </c>
      <c r="CD14" s="277">
        <v>0</v>
      </c>
      <c r="CE14" s="279">
        <v>0</v>
      </c>
      <c r="CF14" s="280">
        <v>0</v>
      </c>
      <c r="CG14" s="280">
        <v>0</v>
      </c>
      <c r="CH14" s="280">
        <v>0</v>
      </c>
      <c r="CI14" s="280">
        <v>0</v>
      </c>
      <c r="CJ14" s="280">
        <v>0</v>
      </c>
      <c r="CK14" s="277">
        <v>0</v>
      </c>
      <c r="CL14" s="282">
        <v>0</v>
      </c>
      <c r="CM14" s="276">
        <v>0</v>
      </c>
      <c r="CN14" s="280">
        <v>0</v>
      </c>
      <c r="CO14" s="277">
        <v>0</v>
      </c>
      <c r="CP14" s="279">
        <v>0</v>
      </c>
      <c r="CQ14" s="280">
        <v>0</v>
      </c>
      <c r="CR14" s="280">
        <v>0</v>
      </c>
      <c r="CS14" s="280">
        <v>0</v>
      </c>
      <c r="CT14" s="280">
        <v>0</v>
      </c>
      <c r="CU14" s="280">
        <v>0</v>
      </c>
      <c r="CV14" s="277">
        <v>0</v>
      </c>
      <c r="CW14" s="282">
        <v>0</v>
      </c>
    </row>
    <row r="15" spans="1:101" ht="21" customHeight="1" x14ac:dyDescent="0.2">
      <c r="B15" s="261" t="s">
        <v>12</v>
      </c>
      <c r="C15" s="276">
        <v>0</v>
      </c>
      <c r="D15" s="277">
        <v>0</v>
      </c>
      <c r="E15" s="278">
        <v>0</v>
      </c>
      <c r="F15" s="279">
        <v>0</v>
      </c>
      <c r="G15" s="280">
        <v>1</v>
      </c>
      <c r="H15" s="280">
        <v>0</v>
      </c>
      <c r="I15" s="280">
        <v>0</v>
      </c>
      <c r="J15" s="280">
        <v>0</v>
      </c>
      <c r="K15" s="280">
        <v>0</v>
      </c>
      <c r="L15" s="281">
        <v>1</v>
      </c>
      <c r="M15" s="282">
        <v>1</v>
      </c>
      <c r="N15" s="276">
        <v>0</v>
      </c>
      <c r="O15" s="280">
        <v>0</v>
      </c>
      <c r="P15" s="277">
        <v>0</v>
      </c>
      <c r="Q15" s="279">
        <v>0</v>
      </c>
      <c r="R15" s="280">
        <v>0</v>
      </c>
      <c r="S15" s="280">
        <v>0</v>
      </c>
      <c r="T15" s="280">
        <v>0</v>
      </c>
      <c r="U15" s="280">
        <v>0</v>
      </c>
      <c r="V15" s="280">
        <v>0</v>
      </c>
      <c r="W15" s="277">
        <v>0</v>
      </c>
      <c r="X15" s="282">
        <v>0</v>
      </c>
      <c r="Y15" s="276">
        <v>0</v>
      </c>
      <c r="Z15" s="280">
        <v>0</v>
      </c>
      <c r="AA15" s="277">
        <v>0</v>
      </c>
      <c r="AB15" s="279">
        <v>0</v>
      </c>
      <c r="AC15" s="280">
        <v>16</v>
      </c>
      <c r="AD15" s="280">
        <v>14</v>
      </c>
      <c r="AE15" s="280">
        <v>6</v>
      </c>
      <c r="AF15" s="280">
        <v>6</v>
      </c>
      <c r="AG15" s="280">
        <v>0</v>
      </c>
      <c r="AH15" s="277">
        <v>42</v>
      </c>
      <c r="AI15" s="282">
        <v>42</v>
      </c>
      <c r="AJ15" s="276">
        <v>0</v>
      </c>
      <c r="AK15" s="280">
        <v>0</v>
      </c>
      <c r="AL15" s="277">
        <v>0</v>
      </c>
      <c r="AM15" s="279">
        <v>0</v>
      </c>
      <c r="AN15" s="280">
        <v>0</v>
      </c>
      <c r="AO15" s="280">
        <v>1</v>
      </c>
      <c r="AP15" s="280">
        <v>0</v>
      </c>
      <c r="AQ15" s="280">
        <v>0</v>
      </c>
      <c r="AR15" s="280">
        <v>0</v>
      </c>
      <c r="AS15" s="277">
        <v>1</v>
      </c>
      <c r="AT15" s="282">
        <v>1</v>
      </c>
      <c r="AU15" s="276">
        <v>0</v>
      </c>
      <c r="AV15" s="280">
        <v>0</v>
      </c>
      <c r="AW15" s="277">
        <v>0</v>
      </c>
      <c r="AX15" s="279">
        <v>0</v>
      </c>
      <c r="AY15" s="280">
        <v>2</v>
      </c>
      <c r="AZ15" s="280">
        <v>1</v>
      </c>
      <c r="BA15" s="280">
        <v>0</v>
      </c>
      <c r="BB15" s="280">
        <v>3</v>
      </c>
      <c r="BC15" s="280">
        <v>1</v>
      </c>
      <c r="BD15" s="277">
        <v>7</v>
      </c>
      <c r="BE15" s="282">
        <v>7</v>
      </c>
      <c r="BF15" s="276">
        <v>0</v>
      </c>
      <c r="BG15" s="280">
        <v>0</v>
      </c>
      <c r="BH15" s="277">
        <v>0</v>
      </c>
      <c r="BI15" s="279">
        <v>0</v>
      </c>
      <c r="BJ15" s="280">
        <v>1</v>
      </c>
      <c r="BK15" s="280">
        <v>2</v>
      </c>
      <c r="BL15" s="280">
        <v>2</v>
      </c>
      <c r="BM15" s="280">
        <v>3</v>
      </c>
      <c r="BN15" s="280">
        <v>1</v>
      </c>
      <c r="BO15" s="281">
        <v>9</v>
      </c>
      <c r="BP15" s="282">
        <v>9</v>
      </c>
      <c r="BQ15" s="276">
        <v>0</v>
      </c>
      <c r="BR15" s="280">
        <v>0</v>
      </c>
      <c r="BS15" s="277">
        <v>0</v>
      </c>
      <c r="BT15" s="279">
        <v>0</v>
      </c>
      <c r="BU15" s="280">
        <v>0</v>
      </c>
      <c r="BV15" s="280">
        <v>2</v>
      </c>
      <c r="BW15" s="280">
        <v>0</v>
      </c>
      <c r="BX15" s="280">
        <v>2</v>
      </c>
      <c r="BY15" s="280">
        <v>0</v>
      </c>
      <c r="BZ15" s="277">
        <v>4</v>
      </c>
      <c r="CA15" s="282">
        <v>4</v>
      </c>
      <c r="CB15" s="276">
        <v>0</v>
      </c>
      <c r="CC15" s="280">
        <v>0</v>
      </c>
      <c r="CD15" s="277">
        <v>0</v>
      </c>
      <c r="CE15" s="279">
        <v>0</v>
      </c>
      <c r="CF15" s="280">
        <v>0</v>
      </c>
      <c r="CG15" s="280">
        <v>0</v>
      </c>
      <c r="CH15" s="280">
        <v>1</v>
      </c>
      <c r="CI15" s="280">
        <v>0</v>
      </c>
      <c r="CJ15" s="280">
        <v>1</v>
      </c>
      <c r="CK15" s="277">
        <v>2</v>
      </c>
      <c r="CL15" s="282">
        <v>2</v>
      </c>
      <c r="CM15" s="276">
        <v>0</v>
      </c>
      <c r="CN15" s="280">
        <v>0</v>
      </c>
      <c r="CO15" s="277">
        <v>0</v>
      </c>
      <c r="CP15" s="279">
        <v>0</v>
      </c>
      <c r="CQ15" s="280">
        <v>0</v>
      </c>
      <c r="CR15" s="280">
        <v>0</v>
      </c>
      <c r="CS15" s="280">
        <v>2</v>
      </c>
      <c r="CT15" s="280">
        <v>2</v>
      </c>
      <c r="CU15" s="280">
        <v>3</v>
      </c>
      <c r="CV15" s="277">
        <v>7</v>
      </c>
      <c r="CW15" s="282">
        <v>7</v>
      </c>
    </row>
    <row r="16" spans="1:101" ht="21" customHeight="1" x14ac:dyDescent="0.2">
      <c r="B16" s="261" t="s">
        <v>13</v>
      </c>
      <c r="C16" s="276">
        <v>0</v>
      </c>
      <c r="D16" s="277">
        <v>0</v>
      </c>
      <c r="E16" s="278">
        <v>0</v>
      </c>
      <c r="F16" s="279">
        <v>0</v>
      </c>
      <c r="G16" s="280">
        <v>0</v>
      </c>
      <c r="H16" s="280">
        <v>0</v>
      </c>
      <c r="I16" s="280">
        <v>0</v>
      </c>
      <c r="J16" s="280">
        <v>0</v>
      </c>
      <c r="K16" s="280">
        <v>0</v>
      </c>
      <c r="L16" s="281">
        <v>0</v>
      </c>
      <c r="M16" s="282">
        <v>0</v>
      </c>
      <c r="N16" s="276">
        <v>0</v>
      </c>
      <c r="O16" s="280">
        <v>0</v>
      </c>
      <c r="P16" s="277">
        <v>0</v>
      </c>
      <c r="Q16" s="279">
        <v>0</v>
      </c>
      <c r="R16" s="280">
        <v>0</v>
      </c>
      <c r="S16" s="280">
        <v>0</v>
      </c>
      <c r="T16" s="280">
        <v>0</v>
      </c>
      <c r="U16" s="280">
        <v>0</v>
      </c>
      <c r="V16" s="280">
        <v>0</v>
      </c>
      <c r="W16" s="277">
        <v>0</v>
      </c>
      <c r="X16" s="282">
        <v>0</v>
      </c>
      <c r="Y16" s="276">
        <v>0</v>
      </c>
      <c r="Z16" s="280">
        <v>0</v>
      </c>
      <c r="AA16" s="277">
        <v>0</v>
      </c>
      <c r="AB16" s="279">
        <v>0</v>
      </c>
      <c r="AC16" s="280">
        <v>12</v>
      </c>
      <c r="AD16" s="280">
        <v>9</v>
      </c>
      <c r="AE16" s="280">
        <v>5</v>
      </c>
      <c r="AF16" s="280">
        <v>1</v>
      </c>
      <c r="AG16" s="280">
        <v>0</v>
      </c>
      <c r="AH16" s="277">
        <v>27</v>
      </c>
      <c r="AI16" s="282">
        <v>27</v>
      </c>
      <c r="AJ16" s="276">
        <v>0</v>
      </c>
      <c r="AK16" s="280">
        <v>0</v>
      </c>
      <c r="AL16" s="277">
        <v>0</v>
      </c>
      <c r="AM16" s="279">
        <v>0</v>
      </c>
      <c r="AN16" s="280">
        <v>0</v>
      </c>
      <c r="AO16" s="280">
        <v>0</v>
      </c>
      <c r="AP16" s="280">
        <v>0</v>
      </c>
      <c r="AQ16" s="280">
        <v>0</v>
      </c>
      <c r="AR16" s="280">
        <v>0</v>
      </c>
      <c r="AS16" s="277">
        <v>0</v>
      </c>
      <c r="AT16" s="282">
        <v>0</v>
      </c>
      <c r="AU16" s="276">
        <v>0</v>
      </c>
      <c r="AV16" s="280">
        <v>0</v>
      </c>
      <c r="AW16" s="277">
        <v>0</v>
      </c>
      <c r="AX16" s="279">
        <v>0</v>
      </c>
      <c r="AY16" s="280">
        <v>0</v>
      </c>
      <c r="AZ16" s="280">
        <v>1</v>
      </c>
      <c r="BA16" s="280">
        <v>1</v>
      </c>
      <c r="BB16" s="280">
        <v>0</v>
      </c>
      <c r="BC16" s="280">
        <v>0</v>
      </c>
      <c r="BD16" s="277">
        <v>2</v>
      </c>
      <c r="BE16" s="282">
        <v>2</v>
      </c>
      <c r="BF16" s="276">
        <v>0</v>
      </c>
      <c r="BG16" s="280">
        <v>0</v>
      </c>
      <c r="BH16" s="277">
        <v>0</v>
      </c>
      <c r="BI16" s="279">
        <v>0</v>
      </c>
      <c r="BJ16" s="280">
        <v>0</v>
      </c>
      <c r="BK16" s="280">
        <v>1</v>
      </c>
      <c r="BL16" s="280">
        <v>2</v>
      </c>
      <c r="BM16" s="280">
        <v>0</v>
      </c>
      <c r="BN16" s="280">
        <v>0</v>
      </c>
      <c r="BO16" s="281">
        <v>3</v>
      </c>
      <c r="BP16" s="282">
        <v>3</v>
      </c>
      <c r="BQ16" s="276">
        <v>0</v>
      </c>
      <c r="BR16" s="280">
        <v>0</v>
      </c>
      <c r="BS16" s="277">
        <v>0</v>
      </c>
      <c r="BT16" s="279">
        <v>0</v>
      </c>
      <c r="BU16" s="280">
        <v>0</v>
      </c>
      <c r="BV16" s="280">
        <v>0</v>
      </c>
      <c r="BW16" s="280">
        <v>2</v>
      </c>
      <c r="BX16" s="280">
        <v>0</v>
      </c>
      <c r="BY16" s="280">
        <v>0</v>
      </c>
      <c r="BZ16" s="277">
        <v>2</v>
      </c>
      <c r="CA16" s="282">
        <v>2</v>
      </c>
      <c r="CB16" s="276">
        <v>0</v>
      </c>
      <c r="CC16" s="280">
        <v>0</v>
      </c>
      <c r="CD16" s="277">
        <v>0</v>
      </c>
      <c r="CE16" s="279">
        <v>0</v>
      </c>
      <c r="CF16" s="280">
        <v>0</v>
      </c>
      <c r="CG16" s="280">
        <v>0</v>
      </c>
      <c r="CH16" s="280">
        <v>0</v>
      </c>
      <c r="CI16" s="280">
        <v>0</v>
      </c>
      <c r="CJ16" s="280">
        <v>0</v>
      </c>
      <c r="CK16" s="277">
        <v>0</v>
      </c>
      <c r="CL16" s="282">
        <v>0</v>
      </c>
      <c r="CM16" s="276">
        <v>0</v>
      </c>
      <c r="CN16" s="280">
        <v>0</v>
      </c>
      <c r="CO16" s="277">
        <v>0</v>
      </c>
      <c r="CP16" s="279">
        <v>0</v>
      </c>
      <c r="CQ16" s="280">
        <v>0</v>
      </c>
      <c r="CR16" s="280">
        <v>0</v>
      </c>
      <c r="CS16" s="280">
        <v>0</v>
      </c>
      <c r="CT16" s="280">
        <v>0</v>
      </c>
      <c r="CU16" s="280">
        <v>0</v>
      </c>
      <c r="CV16" s="277">
        <v>0</v>
      </c>
      <c r="CW16" s="282">
        <v>0</v>
      </c>
    </row>
    <row r="17" spans="2:101" ht="21" customHeight="1" x14ac:dyDescent="0.2">
      <c r="B17" s="261" t="s">
        <v>15</v>
      </c>
      <c r="C17" s="276">
        <v>0</v>
      </c>
      <c r="D17" s="277">
        <v>0</v>
      </c>
      <c r="E17" s="278">
        <v>0</v>
      </c>
      <c r="F17" s="279">
        <v>0</v>
      </c>
      <c r="G17" s="280">
        <v>0</v>
      </c>
      <c r="H17" s="280">
        <v>2</v>
      </c>
      <c r="I17" s="280">
        <v>0</v>
      </c>
      <c r="J17" s="280">
        <v>0</v>
      </c>
      <c r="K17" s="280">
        <v>0</v>
      </c>
      <c r="L17" s="281">
        <v>2</v>
      </c>
      <c r="M17" s="282">
        <v>2</v>
      </c>
      <c r="N17" s="276">
        <v>0</v>
      </c>
      <c r="O17" s="280">
        <v>0</v>
      </c>
      <c r="P17" s="277">
        <v>0</v>
      </c>
      <c r="Q17" s="279">
        <v>0</v>
      </c>
      <c r="R17" s="280">
        <v>0</v>
      </c>
      <c r="S17" s="280">
        <v>0</v>
      </c>
      <c r="T17" s="280">
        <v>0</v>
      </c>
      <c r="U17" s="280">
        <v>0</v>
      </c>
      <c r="V17" s="280">
        <v>0</v>
      </c>
      <c r="W17" s="277">
        <v>0</v>
      </c>
      <c r="X17" s="282">
        <v>0</v>
      </c>
      <c r="Y17" s="276">
        <v>0</v>
      </c>
      <c r="Z17" s="280">
        <v>0</v>
      </c>
      <c r="AA17" s="277">
        <v>0</v>
      </c>
      <c r="AB17" s="279">
        <v>0</v>
      </c>
      <c r="AC17" s="280">
        <v>6</v>
      </c>
      <c r="AD17" s="280">
        <v>10</v>
      </c>
      <c r="AE17" s="280">
        <v>1</v>
      </c>
      <c r="AF17" s="280">
        <v>0</v>
      </c>
      <c r="AG17" s="280">
        <v>1</v>
      </c>
      <c r="AH17" s="277">
        <v>18</v>
      </c>
      <c r="AI17" s="282">
        <v>18</v>
      </c>
      <c r="AJ17" s="276">
        <v>0</v>
      </c>
      <c r="AK17" s="280">
        <v>0</v>
      </c>
      <c r="AL17" s="277">
        <v>0</v>
      </c>
      <c r="AM17" s="279">
        <v>0</v>
      </c>
      <c r="AN17" s="280">
        <v>0</v>
      </c>
      <c r="AO17" s="280">
        <v>0</v>
      </c>
      <c r="AP17" s="280">
        <v>0</v>
      </c>
      <c r="AQ17" s="280">
        <v>0</v>
      </c>
      <c r="AR17" s="280">
        <v>0</v>
      </c>
      <c r="AS17" s="277">
        <v>0</v>
      </c>
      <c r="AT17" s="282">
        <v>0</v>
      </c>
      <c r="AU17" s="276">
        <v>0</v>
      </c>
      <c r="AV17" s="280">
        <v>0</v>
      </c>
      <c r="AW17" s="277">
        <v>0</v>
      </c>
      <c r="AX17" s="279">
        <v>0</v>
      </c>
      <c r="AY17" s="280">
        <v>0</v>
      </c>
      <c r="AZ17" s="280">
        <v>0</v>
      </c>
      <c r="BA17" s="280">
        <v>0</v>
      </c>
      <c r="BB17" s="280">
        <v>0</v>
      </c>
      <c r="BC17" s="280">
        <v>0</v>
      </c>
      <c r="BD17" s="277">
        <v>0</v>
      </c>
      <c r="BE17" s="282">
        <v>0</v>
      </c>
      <c r="BF17" s="276">
        <v>0</v>
      </c>
      <c r="BG17" s="280">
        <v>0</v>
      </c>
      <c r="BH17" s="277">
        <v>0</v>
      </c>
      <c r="BI17" s="279">
        <v>0</v>
      </c>
      <c r="BJ17" s="280">
        <v>0</v>
      </c>
      <c r="BK17" s="280">
        <v>2</v>
      </c>
      <c r="BL17" s="280">
        <v>0</v>
      </c>
      <c r="BM17" s="280">
        <v>1</v>
      </c>
      <c r="BN17" s="280">
        <v>1</v>
      </c>
      <c r="BO17" s="281">
        <v>4</v>
      </c>
      <c r="BP17" s="282">
        <v>4</v>
      </c>
      <c r="BQ17" s="276">
        <v>0</v>
      </c>
      <c r="BR17" s="280">
        <v>0</v>
      </c>
      <c r="BS17" s="277">
        <v>0</v>
      </c>
      <c r="BT17" s="279">
        <v>0</v>
      </c>
      <c r="BU17" s="280">
        <v>0</v>
      </c>
      <c r="BV17" s="280">
        <v>0</v>
      </c>
      <c r="BW17" s="280">
        <v>0</v>
      </c>
      <c r="BX17" s="280">
        <v>0</v>
      </c>
      <c r="BY17" s="280">
        <v>0</v>
      </c>
      <c r="BZ17" s="277">
        <v>0</v>
      </c>
      <c r="CA17" s="282">
        <v>0</v>
      </c>
      <c r="CB17" s="276">
        <v>0</v>
      </c>
      <c r="CC17" s="280">
        <v>0</v>
      </c>
      <c r="CD17" s="277">
        <v>0</v>
      </c>
      <c r="CE17" s="279">
        <v>0</v>
      </c>
      <c r="CF17" s="280">
        <v>0</v>
      </c>
      <c r="CG17" s="280">
        <v>0</v>
      </c>
      <c r="CH17" s="280">
        <v>1</v>
      </c>
      <c r="CI17" s="280">
        <v>0</v>
      </c>
      <c r="CJ17" s="280">
        <v>0</v>
      </c>
      <c r="CK17" s="277">
        <v>1</v>
      </c>
      <c r="CL17" s="282">
        <v>1</v>
      </c>
      <c r="CM17" s="276">
        <v>0</v>
      </c>
      <c r="CN17" s="280">
        <v>0</v>
      </c>
      <c r="CO17" s="277">
        <v>0</v>
      </c>
      <c r="CP17" s="279">
        <v>0</v>
      </c>
      <c r="CQ17" s="280">
        <v>0</v>
      </c>
      <c r="CR17" s="280">
        <v>0</v>
      </c>
      <c r="CS17" s="280">
        <v>0</v>
      </c>
      <c r="CT17" s="280">
        <v>0</v>
      </c>
      <c r="CU17" s="280">
        <v>0</v>
      </c>
      <c r="CV17" s="277">
        <v>0</v>
      </c>
      <c r="CW17" s="282">
        <v>0</v>
      </c>
    </row>
    <row r="18" spans="2:101" ht="21" customHeight="1" x14ac:dyDescent="0.2">
      <c r="B18" s="261" t="s">
        <v>16</v>
      </c>
      <c r="C18" s="276">
        <v>0</v>
      </c>
      <c r="D18" s="277">
        <v>0</v>
      </c>
      <c r="E18" s="278">
        <v>0</v>
      </c>
      <c r="F18" s="279">
        <v>0</v>
      </c>
      <c r="G18" s="280">
        <v>0</v>
      </c>
      <c r="H18" s="280">
        <v>0</v>
      </c>
      <c r="I18" s="280">
        <v>0</v>
      </c>
      <c r="J18" s="280">
        <v>0</v>
      </c>
      <c r="K18" s="280">
        <v>2</v>
      </c>
      <c r="L18" s="281">
        <v>2</v>
      </c>
      <c r="M18" s="282">
        <v>2</v>
      </c>
      <c r="N18" s="276">
        <v>0</v>
      </c>
      <c r="O18" s="280">
        <v>0</v>
      </c>
      <c r="P18" s="277">
        <v>0</v>
      </c>
      <c r="Q18" s="279">
        <v>0</v>
      </c>
      <c r="R18" s="280">
        <v>0</v>
      </c>
      <c r="S18" s="280">
        <v>0</v>
      </c>
      <c r="T18" s="280">
        <v>1</v>
      </c>
      <c r="U18" s="280">
        <v>0</v>
      </c>
      <c r="V18" s="280">
        <v>0</v>
      </c>
      <c r="W18" s="277">
        <v>1</v>
      </c>
      <c r="X18" s="282">
        <v>1</v>
      </c>
      <c r="Y18" s="276">
        <v>0</v>
      </c>
      <c r="Z18" s="280">
        <v>0</v>
      </c>
      <c r="AA18" s="277">
        <v>0</v>
      </c>
      <c r="AB18" s="279">
        <v>0</v>
      </c>
      <c r="AC18" s="280">
        <v>7</v>
      </c>
      <c r="AD18" s="280">
        <v>7</v>
      </c>
      <c r="AE18" s="280">
        <v>5</v>
      </c>
      <c r="AF18" s="280">
        <v>0</v>
      </c>
      <c r="AG18" s="280">
        <v>2</v>
      </c>
      <c r="AH18" s="277">
        <v>21</v>
      </c>
      <c r="AI18" s="282">
        <v>21</v>
      </c>
      <c r="AJ18" s="276">
        <v>0</v>
      </c>
      <c r="AK18" s="280">
        <v>0</v>
      </c>
      <c r="AL18" s="277">
        <v>0</v>
      </c>
      <c r="AM18" s="279">
        <v>0</v>
      </c>
      <c r="AN18" s="280">
        <v>1</v>
      </c>
      <c r="AO18" s="280">
        <v>1</v>
      </c>
      <c r="AP18" s="280">
        <v>1</v>
      </c>
      <c r="AQ18" s="280">
        <v>0</v>
      </c>
      <c r="AR18" s="280">
        <v>0</v>
      </c>
      <c r="AS18" s="277">
        <v>3</v>
      </c>
      <c r="AT18" s="282">
        <v>3</v>
      </c>
      <c r="AU18" s="276">
        <v>0</v>
      </c>
      <c r="AV18" s="280">
        <v>0</v>
      </c>
      <c r="AW18" s="277">
        <v>0</v>
      </c>
      <c r="AX18" s="279">
        <v>0</v>
      </c>
      <c r="AY18" s="280">
        <v>0</v>
      </c>
      <c r="AZ18" s="280">
        <v>1</v>
      </c>
      <c r="BA18" s="280">
        <v>0</v>
      </c>
      <c r="BB18" s="280">
        <v>0</v>
      </c>
      <c r="BC18" s="280">
        <v>1</v>
      </c>
      <c r="BD18" s="277">
        <v>2</v>
      </c>
      <c r="BE18" s="282">
        <v>2</v>
      </c>
      <c r="BF18" s="276">
        <v>0</v>
      </c>
      <c r="BG18" s="280">
        <v>0</v>
      </c>
      <c r="BH18" s="277">
        <v>0</v>
      </c>
      <c r="BI18" s="279">
        <v>0</v>
      </c>
      <c r="BJ18" s="280">
        <v>1</v>
      </c>
      <c r="BK18" s="280">
        <v>0</v>
      </c>
      <c r="BL18" s="280">
        <v>3</v>
      </c>
      <c r="BM18" s="280">
        <v>2</v>
      </c>
      <c r="BN18" s="280">
        <v>1</v>
      </c>
      <c r="BO18" s="281">
        <v>7</v>
      </c>
      <c r="BP18" s="282">
        <v>7</v>
      </c>
      <c r="BQ18" s="276">
        <v>0</v>
      </c>
      <c r="BR18" s="280">
        <v>0</v>
      </c>
      <c r="BS18" s="277">
        <v>0</v>
      </c>
      <c r="BT18" s="279">
        <v>0</v>
      </c>
      <c r="BU18" s="280">
        <v>0</v>
      </c>
      <c r="BV18" s="280">
        <v>0</v>
      </c>
      <c r="BW18" s="280">
        <v>0</v>
      </c>
      <c r="BX18" s="280">
        <v>0</v>
      </c>
      <c r="BY18" s="280">
        <v>0</v>
      </c>
      <c r="BZ18" s="277">
        <v>0</v>
      </c>
      <c r="CA18" s="282">
        <v>0</v>
      </c>
      <c r="CB18" s="276">
        <v>0</v>
      </c>
      <c r="CC18" s="280">
        <v>0</v>
      </c>
      <c r="CD18" s="277">
        <v>0</v>
      </c>
      <c r="CE18" s="279">
        <v>0</v>
      </c>
      <c r="CF18" s="280">
        <v>0</v>
      </c>
      <c r="CG18" s="280">
        <v>0</v>
      </c>
      <c r="CH18" s="280">
        <v>0</v>
      </c>
      <c r="CI18" s="280">
        <v>0</v>
      </c>
      <c r="CJ18" s="280">
        <v>0</v>
      </c>
      <c r="CK18" s="277">
        <v>0</v>
      </c>
      <c r="CL18" s="282">
        <v>0</v>
      </c>
      <c r="CM18" s="276">
        <v>0</v>
      </c>
      <c r="CN18" s="280">
        <v>0</v>
      </c>
      <c r="CO18" s="277">
        <v>0</v>
      </c>
      <c r="CP18" s="279">
        <v>0</v>
      </c>
      <c r="CQ18" s="280">
        <v>0</v>
      </c>
      <c r="CR18" s="280">
        <v>0</v>
      </c>
      <c r="CS18" s="280">
        <v>0</v>
      </c>
      <c r="CT18" s="280">
        <v>0</v>
      </c>
      <c r="CU18" s="280">
        <v>0</v>
      </c>
      <c r="CV18" s="277">
        <v>0</v>
      </c>
      <c r="CW18" s="282">
        <v>0</v>
      </c>
    </row>
    <row r="19" spans="2:101" ht="21" customHeight="1" x14ac:dyDescent="0.2">
      <c r="B19" s="261" t="s">
        <v>17</v>
      </c>
      <c r="C19" s="276">
        <v>0</v>
      </c>
      <c r="D19" s="277">
        <v>0</v>
      </c>
      <c r="E19" s="278">
        <v>0</v>
      </c>
      <c r="F19" s="279">
        <v>0</v>
      </c>
      <c r="G19" s="280">
        <v>1</v>
      </c>
      <c r="H19" s="280">
        <v>0</v>
      </c>
      <c r="I19" s="280">
        <v>0</v>
      </c>
      <c r="J19" s="280">
        <v>0</v>
      </c>
      <c r="K19" s="280">
        <v>0</v>
      </c>
      <c r="L19" s="281">
        <v>1</v>
      </c>
      <c r="M19" s="282">
        <v>1</v>
      </c>
      <c r="N19" s="276">
        <v>0</v>
      </c>
      <c r="O19" s="280">
        <v>0</v>
      </c>
      <c r="P19" s="277">
        <v>0</v>
      </c>
      <c r="Q19" s="279">
        <v>0</v>
      </c>
      <c r="R19" s="280">
        <v>0</v>
      </c>
      <c r="S19" s="280">
        <v>0</v>
      </c>
      <c r="T19" s="280">
        <v>0</v>
      </c>
      <c r="U19" s="280">
        <v>0</v>
      </c>
      <c r="V19" s="280">
        <v>0</v>
      </c>
      <c r="W19" s="277">
        <v>0</v>
      </c>
      <c r="X19" s="282">
        <v>0</v>
      </c>
      <c r="Y19" s="276">
        <v>0</v>
      </c>
      <c r="Z19" s="280">
        <v>0</v>
      </c>
      <c r="AA19" s="277">
        <v>0</v>
      </c>
      <c r="AB19" s="279">
        <v>0</v>
      </c>
      <c r="AC19" s="280">
        <v>9</v>
      </c>
      <c r="AD19" s="280">
        <v>15</v>
      </c>
      <c r="AE19" s="280">
        <v>9</v>
      </c>
      <c r="AF19" s="280">
        <v>7</v>
      </c>
      <c r="AG19" s="280">
        <v>1</v>
      </c>
      <c r="AH19" s="277">
        <v>41</v>
      </c>
      <c r="AI19" s="282">
        <v>41</v>
      </c>
      <c r="AJ19" s="276">
        <v>0</v>
      </c>
      <c r="AK19" s="280">
        <v>0</v>
      </c>
      <c r="AL19" s="277">
        <v>0</v>
      </c>
      <c r="AM19" s="279">
        <v>0</v>
      </c>
      <c r="AN19" s="280">
        <v>0</v>
      </c>
      <c r="AO19" s="280">
        <v>0</v>
      </c>
      <c r="AP19" s="280">
        <v>0</v>
      </c>
      <c r="AQ19" s="280">
        <v>0</v>
      </c>
      <c r="AR19" s="280">
        <v>0</v>
      </c>
      <c r="AS19" s="277">
        <v>0</v>
      </c>
      <c r="AT19" s="282">
        <v>0</v>
      </c>
      <c r="AU19" s="276">
        <v>0</v>
      </c>
      <c r="AV19" s="280">
        <v>0</v>
      </c>
      <c r="AW19" s="277">
        <v>0</v>
      </c>
      <c r="AX19" s="279">
        <v>0</v>
      </c>
      <c r="AY19" s="280">
        <v>1</v>
      </c>
      <c r="AZ19" s="280">
        <v>1</v>
      </c>
      <c r="BA19" s="280">
        <v>1</v>
      </c>
      <c r="BB19" s="280">
        <v>1</v>
      </c>
      <c r="BC19" s="280">
        <v>1</v>
      </c>
      <c r="BD19" s="277">
        <v>5</v>
      </c>
      <c r="BE19" s="282">
        <v>5</v>
      </c>
      <c r="BF19" s="276">
        <v>0</v>
      </c>
      <c r="BG19" s="280">
        <v>0</v>
      </c>
      <c r="BH19" s="277">
        <v>0</v>
      </c>
      <c r="BI19" s="279">
        <v>0</v>
      </c>
      <c r="BJ19" s="280">
        <v>2</v>
      </c>
      <c r="BK19" s="280">
        <v>4</v>
      </c>
      <c r="BL19" s="280">
        <v>2</v>
      </c>
      <c r="BM19" s="280">
        <v>4</v>
      </c>
      <c r="BN19" s="280">
        <v>5</v>
      </c>
      <c r="BO19" s="281">
        <v>17</v>
      </c>
      <c r="BP19" s="282">
        <v>17</v>
      </c>
      <c r="BQ19" s="276">
        <v>0</v>
      </c>
      <c r="BR19" s="280">
        <v>0</v>
      </c>
      <c r="BS19" s="277">
        <v>0</v>
      </c>
      <c r="BT19" s="279">
        <v>0</v>
      </c>
      <c r="BU19" s="280">
        <v>0</v>
      </c>
      <c r="BV19" s="280">
        <v>0</v>
      </c>
      <c r="BW19" s="280">
        <v>0</v>
      </c>
      <c r="BX19" s="280">
        <v>0</v>
      </c>
      <c r="BY19" s="280">
        <v>0</v>
      </c>
      <c r="BZ19" s="277">
        <v>0</v>
      </c>
      <c r="CA19" s="282">
        <v>0</v>
      </c>
      <c r="CB19" s="276">
        <v>0</v>
      </c>
      <c r="CC19" s="280">
        <v>0</v>
      </c>
      <c r="CD19" s="277">
        <v>0</v>
      </c>
      <c r="CE19" s="279">
        <v>0</v>
      </c>
      <c r="CF19" s="280">
        <v>0</v>
      </c>
      <c r="CG19" s="280">
        <v>0</v>
      </c>
      <c r="CH19" s="280">
        <v>1</v>
      </c>
      <c r="CI19" s="280">
        <v>1</v>
      </c>
      <c r="CJ19" s="280">
        <v>2</v>
      </c>
      <c r="CK19" s="277">
        <v>4</v>
      </c>
      <c r="CL19" s="282">
        <v>4</v>
      </c>
      <c r="CM19" s="276">
        <v>0</v>
      </c>
      <c r="CN19" s="280">
        <v>0</v>
      </c>
      <c r="CO19" s="277">
        <v>0</v>
      </c>
      <c r="CP19" s="279">
        <v>0</v>
      </c>
      <c r="CQ19" s="280">
        <v>0</v>
      </c>
      <c r="CR19" s="280">
        <v>0</v>
      </c>
      <c r="CS19" s="280">
        <v>0</v>
      </c>
      <c r="CT19" s="280">
        <v>0</v>
      </c>
      <c r="CU19" s="280">
        <v>0</v>
      </c>
      <c r="CV19" s="277">
        <v>0</v>
      </c>
      <c r="CW19" s="282">
        <v>0</v>
      </c>
    </row>
    <row r="20" spans="2:101" ht="21" customHeight="1" x14ac:dyDescent="0.2">
      <c r="B20" s="261" t="s">
        <v>18</v>
      </c>
      <c r="C20" s="276">
        <v>0</v>
      </c>
      <c r="D20" s="277">
        <v>0</v>
      </c>
      <c r="E20" s="278">
        <v>0</v>
      </c>
      <c r="F20" s="279">
        <v>0</v>
      </c>
      <c r="G20" s="280">
        <v>0</v>
      </c>
      <c r="H20" s="280">
        <v>0</v>
      </c>
      <c r="I20" s="280">
        <v>0</v>
      </c>
      <c r="J20" s="280">
        <v>0</v>
      </c>
      <c r="K20" s="280">
        <v>1</v>
      </c>
      <c r="L20" s="281">
        <v>1</v>
      </c>
      <c r="M20" s="282">
        <v>1</v>
      </c>
      <c r="N20" s="276">
        <v>0</v>
      </c>
      <c r="O20" s="280">
        <v>0</v>
      </c>
      <c r="P20" s="277">
        <v>0</v>
      </c>
      <c r="Q20" s="279">
        <v>0</v>
      </c>
      <c r="R20" s="280">
        <v>0</v>
      </c>
      <c r="S20" s="280">
        <v>0</v>
      </c>
      <c r="T20" s="280">
        <v>0</v>
      </c>
      <c r="U20" s="280">
        <v>0</v>
      </c>
      <c r="V20" s="280">
        <v>0</v>
      </c>
      <c r="W20" s="277">
        <v>0</v>
      </c>
      <c r="X20" s="282">
        <v>0</v>
      </c>
      <c r="Y20" s="276">
        <v>0</v>
      </c>
      <c r="Z20" s="280">
        <v>0</v>
      </c>
      <c r="AA20" s="277">
        <v>0</v>
      </c>
      <c r="AB20" s="279">
        <v>0</v>
      </c>
      <c r="AC20" s="280">
        <v>22</v>
      </c>
      <c r="AD20" s="280">
        <v>9</v>
      </c>
      <c r="AE20" s="280">
        <v>8</v>
      </c>
      <c r="AF20" s="280">
        <v>2</v>
      </c>
      <c r="AG20" s="280">
        <v>0</v>
      </c>
      <c r="AH20" s="277">
        <v>41</v>
      </c>
      <c r="AI20" s="282">
        <v>41</v>
      </c>
      <c r="AJ20" s="276">
        <v>0</v>
      </c>
      <c r="AK20" s="280">
        <v>0</v>
      </c>
      <c r="AL20" s="277">
        <v>0</v>
      </c>
      <c r="AM20" s="279">
        <v>0</v>
      </c>
      <c r="AN20" s="280">
        <v>1</v>
      </c>
      <c r="AO20" s="280">
        <v>0</v>
      </c>
      <c r="AP20" s="280">
        <v>2</v>
      </c>
      <c r="AQ20" s="280">
        <v>1</v>
      </c>
      <c r="AR20" s="280">
        <v>0</v>
      </c>
      <c r="AS20" s="277">
        <v>4</v>
      </c>
      <c r="AT20" s="282">
        <v>4</v>
      </c>
      <c r="AU20" s="276">
        <v>0</v>
      </c>
      <c r="AV20" s="280">
        <v>0</v>
      </c>
      <c r="AW20" s="277">
        <v>0</v>
      </c>
      <c r="AX20" s="279">
        <v>0</v>
      </c>
      <c r="AY20" s="280">
        <v>1</v>
      </c>
      <c r="AZ20" s="280">
        <v>0</v>
      </c>
      <c r="BA20" s="280">
        <v>1</v>
      </c>
      <c r="BB20" s="280">
        <v>0</v>
      </c>
      <c r="BC20" s="280">
        <v>0</v>
      </c>
      <c r="BD20" s="277">
        <v>2</v>
      </c>
      <c r="BE20" s="282">
        <v>2</v>
      </c>
      <c r="BF20" s="276">
        <v>0</v>
      </c>
      <c r="BG20" s="280">
        <v>0</v>
      </c>
      <c r="BH20" s="277">
        <v>0</v>
      </c>
      <c r="BI20" s="279">
        <v>0</v>
      </c>
      <c r="BJ20" s="280">
        <v>0</v>
      </c>
      <c r="BK20" s="280">
        <v>1</v>
      </c>
      <c r="BL20" s="280">
        <v>5</v>
      </c>
      <c r="BM20" s="280">
        <v>1</v>
      </c>
      <c r="BN20" s="280">
        <v>1</v>
      </c>
      <c r="BO20" s="281">
        <v>8</v>
      </c>
      <c r="BP20" s="282">
        <v>8</v>
      </c>
      <c r="BQ20" s="276">
        <v>0</v>
      </c>
      <c r="BR20" s="280">
        <v>0</v>
      </c>
      <c r="BS20" s="277">
        <v>0</v>
      </c>
      <c r="BT20" s="279">
        <v>0</v>
      </c>
      <c r="BU20" s="280">
        <v>0</v>
      </c>
      <c r="BV20" s="280">
        <v>0</v>
      </c>
      <c r="BW20" s="280">
        <v>0</v>
      </c>
      <c r="BX20" s="280">
        <v>0</v>
      </c>
      <c r="BY20" s="280">
        <v>0</v>
      </c>
      <c r="BZ20" s="277">
        <v>0</v>
      </c>
      <c r="CA20" s="282">
        <v>0</v>
      </c>
      <c r="CB20" s="276">
        <v>0</v>
      </c>
      <c r="CC20" s="280">
        <v>0</v>
      </c>
      <c r="CD20" s="277">
        <v>0</v>
      </c>
      <c r="CE20" s="279">
        <v>0</v>
      </c>
      <c r="CF20" s="280">
        <v>0</v>
      </c>
      <c r="CG20" s="280">
        <v>0</v>
      </c>
      <c r="CH20" s="280">
        <v>1</v>
      </c>
      <c r="CI20" s="280">
        <v>0</v>
      </c>
      <c r="CJ20" s="280">
        <v>0</v>
      </c>
      <c r="CK20" s="277">
        <v>1</v>
      </c>
      <c r="CL20" s="282">
        <v>1</v>
      </c>
      <c r="CM20" s="276">
        <v>0</v>
      </c>
      <c r="CN20" s="280">
        <v>0</v>
      </c>
      <c r="CO20" s="277">
        <v>0</v>
      </c>
      <c r="CP20" s="279">
        <v>0</v>
      </c>
      <c r="CQ20" s="280">
        <v>0</v>
      </c>
      <c r="CR20" s="280">
        <v>1</v>
      </c>
      <c r="CS20" s="280">
        <v>0</v>
      </c>
      <c r="CT20" s="280">
        <v>1</v>
      </c>
      <c r="CU20" s="280">
        <v>4</v>
      </c>
      <c r="CV20" s="277">
        <v>6</v>
      </c>
      <c r="CW20" s="282">
        <v>6</v>
      </c>
    </row>
    <row r="21" spans="2:101" ht="21" customHeight="1" x14ac:dyDescent="0.2">
      <c r="B21" s="261" t="s">
        <v>19</v>
      </c>
      <c r="C21" s="276">
        <v>0</v>
      </c>
      <c r="D21" s="277">
        <v>0</v>
      </c>
      <c r="E21" s="278">
        <v>0</v>
      </c>
      <c r="F21" s="279">
        <v>0</v>
      </c>
      <c r="G21" s="280">
        <v>0</v>
      </c>
      <c r="H21" s="280">
        <v>1</v>
      </c>
      <c r="I21" s="280">
        <v>0</v>
      </c>
      <c r="J21" s="280">
        <v>2</v>
      </c>
      <c r="K21" s="280">
        <v>0</v>
      </c>
      <c r="L21" s="281">
        <v>3</v>
      </c>
      <c r="M21" s="282">
        <v>3</v>
      </c>
      <c r="N21" s="276">
        <v>0</v>
      </c>
      <c r="O21" s="280">
        <v>0</v>
      </c>
      <c r="P21" s="277">
        <v>0</v>
      </c>
      <c r="Q21" s="279">
        <v>0</v>
      </c>
      <c r="R21" s="280">
        <v>0</v>
      </c>
      <c r="S21" s="280">
        <v>0</v>
      </c>
      <c r="T21" s="280">
        <v>0</v>
      </c>
      <c r="U21" s="280">
        <v>1</v>
      </c>
      <c r="V21" s="280">
        <v>0</v>
      </c>
      <c r="W21" s="277">
        <v>1</v>
      </c>
      <c r="X21" s="282">
        <v>1</v>
      </c>
      <c r="Y21" s="276">
        <v>0</v>
      </c>
      <c r="Z21" s="280">
        <v>0</v>
      </c>
      <c r="AA21" s="277">
        <v>0</v>
      </c>
      <c r="AB21" s="279">
        <v>0</v>
      </c>
      <c r="AC21" s="280">
        <v>9</v>
      </c>
      <c r="AD21" s="280">
        <v>5</v>
      </c>
      <c r="AE21" s="280">
        <v>1</v>
      </c>
      <c r="AF21" s="280">
        <v>2</v>
      </c>
      <c r="AG21" s="280">
        <v>0</v>
      </c>
      <c r="AH21" s="277">
        <v>17</v>
      </c>
      <c r="AI21" s="282">
        <v>17</v>
      </c>
      <c r="AJ21" s="276">
        <v>0</v>
      </c>
      <c r="AK21" s="280">
        <v>0</v>
      </c>
      <c r="AL21" s="277">
        <v>0</v>
      </c>
      <c r="AM21" s="279">
        <v>0</v>
      </c>
      <c r="AN21" s="280">
        <v>1</v>
      </c>
      <c r="AO21" s="280">
        <v>3</v>
      </c>
      <c r="AP21" s="280">
        <v>0</v>
      </c>
      <c r="AQ21" s="280">
        <v>0</v>
      </c>
      <c r="AR21" s="280">
        <v>0</v>
      </c>
      <c r="AS21" s="277">
        <v>4</v>
      </c>
      <c r="AT21" s="282">
        <v>4</v>
      </c>
      <c r="AU21" s="276">
        <v>0</v>
      </c>
      <c r="AV21" s="280">
        <v>0</v>
      </c>
      <c r="AW21" s="277">
        <v>0</v>
      </c>
      <c r="AX21" s="279">
        <v>0</v>
      </c>
      <c r="AY21" s="280">
        <v>1</v>
      </c>
      <c r="AZ21" s="280">
        <v>0</v>
      </c>
      <c r="BA21" s="280">
        <v>1</v>
      </c>
      <c r="BB21" s="280">
        <v>1</v>
      </c>
      <c r="BC21" s="280">
        <v>0</v>
      </c>
      <c r="BD21" s="277">
        <v>3</v>
      </c>
      <c r="BE21" s="282">
        <v>3</v>
      </c>
      <c r="BF21" s="276">
        <v>0</v>
      </c>
      <c r="BG21" s="280">
        <v>0</v>
      </c>
      <c r="BH21" s="277">
        <v>0</v>
      </c>
      <c r="BI21" s="279">
        <v>0</v>
      </c>
      <c r="BJ21" s="280">
        <v>0</v>
      </c>
      <c r="BK21" s="280">
        <v>0</v>
      </c>
      <c r="BL21" s="280">
        <v>0</v>
      </c>
      <c r="BM21" s="280">
        <v>1</v>
      </c>
      <c r="BN21" s="280">
        <v>0</v>
      </c>
      <c r="BO21" s="281">
        <v>1</v>
      </c>
      <c r="BP21" s="282">
        <v>1</v>
      </c>
      <c r="BQ21" s="276">
        <v>0</v>
      </c>
      <c r="BR21" s="280">
        <v>0</v>
      </c>
      <c r="BS21" s="277">
        <v>0</v>
      </c>
      <c r="BT21" s="279">
        <v>0</v>
      </c>
      <c r="BU21" s="280">
        <v>0</v>
      </c>
      <c r="BV21" s="280">
        <v>0</v>
      </c>
      <c r="BW21" s="280">
        <v>0</v>
      </c>
      <c r="BX21" s="280">
        <v>0</v>
      </c>
      <c r="BY21" s="280">
        <v>0</v>
      </c>
      <c r="BZ21" s="277">
        <v>0</v>
      </c>
      <c r="CA21" s="282">
        <v>0</v>
      </c>
      <c r="CB21" s="276">
        <v>0</v>
      </c>
      <c r="CC21" s="280">
        <v>0</v>
      </c>
      <c r="CD21" s="277">
        <v>0</v>
      </c>
      <c r="CE21" s="279">
        <v>0</v>
      </c>
      <c r="CF21" s="280">
        <v>0</v>
      </c>
      <c r="CG21" s="280">
        <v>0</v>
      </c>
      <c r="CH21" s="280">
        <v>0</v>
      </c>
      <c r="CI21" s="280">
        <v>0</v>
      </c>
      <c r="CJ21" s="280">
        <v>0</v>
      </c>
      <c r="CK21" s="277">
        <v>0</v>
      </c>
      <c r="CL21" s="282">
        <v>0</v>
      </c>
      <c r="CM21" s="276">
        <v>0</v>
      </c>
      <c r="CN21" s="280">
        <v>0</v>
      </c>
      <c r="CO21" s="277">
        <v>0</v>
      </c>
      <c r="CP21" s="279">
        <v>0</v>
      </c>
      <c r="CQ21" s="280">
        <v>0</v>
      </c>
      <c r="CR21" s="280">
        <v>0</v>
      </c>
      <c r="CS21" s="280">
        <v>0</v>
      </c>
      <c r="CT21" s="280">
        <v>0</v>
      </c>
      <c r="CU21" s="280">
        <v>0</v>
      </c>
      <c r="CV21" s="277">
        <v>0</v>
      </c>
      <c r="CW21" s="282">
        <v>0</v>
      </c>
    </row>
    <row r="22" spans="2:101" ht="21" customHeight="1" x14ac:dyDescent="0.2">
      <c r="B22" s="261" t="s">
        <v>20</v>
      </c>
      <c r="C22" s="276">
        <v>0</v>
      </c>
      <c r="D22" s="277">
        <v>0</v>
      </c>
      <c r="E22" s="278">
        <v>0</v>
      </c>
      <c r="F22" s="279">
        <v>0</v>
      </c>
      <c r="G22" s="280">
        <v>0</v>
      </c>
      <c r="H22" s="280">
        <v>0</v>
      </c>
      <c r="I22" s="280">
        <v>0</v>
      </c>
      <c r="J22" s="280">
        <v>0</v>
      </c>
      <c r="K22" s="280">
        <v>0</v>
      </c>
      <c r="L22" s="281">
        <v>0</v>
      </c>
      <c r="M22" s="282">
        <v>0</v>
      </c>
      <c r="N22" s="276">
        <v>0</v>
      </c>
      <c r="O22" s="280">
        <v>0</v>
      </c>
      <c r="P22" s="277">
        <v>0</v>
      </c>
      <c r="Q22" s="279">
        <v>0</v>
      </c>
      <c r="R22" s="280">
        <v>0</v>
      </c>
      <c r="S22" s="280">
        <v>0</v>
      </c>
      <c r="T22" s="280">
        <v>0</v>
      </c>
      <c r="U22" s="280">
        <v>0</v>
      </c>
      <c r="V22" s="280">
        <v>0</v>
      </c>
      <c r="W22" s="277">
        <v>0</v>
      </c>
      <c r="X22" s="282">
        <v>0</v>
      </c>
      <c r="Y22" s="276">
        <v>0</v>
      </c>
      <c r="Z22" s="280">
        <v>0</v>
      </c>
      <c r="AA22" s="277">
        <v>0</v>
      </c>
      <c r="AB22" s="279">
        <v>0</v>
      </c>
      <c r="AC22" s="280">
        <v>10</v>
      </c>
      <c r="AD22" s="280">
        <v>7</v>
      </c>
      <c r="AE22" s="280">
        <v>1</v>
      </c>
      <c r="AF22" s="280">
        <v>0</v>
      </c>
      <c r="AG22" s="280">
        <v>1</v>
      </c>
      <c r="AH22" s="277">
        <v>19</v>
      </c>
      <c r="AI22" s="282">
        <v>19</v>
      </c>
      <c r="AJ22" s="276">
        <v>0</v>
      </c>
      <c r="AK22" s="280">
        <v>0</v>
      </c>
      <c r="AL22" s="277">
        <v>0</v>
      </c>
      <c r="AM22" s="279">
        <v>0</v>
      </c>
      <c r="AN22" s="280">
        <v>1</v>
      </c>
      <c r="AO22" s="280">
        <v>0</v>
      </c>
      <c r="AP22" s="280">
        <v>0</v>
      </c>
      <c r="AQ22" s="280">
        <v>0</v>
      </c>
      <c r="AR22" s="280">
        <v>1</v>
      </c>
      <c r="AS22" s="277">
        <v>2</v>
      </c>
      <c r="AT22" s="282">
        <v>2</v>
      </c>
      <c r="AU22" s="276">
        <v>0</v>
      </c>
      <c r="AV22" s="280">
        <v>1</v>
      </c>
      <c r="AW22" s="277">
        <v>1</v>
      </c>
      <c r="AX22" s="279">
        <v>0</v>
      </c>
      <c r="AY22" s="280">
        <v>1</v>
      </c>
      <c r="AZ22" s="280">
        <v>0</v>
      </c>
      <c r="BA22" s="280">
        <v>2</v>
      </c>
      <c r="BB22" s="280">
        <v>0</v>
      </c>
      <c r="BC22" s="280">
        <v>0</v>
      </c>
      <c r="BD22" s="277">
        <v>3</v>
      </c>
      <c r="BE22" s="282">
        <v>4</v>
      </c>
      <c r="BF22" s="276">
        <v>0</v>
      </c>
      <c r="BG22" s="280">
        <v>0</v>
      </c>
      <c r="BH22" s="277">
        <v>0</v>
      </c>
      <c r="BI22" s="279">
        <v>0</v>
      </c>
      <c r="BJ22" s="280">
        <v>1</v>
      </c>
      <c r="BK22" s="280">
        <v>1</v>
      </c>
      <c r="BL22" s="280">
        <v>1</v>
      </c>
      <c r="BM22" s="280">
        <v>0</v>
      </c>
      <c r="BN22" s="280">
        <v>1</v>
      </c>
      <c r="BO22" s="281">
        <v>4</v>
      </c>
      <c r="BP22" s="282">
        <v>4</v>
      </c>
      <c r="BQ22" s="276">
        <v>0</v>
      </c>
      <c r="BR22" s="280">
        <v>0</v>
      </c>
      <c r="BS22" s="277">
        <v>0</v>
      </c>
      <c r="BT22" s="279">
        <v>0</v>
      </c>
      <c r="BU22" s="280">
        <v>0</v>
      </c>
      <c r="BV22" s="280">
        <v>0</v>
      </c>
      <c r="BW22" s="280">
        <v>0</v>
      </c>
      <c r="BX22" s="280">
        <v>0</v>
      </c>
      <c r="BY22" s="280">
        <v>0</v>
      </c>
      <c r="BZ22" s="277">
        <v>0</v>
      </c>
      <c r="CA22" s="282">
        <v>0</v>
      </c>
      <c r="CB22" s="276">
        <v>0</v>
      </c>
      <c r="CC22" s="280">
        <v>0</v>
      </c>
      <c r="CD22" s="277">
        <v>0</v>
      </c>
      <c r="CE22" s="279">
        <v>0</v>
      </c>
      <c r="CF22" s="280">
        <v>0</v>
      </c>
      <c r="CG22" s="280">
        <v>0</v>
      </c>
      <c r="CH22" s="280">
        <v>0</v>
      </c>
      <c r="CI22" s="280">
        <v>0</v>
      </c>
      <c r="CJ22" s="280">
        <v>0</v>
      </c>
      <c r="CK22" s="277">
        <v>0</v>
      </c>
      <c r="CL22" s="282">
        <v>0</v>
      </c>
      <c r="CM22" s="276">
        <v>0</v>
      </c>
      <c r="CN22" s="280">
        <v>0</v>
      </c>
      <c r="CO22" s="277">
        <v>0</v>
      </c>
      <c r="CP22" s="279">
        <v>0</v>
      </c>
      <c r="CQ22" s="280">
        <v>0</v>
      </c>
      <c r="CR22" s="280">
        <v>0</v>
      </c>
      <c r="CS22" s="280">
        <v>0</v>
      </c>
      <c r="CT22" s="280">
        <v>0</v>
      </c>
      <c r="CU22" s="280">
        <v>0</v>
      </c>
      <c r="CV22" s="277">
        <v>0</v>
      </c>
      <c r="CW22" s="282">
        <v>0</v>
      </c>
    </row>
    <row r="23" spans="2:101" ht="21" customHeight="1" x14ac:dyDescent="0.2">
      <c r="B23" s="261" t="s">
        <v>21</v>
      </c>
      <c r="C23" s="276">
        <v>0</v>
      </c>
      <c r="D23" s="277">
        <v>0</v>
      </c>
      <c r="E23" s="278">
        <v>0</v>
      </c>
      <c r="F23" s="279">
        <v>0</v>
      </c>
      <c r="G23" s="280">
        <v>0</v>
      </c>
      <c r="H23" s="280">
        <v>0</v>
      </c>
      <c r="I23" s="280">
        <v>0</v>
      </c>
      <c r="J23" s="280">
        <v>0</v>
      </c>
      <c r="K23" s="280">
        <v>0</v>
      </c>
      <c r="L23" s="281">
        <v>0</v>
      </c>
      <c r="M23" s="282">
        <v>0</v>
      </c>
      <c r="N23" s="276">
        <v>0</v>
      </c>
      <c r="O23" s="280">
        <v>0</v>
      </c>
      <c r="P23" s="277">
        <v>0</v>
      </c>
      <c r="Q23" s="279">
        <v>0</v>
      </c>
      <c r="R23" s="280">
        <v>0</v>
      </c>
      <c r="S23" s="280">
        <v>0</v>
      </c>
      <c r="T23" s="280">
        <v>0</v>
      </c>
      <c r="U23" s="280">
        <v>0</v>
      </c>
      <c r="V23" s="280">
        <v>0</v>
      </c>
      <c r="W23" s="277">
        <v>0</v>
      </c>
      <c r="X23" s="282">
        <v>0</v>
      </c>
      <c r="Y23" s="276">
        <v>0</v>
      </c>
      <c r="Z23" s="280">
        <v>0</v>
      </c>
      <c r="AA23" s="277">
        <v>0</v>
      </c>
      <c r="AB23" s="279">
        <v>0</v>
      </c>
      <c r="AC23" s="280">
        <v>13</v>
      </c>
      <c r="AD23" s="280">
        <v>3</v>
      </c>
      <c r="AE23" s="280">
        <v>2</v>
      </c>
      <c r="AF23" s="280">
        <v>1</v>
      </c>
      <c r="AG23" s="280">
        <v>0</v>
      </c>
      <c r="AH23" s="277">
        <v>19</v>
      </c>
      <c r="AI23" s="282">
        <v>19</v>
      </c>
      <c r="AJ23" s="276">
        <v>0</v>
      </c>
      <c r="AK23" s="280">
        <v>0</v>
      </c>
      <c r="AL23" s="277">
        <v>0</v>
      </c>
      <c r="AM23" s="279">
        <v>0</v>
      </c>
      <c r="AN23" s="280">
        <v>0</v>
      </c>
      <c r="AO23" s="280">
        <v>0</v>
      </c>
      <c r="AP23" s="280">
        <v>0</v>
      </c>
      <c r="AQ23" s="280">
        <v>0</v>
      </c>
      <c r="AR23" s="280">
        <v>0</v>
      </c>
      <c r="AS23" s="277">
        <v>0</v>
      </c>
      <c r="AT23" s="282">
        <v>0</v>
      </c>
      <c r="AU23" s="276">
        <v>0</v>
      </c>
      <c r="AV23" s="280">
        <v>0</v>
      </c>
      <c r="AW23" s="277">
        <v>0</v>
      </c>
      <c r="AX23" s="279">
        <v>0</v>
      </c>
      <c r="AY23" s="280">
        <v>1</v>
      </c>
      <c r="AZ23" s="280">
        <v>0</v>
      </c>
      <c r="BA23" s="280">
        <v>0</v>
      </c>
      <c r="BB23" s="280">
        <v>1</v>
      </c>
      <c r="BC23" s="280">
        <v>0</v>
      </c>
      <c r="BD23" s="277">
        <v>2</v>
      </c>
      <c r="BE23" s="282">
        <v>2</v>
      </c>
      <c r="BF23" s="276">
        <v>0</v>
      </c>
      <c r="BG23" s="280">
        <v>0</v>
      </c>
      <c r="BH23" s="277">
        <v>0</v>
      </c>
      <c r="BI23" s="279">
        <v>0</v>
      </c>
      <c r="BJ23" s="280">
        <v>1</v>
      </c>
      <c r="BK23" s="280">
        <v>1</v>
      </c>
      <c r="BL23" s="280">
        <v>1</v>
      </c>
      <c r="BM23" s="280">
        <v>2</v>
      </c>
      <c r="BN23" s="280">
        <v>1</v>
      </c>
      <c r="BO23" s="281">
        <v>6</v>
      </c>
      <c r="BP23" s="282">
        <v>6</v>
      </c>
      <c r="BQ23" s="276">
        <v>0</v>
      </c>
      <c r="BR23" s="280">
        <v>0</v>
      </c>
      <c r="BS23" s="277">
        <v>0</v>
      </c>
      <c r="BT23" s="279">
        <v>0</v>
      </c>
      <c r="BU23" s="280">
        <v>0</v>
      </c>
      <c r="BV23" s="280">
        <v>0</v>
      </c>
      <c r="BW23" s="280">
        <v>0</v>
      </c>
      <c r="BX23" s="280">
        <v>0</v>
      </c>
      <c r="BY23" s="280">
        <v>0</v>
      </c>
      <c r="BZ23" s="277">
        <v>0</v>
      </c>
      <c r="CA23" s="282">
        <v>0</v>
      </c>
      <c r="CB23" s="276">
        <v>0</v>
      </c>
      <c r="CC23" s="280">
        <v>0</v>
      </c>
      <c r="CD23" s="277">
        <v>0</v>
      </c>
      <c r="CE23" s="279">
        <v>0</v>
      </c>
      <c r="CF23" s="280">
        <v>0</v>
      </c>
      <c r="CG23" s="280">
        <v>0</v>
      </c>
      <c r="CH23" s="280">
        <v>0</v>
      </c>
      <c r="CI23" s="280">
        <v>0</v>
      </c>
      <c r="CJ23" s="280">
        <v>0</v>
      </c>
      <c r="CK23" s="277">
        <v>0</v>
      </c>
      <c r="CL23" s="282">
        <v>0</v>
      </c>
      <c r="CM23" s="276">
        <v>0</v>
      </c>
      <c r="CN23" s="280">
        <v>0</v>
      </c>
      <c r="CO23" s="277">
        <v>0</v>
      </c>
      <c r="CP23" s="279">
        <v>0</v>
      </c>
      <c r="CQ23" s="280">
        <v>0</v>
      </c>
      <c r="CR23" s="280">
        <v>0</v>
      </c>
      <c r="CS23" s="280">
        <v>1</v>
      </c>
      <c r="CT23" s="280">
        <v>0</v>
      </c>
      <c r="CU23" s="280">
        <v>0</v>
      </c>
      <c r="CV23" s="277">
        <v>1</v>
      </c>
      <c r="CW23" s="282">
        <v>1</v>
      </c>
    </row>
    <row r="24" spans="2:101" ht="21" customHeight="1" x14ac:dyDescent="0.2">
      <c r="B24" s="261" t="s">
        <v>22</v>
      </c>
      <c r="C24" s="276">
        <v>0</v>
      </c>
      <c r="D24" s="277">
        <v>0</v>
      </c>
      <c r="E24" s="278">
        <v>0</v>
      </c>
      <c r="F24" s="279">
        <v>0</v>
      </c>
      <c r="G24" s="280">
        <v>3</v>
      </c>
      <c r="H24" s="280">
        <v>1</v>
      </c>
      <c r="I24" s="280">
        <v>0</v>
      </c>
      <c r="J24" s="280">
        <v>0</v>
      </c>
      <c r="K24" s="280">
        <v>0</v>
      </c>
      <c r="L24" s="281">
        <v>4</v>
      </c>
      <c r="M24" s="282">
        <v>4</v>
      </c>
      <c r="N24" s="276">
        <v>0</v>
      </c>
      <c r="O24" s="280">
        <v>0</v>
      </c>
      <c r="P24" s="277">
        <v>0</v>
      </c>
      <c r="Q24" s="279">
        <v>0</v>
      </c>
      <c r="R24" s="280">
        <v>0</v>
      </c>
      <c r="S24" s="280">
        <v>0</v>
      </c>
      <c r="T24" s="280">
        <v>0</v>
      </c>
      <c r="U24" s="280">
        <v>0</v>
      </c>
      <c r="V24" s="280">
        <v>0</v>
      </c>
      <c r="W24" s="277">
        <v>0</v>
      </c>
      <c r="X24" s="282">
        <v>0</v>
      </c>
      <c r="Y24" s="276">
        <v>0</v>
      </c>
      <c r="Z24" s="280">
        <v>0</v>
      </c>
      <c r="AA24" s="277">
        <v>0</v>
      </c>
      <c r="AB24" s="279">
        <v>0</v>
      </c>
      <c r="AC24" s="280">
        <v>9</v>
      </c>
      <c r="AD24" s="280">
        <v>2</v>
      </c>
      <c r="AE24" s="280">
        <v>0</v>
      </c>
      <c r="AF24" s="280">
        <v>1</v>
      </c>
      <c r="AG24" s="280">
        <v>0</v>
      </c>
      <c r="AH24" s="277">
        <v>12</v>
      </c>
      <c r="AI24" s="282">
        <v>12</v>
      </c>
      <c r="AJ24" s="276">
        <v>0</v>
      </c>
      <c r="AK24" s="280">
        <v>0</v>
      </c>
      <c r="AL24" s="277">
        <v>0</v>
      </c>
      <c r="AM24" s="279">
        <v>0</v>
      </c>
      <c r="AN24" s="280">
        <v>0</v>
      </c>
      <c r="AO24" s="280">
        <v>0</v>
      </c>
      <c r="AP24" s="280">
        <v>1</v>
      </c>
      <c r="AQ24" s="280">
        <v>0</v>
      </c>
      <c r="AR24" s="280">
        <v>0</v>
      </c>
      <c r="AS24" s="277">
        <v>1</v>
      </c>
      <c r="AT24" s="282">
        <v>1</v>
      </c>
      <c r="AU24" s="276">
        <v>1</v>
      </c>
      <c r="AV24" s="280">
        <v>0</v>
      </c>
      <c r="AW24" s="277">
        <v>1</v>
      </c>
      <c r="AX24" s="279">
        <v>0</v>
      </c>
      <c r="AY24" s="280">
        <v>0</v>
      </c>
      <c r="AZ24" s="280">
        <v>2</v>
      </c>
      <c r="BA24" s="280">
        <v>0</v>
      </c>
      <c r="BB24" s="280">
        <v>0</v>
      </c>
      <c r="BC24" s="280">
        <v>0</v>
      </c>
      <c r="BD24" s="277">
        <v>2</v>
      </c>
      <c r="BE24" s="282">
        <v>3</v>
      </c>
      <c r="BF24" s="276">
        <v>0</v>
      </c>
      <c r="BG24" s="280">
        <v>0</v>
      </c>
      <c r="BH24" s="277">
        <v>0</v>
      </c>
      <c r="BI24" s="279">
        <v>0</v>
      </c>
      <c r="BJ24" s="280">
        <v>1</v>
      </c>
      <c r="BK24" s="280">
        <v>0</v>
      </c>
      <c r="BL24" s="280">
        <v>1</v>
      </c>
      <c r="BM24" s="280">
        <v>0</v>
      </c>
      <c r="BN24" s="280">
        <v>0</v>
      </c>
      <c r="BO24" s="281">
        <v>2</v>
      </c>
      <c r="BP24" s="282">
        <v>2</v>
      </c>
      <c r="BQ24" s="276">
        <v>0</v>
      </c>
      <c r="BR24" s="280">
        <v>0</v>
      </c>
      <c r="BS24" s="277">
        <v>0</v>
      </c>
      <c r="BT24" s="279">
        <v>0</v>
      </c>
      <c r="BU24" s="280">
        <v>0</v>
      </c>
      <c r="BV24" s="280">
        <v>0</v>
      </c>
      <c r="BW24" s="280">
        <v>0</v>
      </c>
      <c r="BX24" s="280">
        <v>0</v>
      </c>
      <c r="BY24" s="280">
        <v>0</v>
      </c>
      <c r="BZ24" s="277">
        <v>0</v>
      </c>
      <c r="CA24" s="282">
        <v>0</v>
      </c>
      <c r="CB24" s="276">
        <v>0</v>
      </c>
      <c r="CC24" s="280">
        <v>0</v>
      </c>
      <c r="CD24" s="277">
        <v>0</v>
      </c>
      <c r="CE24" s="279">
        <v>0</v>
      </c>
      <c r="CF24" s="280">
        <v>0</v>
      </c>
      <c r="CG24" s="280">
        <v>0</v>
      </c>
      <c r="CH24" s="280">
        <v>0</v>
      </c>
      <c r="CI24" s="280">
        <v>1</v>
      </c>
      <c r="CJ24" s="280">
        <v>0</v>
      </c>
      <c r="CK24" s="277">
        <v>1</v>
      </c>
      <c r="CL24" s="282">
        <v>1</v>
      </c>
      <c r="CM24" s="276">
        <v>0</v>
      </c>
      <c r="CN24" s="280">
        <v>0</v>
      </c>
      <c r="CO24" s="277">
        <v>0</v>
      </c>
      <c r="CP24" s="279">
        <v>0</v>
      </c>
      <c r="CQ24" s="280">
        <v>0</v>
      </c>
      <c r="CR24" s="280">
        <v>0</v>
      </c>
      <c r="CS24" s="280">
        <v>0</v>
      </c>
      <c r="CT24" s="280">
        <v>0</v>
      </c>
      <c r="CU24" s="280">
        <v>0</v>
      </c>
      <c r="CV24" s="277">
        <v>0</v>
      </c>
      <c r="CW24" s="282">
        <v>0</v>
      </c>
    </row>
    <row r="25" spans="2:101" ht="21" customHeight="1" x14ac:dyDescent="0.2">
      <c r="B25" s="261" t="s">
        <v>23</v>
      </c>
      <c r="C25" s="276">
        <v>0</v>
      </c>
      <c r="D25" s="277">
        <v>0</v>
      </c>
      <c r="E25" s="278">
        <v>0</v>
      </c>
      <c r="F25" s="279">
        <v>0</v>
      </c>
      <c r="G25" s="280">
        <v>0</v>
      </c>
      <c r="H25" s="280">
        <v>0</v>
      </c>
      <c r="I25" s="280">
        <v>0</v>
      </c>
      <c r="J25" s="280">
        <v>0</v>
      </c>
      <c r="K25" s="280">
        <v>0</v>
      </c>
      <c r="L25" s="281">
        <v>0</v>
      </c>
      <c r="M25" s="282">
        <v>0</v>
      </c>
      <c r="N25" s="276">
        <v>0</v>
      </c>
      <c r="O25" s="280">
        <v>0</v>
      </c>
      <c r="P25" s="277">
        <v>0</v>
      </c>
      <c r="Q25" s="279">
        <v>0</v>
      </c>
      <c r="R25" s="280">
        <v>0</v>
      </c>
      <c r="S25" s="280">
        <v>0</v>
      </c>
      <c r="T25" s="280">
        <v>0</v>
      </c>
      <c r="U25" s="280">
        <v>0</v>
      </c>
      <c r="V25" s="280">
        <v>0</v>
      </c>
      <c r="W25" s="277">
        <v>0</v>
      </c>
      <c r="X25" s="282">
        <v>0</v>
      </c>
      <c r="Y25" s="276">
        <v>0</v>
      </c>
      <c r="Z25" s="280">
        <v>0</v>
      </c>
      <c r="AA25" s="277">
        <v>0</v>
      </c>
      <c r="AB25" s="279">
        <v>0</v>
      </c>
      <c r="AC25" s="280">
        <v>1</v>
      </c>
      <c r="AD25" s="280">
        <v>3</v>
      </c>
      <c r="AE25" s="280">
        <v>1</v>
      </c>
      <c r="AF25" s="280">
        <v>0</v>
      </c>
      <c r="AG25" s="280">
        <v>1</v>
      </c>
      <c r="AH25" s="277">
        <v>6</v>
      </c>
      <c r="AI25" s="282">
        <v>6</v>
      </c>
      <c r="AJ25" s="276">
        <v>0</v>
      </c>
      <c r="AK25" s="280">
        <v>0</v>
      </c>
      <c r="AL25" s="277">
        <v>0</v>
      </c>
      <c r="AM25" s="279">
        <v>0</v>
      </c>
      <c r="AN25" s="280">
        <v>0</v>
      </c>
      <c r="AO25" s="280">
        <v>0</v>
      </c>
      <c r="AP25" s="280">
        <v>0</v>
      </c>
      <c r="AQ25" s="280">
        <v>0</v>
      </c>
      <c r="AR25" s="280">
        <v>0</v>
      </c>
      <c r="AS25" s="277">
        <v>0</v>
      </c>
      <c r="AT25" s="282">
        <v>0</v>
      </c>
      <c r="AU25" s="276">
        <v>0</v>
      </c>
      <c r="AV25" s="280">
        <v>0</v>
      </c>
      <c r="AW25" s="277">
        <v>0</v>
      </c>
      <c r="AX25" s="279">
        <v>0</v>
      </c>
      <c r="AY25" s="280">
        <v>0</v>
      </c>
      <c r="AZ25" s="280">
        <v>0</v>
      </c>
      <c r="BA25" s="280">
        <v>0</v>
      </c>
      <c r="BB25" s="280">
        <v>0</v>
      </c>
      <c r="BC25" s="280">
        <v>0</v>
      </c>
      <c r="BD25" s="277">
        <v>0</v>
      </c>
      <c r="BE25" s="282">
        <v>0</v>
      </c>
      <c r="BF25" s="276">
        <v>0</v>
      </c>
      <c r="BG25" s="280">
        <v>0</v>
      </c>
      <c r="BH25" s="277">
        <v>0</v>
      </c>
      <c r="BI25" s="279">
        <v>0</v>
      </c>
      <c r="BJ25" s="280">
        <v>1</v>
      </c>
      <c r="BK25" s="280">
        <v>1</v>
      </c>
      <c r="BL25" s="280">
        <v>2</v>
      </c>
      <c r="BM25" s="280">
        <v>0</v>
      </c>
      <c r="BN25" s="280">
        <v>0</v>
      </c>
      <c r="BO25" s="281">
        <v>4</v>
      </c>
      <c r="BP25" s="282">
        <v>4</v>
      </c>
      <c r="BQ25" s="276">
        <v>0</v>
      </c>
      <c r="BR25" s="280">
        <v>0</v>
      </c>
      <c r="BS25" s="277">
        <v>0</v>
      </c>
      <c r="BT25" s="279">
        <v>0</v>
      </c>
      <c r="BU25" s="280">
        <v>0</v>
      </c>
      <c r="BV25" s="280">
        <v>0</v>
      </c>
      <c r="BW25" s="280">
        <v>0</v>
      </c>
      <c r="BX25" s="280">
        <v>0</v>
      </c>
      <c r="BY25" s="280">
        <v>0</v>
      </c>
      <c r="BZ25" s="277">
        <v>0</v>
      </c>
      <c r="CA25" s="282">
        <v>0</v>
      </c>
      <c r="CB25" s="276">
        <v>0</v>
      </c>
      <c r="CC25" s="280">
        <v>0</v>
      </c>
      <c r="CD25" s="277">
        <v>0</v>
      </c>
      <c r="CE25" s="279">
        <v>0</v>
      </c>
      <c r="CF25" s="280">
        <v>0</v>
      </c>
      <c r="CG25" s="280">
        <v>0</v>
      </c>
      <c r="CH25" s="280">
        <v>0</v>
      </c>
      <c r="CI25" s="280">
        <v>0</v>
      </c>
      <c r="CJ25" s="280">
        <v>0</v>
      </c>
      <c r="CK25" s="277">
        <v>0</v>
      </c>
      <c r="CL25" s="282">
        <v>0</v>
      </c>
      <c r="CM25" s="276">
        <v>0</v>
      </c>
      <c r="CN25" s="280">
        <v>0</v>
      </c>
      <c r="CO25" s="277">
        <v>0</v>
      </c>
      <c r="CP25" s="279">
        <v>0</v>
      </c>
      <c r="CQ25" s="280">
        <v>0</v>
      </c>
      <c r="CR25" s="280">
        <v>0</v>
      </c>
      <c r="CS25" s="280">
        <v>0</v>
      </c>
      <c r="CT25" s="280">
        <v>0</v>
      </c>
      <c r="CU25" s="280">
        <v>0</v>
      </c>
      <c r="CV25" s="277">
        <v>0</v>
      </c>
      <c r="CW25" s="282">
        <v>0</v>
      </c>
    </row>
    <row r="26" spans="2:101" ht="21" customHeight="1" x14ac:dyDescent="0.2">
      <c r="B26" s="261" t="s">
        <v>24</v>
      </c>
      <c r="C26" s="276">
        <v>0</v>
      </c>
      <c r="D26" s="277">
        <v>0</v>
      </c>
      <c r="E26" s="278">
        <v>0</v>
      </c>
      <c r="F26" s="279">
        <v>0</v>
      </c>
      <c r="G26" s="280">
        <v>0</v>
      </c>
      <c r="H26" s="280">
        <v>0</v>
      </c>
      <c r="I26" s="280">
        <v>0</v>
      </c>
      <c r="J26" s="280">
        <v>1</v>
      </c>
      <c r="K26" s="280">
        <v>0</v>
      </c>
      <c r="L26" s="281">
        <v>1</v>
      </c>
      <c r="M26" s="282">
        <v>1</v>
      </c>
      <c r="N26" s="276">
        <v>0</v>
      </c>
      <c r="O26" s="280">
        <v>0</v>
      </c>
      <c r="P26" s="277">
        <v>0</v>
      </c>
      <c r="Q26" s="279">
        <v>0</v>
      </c>
      <c r="R26" s="280">
        <v>0</v>
      </c>
      <c r="S26" s="280">
        <v>0</v>
      </c>
      <c r="T26" s="280">
        <v>0</v>
      </c>
      <c r="U26" s="280">
        <v>0</v>
      </c>
      <c r="V26" s="280">
        <v>0</v>
      </c>
      <c r="W26" s="277">
        <v>0</v>
      </c>
      <c r="X26" s="282">
        <v>0</v>
      </c>
      <c r="Y26" s="276">
        <v>0</v>
      </c>
      <c r="Z26" s="280">
        <v>0</v>
      </c>
      <c r="AA26" s="277">
        <v>0</v>
      </c>
      <c r="AB26" s="279">
        <v>0</v>
      </c>
      <c r="AC26" s="280">
        <v>0</v>
      </c>
      <c r="AD26" s="280">
        <v>0</v>
      </c>
      <c r="AE26" s="280">
        <v>2</v>
      </c>
      <c r="AF26" s="280">
        <v>0</v>
      </c>
      <c r="AG26" s="280">
        <v>0</v>
      </c>
      <c r="AH26" s="277">
        <v>2</v>
      </c>
      <c r="AI26" s="282">
        <v>2</v>
      </c>
      <c r="AJ26" s="276">
        <v>0</v>
      </c>
      <c r="AK26" s="280">
        <v>0</v>
      </c>
      <c r="AL26" s="277">
        <v>0</v>
      </c>
      <c r="AM26" s="279">
        <v>0</v>
      </c>
      <c r="AN26" s="280">
        <v>0</v>
      </c>
      <c r="AO26" s="280">
        <v>1</v>
      </c>
      <c r="AP26" s="280">
        <v>0</v>
      </c>
      <c r="AQ26" s="280">
        <v>0</v>
      </c>
      <c r="AR26" s="280">
        <v>1</v>
      </c>
      <c r="AS26" s="277">
        <v>2</v>
      </c>
      <c r="AT26" s="282">
        <v>2</v>
      </c>
      <c r="AU26" s="276">
        <v>0</v>
      </c>
      <c r="AV26" s="280">
        <v>0</v>
      </c>
      <c r="AW26" s="277">
        <v>0</v>
      </c>
      <c r="AX26" s="279">
        <v>0</v>
      </c>
      <c r="AY26" s="280">
        <v>3</v>
      </c>
      <c r="AZ26" s="280">
        <v>0</v>
      </c>
      <c r="BA26" s="280">
        <v>2</v>
      </c>
      <c r="BB26" s="280">
        <v>0</v>
      </c>
      <c r="BC26" s="280">
        <v>1</v>
      </c>
      <c r="BD26" s="277">
        <v>6</v>
      </c>
      <c r="BE26" s="282">
        <v>6</v>
      </c>
      <c r="BF26" s="276">
        <v>0</v>
      </c>
      <c r="BG26" s="280">
        <v>0</v>
      </c>
      <c r="BH26" s="277">
        <v>0</v>
      </c>
      <c r="BI26" s="279">
        <v>0</v>
      </c>
      <c r="BJ26" s="280">
        <v>0</v>
      </c>
      <c r="BK26" s="280">
        <v>0</v>
      </c>
      <c r="BL26" s="280">
        <v>1</v>
      </c>
      <c r="BM26" s="280">
        <v>1</v>
      </c>
      <c r="BN26" s="280">
        <v>1</v>
      </c>
      <c r="BO26" s="281">
        <v>3</v>
      </c>
      <c r="BP26" s="282">
        <v>3</v>
      </c>
      <c r="BQ26" s="276">
        <v>0</v>
      </c>
      <c r="BR26" s="280">
        <v>0</v>
      </c>
      <c r="BS26" s="277">
        <v>0</v>
      </c>
      <c r="BT26" s="279">
        <v>0</v>
      </c>
      <c r="BU26" s="280">
        <v>0</v>
      </c>
      <c r="BV26" s="280">
        <v>0</v>
      </c>
      <c r="BW26" s="280">
        <v>0</v>
      </c>
      <c r="BX26" s="280">
        <v>0</v>
      </c>
      <c r="BY26" s="280">
        <v>0</v>
      </c>
      <c r="BZ26" s="277">
        <v>0</v>
      </c>
      <c r="CA26" s="282">
        <v>0</v>
      </c>
      <c r="CB26" s="276">
        <v>0</v>
      </c>
      <c r="CC26" s="280">
        <v>0</v>
      </c>
      <c r="CD26" s="277">
        <v>0</v>
      </c>
      <c r="CE26" s="279">
        <v>0</v>
      </c>
      <c r="CF26" s="280">
        <v>0</v>
      </c>
      <c r="CG26" s="280">
        <v>0</v>
      </c>
      <c r="CH26" s="280">
        <v>0</v>
      </c>
      <c r="CI26" s="280">
        <v>0</v>
      </c>
      <c r="CJ26" s="280">
        <v>0</v>
      </c>
      <c r="CK26" s="277">
        <v>0</v>
      </c>
      <c r="CL26" s="282">
        <v>0</v>
      </c>
      <c r="CM26" s="276">
        <v>0</v>
      </c>
      <c r="CN26" s="280">
        <v>0</v>
      </c>
      <c r="CO26" s="277">
        <v>0</v>
      </c>
      <c r="CP26" s="279">
        <v>0</v>
      </c>
      <c r="CQ26" s="280">
        <v>0</v>
      </c>
      <c r="CR26" s="280">
        <v>0</v>
      </c>
      <c r="CS26" s="280">
        <v>0</v>
      </c>
      <c r="CT26" s="280">
        <v>0</v>
      </c>
      <c r="CU26" s="280">
        <v>0</v>
      </c>
      <c r="CV26" s="277">
        <v>0</v>
      </c>
      <c r="CW26" s="282">
        <v>0</v>
      </c>
    </row>
    <row r="27" spans="2:101" ht="21" customHeight="1" x14ac:dyDescent="0.2">
      <c r="B27" s="261" t="s">
        <v>25</v>
      </c>
      <c r="C27" s="276">
        <v>0</v>
      </c>
      <c r="D27" s="277">
        <v>0</v>
      </c>
      <c r="E27" s="278">
        <v>0</v>
      </c>
      <c r="F27" s="279">
        <v>0</v>
      </c>
      <c r="G27" s="280">
        <v>0</v>
      </c>
      <c r="H27" s="280">
        <v>0</v>
      </c>
      <c r="I27" s="280">
        <v>0</v>
      </c>
      <c r="J27" s="280">
        <v>0</v>
      </c>
      <c r="K27" s="280">
        <v>0</v>
      </c>
      <c r="L27" s="281">
        <v>0</v>
      </c>
      <c r="M27" s="282">
        <v>0</v>
      </c>
      <c r="N27" s="276">
        <v>0</v>
      </c>
      <c r="O27" s="280">
        <v>0</v>
      </c>
      <c r="P27" s="277">
        <v>0</v>
      </c>
      <c r="Q27" s="279">
        <v>0</v>
      </c>
      <c r="R27" s="280">
        <v>0</v>
      </c>
      <c r="S27" s="280">
        <v>0</v>
      </c>
      <c r="T27" s="280">
        <v>0</v>
      </c>
      <c r="U27" s="280">
        <v>0</v>
      </c>
      <c r="V27" s="280">
        <v>0</v>
      </c>
      <c r="W27" s="277">
        <v>0</v>
      </c>
      <c r="X27" s="282">
        <v>0</v>
      </c>
      <c r="Y27" s="276">
        <v>0</v>
      </c>
      <c r="Z27" s="280">
        <v>0</v>
      </c>
      <c r="AA27" s="277">
        <v>0</v>
      </c>
      <c r="AB27" s="279">
        <v>0</v>
      </c>
      <c r="AC27" s="280">
        <v>3</v>
      </c>
      <c r="AD27" s="280">
        <v>1</v>
      </c>
      <c r="AE27" s="280">
        <v>1</v>
      </c>
      <c r="AF27" s="280">
        <v>0</v>
      </c>
      <c r="AG27" s="280">
        <v>0</v>
      </c>
      <c r="AH27" s="277">
        <v>5</v>
      </c>
      <c r="AI27" s="282">
        <v>5</v>
      </c>
      <c r="AJ27" s="276">
        <v>0</v>
      </c>
      <c r="AK27" s="280">
        <v>0</v>
      </c>
      <c r="AL27" s="277">
        <v>0</v>
      </c>
      <c r="AM27" s="279">
        <v>0</v>
      </c>
      <c r="AN27" s="280">
        <v>0</v>
      </c>
      <c r="AO27" s="280">
        <v>0</v>
      </c>
      <c r="AP27" s="280">
        <v>0</v>
      </c>
      <c r="AQ27" s="280">
        <v>0</v>
      </c>
      <c r="AR27" s="280">
        <v>0</v>
      </c>
      <c r="AS27" s="277">
        <v>0</v>
      </c>
      <c r="AT27" s="282">
        <v>0</v>
      </c>
      <c r="AU27" s="276">
        <v>0</v>
      </c>
      <c r="AV27" s="280">
        <v>0</v>
      </c>
      <c r="AW27" s="277">
        <v>0</v>
      </c>
      <c r="AX27" s="279">
        <v>0</v>
      </c>
      <c r="AY27" s="280">
        <v>0</v>
      </c>
      <c r="AZ27" s="280">
        <v>0</v>
      </c>
      <c r="BA27" s="280">
        <v>0</v>
      </c>
      <c r="BB27" s="280">
        <v>0</v>
      </c>
      <c r="BC27" s="280">
        <v>0</v>
      </c>
      <c r="BD27" s="277">
        <v>0</v>
      </c>
      <c r="BE27" s="282">
        <v>0</v>
      </c>
      <c r="BF27" s="276">
        <v>0</v>
      </c>
      <c r="BG27" s="280">
        <v>0</v>
      </c>
      <c r="BH27" s="277">
        <v>0</v>
      </c>
      <c r="BI27" s="279">
        <v>0</v>
      </c>
      <c r="BJ27" s="280">
        <v>1</v>
      </c>
      <c r="BK27" s="280">
        <v>0</v>
      </c>
      <c r="BL27" s="280">
        <v>0</v>
      </c>
      <c r="BM27" s="280">
        <v>0</v>
      </c>
      <c r="BN27" s="280">
        <v>0</v>
      </c>
      <c r="BO27" s="281">
        <v>1</v>
      </c>
      <c r="BP27" s="282">
        <v>1</v>
      </c>
      <c r="BQ27" s="276">
        <v>0</v>
      </c>
      <c r="BR27" s="280">
        <v>0</v>
      </c>
      <c r="BS27" s="277">
        <v>0</v>
      </c>
      <c r="BT27" s="279">
        <v>0</v>
      </c>
      <c r="BU27" s="280">
        <v>0</v>
      </c>
      <c r="BV27" s="280">
        <v>0</v>
      </c>
      <c r="BW27" s="280">
        <v>0</v>
      </c>
      <c r="BX27" s="280">
        <v>0</v>
      </c>
      <c r="BY27" s="280">
        <v>0</v>
      </c>
      <c r="BZ27" s="277">
        <v>0</v>
      </c>
      <c r="CA27" s="282">
        <v>0</v>
      </c>
      <c r="CB27" s="276">
        <v>0</v>
      </c>
      <c r="CC27" s="280">
        <v>0</v>
      </c>
      <c r="CD27" s="277">
        <v>0</v>
      </c>
      <c r="CE27" s="279">
        <v>0</v>
      </c>
      <c r="CF27" s="280">
        <v>0</v>
      </c>
      <c r="CG27" s="280">
        <v>0</v>
      </c>
      <c r="CH27" s="280">
        <v>0</v>
      </c>
      <c r="CI27" s="280">
        <v>0</v>
      </c>
      <c r="CJ27" s="280">
        <v>0</v>
      </c>
      <c r="CK27" s="277">
        <v>0</v>
      </c>
      <c r="CL27" s="282">
        <v>0</v>
      </c>
      <c r="CM27" s="276">
        <v>0</v>
      </c>
      <c r="CN27" s="280">
        <v>0</v>
      </c>
      <c r="CO27" s="277">
        <v>0</v>
      </c>
      <c r="CP27" s="279">
        <v>0</v>
      </c>
      <c r="CQ27" s="280">
        <v>0</v>
      </c>
      <c r="CR27" s="280">
        <v>0</v>
      </c>
      <c r="CS27" s="280">
        <v>0</v>
      </c>
      <c r="CT27" s="280">
        <v>0</v>
      </c>
      <c r="CU27" s="280">
        <v>0</v>
      </c>
      <c r="CV27" s="277">
        <v>0</v>
      </c>
      <c r="CW27" s="282">
        <v>0</v>
      </c>
    </row>
    <row r="28" spans="2:101" ht="21" customHeight="1" x14ac:dyDescent="0.2">
      <c r="B28" s="261" t="s">
        <v>26</v>
      </c>
      <c r="C28" s="276">
        <v>0</v>
      </c>
      <c r="D28" s="277">
        <v>0</v>
      </c>
      <c r="E28" s="278">
        <v>0</v>
      </c>
      <c r="F28" s="279">
        <v>0</v>
      </c>
      <c r="G28" s="280">
        <v>0</v>
      </c>
      <c r="H28" s="280">
        <v>0</v>
      </c>
      <c r="I28" s="280">
        <v>0</v>
      </c>
      <c r="J28" s="280">
        <v>0</v>
      </c>
      <c r="K28" s="280">
        <v>0</v>
      </c>
      <c r="L28" s="281">
        <v>0</v>
      </c>
      <c r="M28" s="282">
        <v>0</v>
      </c>
      <c r="N28" s="276">
        <v>0</v>
      </c>
      <c r="O28" s="280">
        <v>0</v>
      </c>
      <c r="P28" s="277">
        <v>0</v>
      </c>
      <c r="Q28" s="279">
        <v>0</v>
      </c>
      <c r="R28" s="280">
        <v>0</v>
      </c>
      <c r="S28" s="280">
        <v>0</v>
      </c>
      <c r="T28" s="280">
        <v>0</v>
      </c>
      <c r="U28" s="280">
        <v>0</v>
      </c>
      <c r="V28" s="280">
        <v>0</v>
      </c>
      <c r="W28" s="277">
        <v>0</v>
      </c>
      <c r="X28" s="282">
        <v>0</v>
      </c>
      <c r="Y28" s="276">
        <v>0</v>
      </c>
      <c r="Z28" s="280">
        <v>0</v>
      </c>
      <c r="AA28" s="277">
        <v>0</v>
      </c>
      <c r="AB28" s="279">
        <v>0</v>
      </c>
      <c r="AC28" s="280">
        <v>3</v>
      </c>
      <c r="AD28" s="280">
        <v>0</v>
      </c>
      <c r="AE28" s="280">
        <v>2</v>
      </c>
      <c r="AF28" s="280">
        <v>0</v>
      </c>
      <c r="AG28" s="280">
        <v>0</v>
      </c>
      <c r="AH28" s="277">
        <v>5</v>
      </c>
      <c r="AI28" s="282">
        <v>5</v>
      </c>
      <c r="AJ28" s="276">
        <v>0</v>
      </c>
      <c r="AK28" s="280">
        <v>0</v>
      </c>
      <c r="AL28" s="277">
        <v>0</v>
      </c>
      <c r="AM28" s="279">
        <v>0</v>
      </c>
      <c r="AN28" s="280">
        <v>0</v>
      </c>
      <c r="AO28" s="280">
        <v>0</v>
      </c>
      <c r="AP28" s="280">
        <v>0</v>
      </c>
      <c r="AQ28" s="280">
        <v>0</v>
      </c>
      <c r="AR28" s="280">
        <v>0</v>
      </c>
      <c r="AS28" s="277">
        <v>0</v>
      </c>
      <c r="AT28" s="282">
        <v>0</v>
      </c>
      <c r="AU28" s="276">
        <v>0</v>
      </c>
      <c r="AV28" s="280">
        <v>0</v>
      </c>
      <c r="AW28" s="277">
        <v>0</v>
      </c>
      <c r="AX28" s="279">
        <v>0</v>
      </c>
      <c r="AY28" s="280">
        <v>1</v>
      </c>
      <c r="AZ28" s="280">
        <v>0</v>
      </c>
      <c r="BA28" s="280">
        <v>0</v>
      </c>
      <c r="BB28" s="280">
        <v>0</v>
      </c>
      <c r="BC28" s="280">
        <v>0</v>
      </c>
      <c r="BD28" s="277">
        <v>1</v>
      </c>
      <c r="BE28" s="282">
        <v>1</v>
      </c>
      <c r="BF28" s="276">
        <v>0</v>
      </c>
      <c r="BG28" s="280">
        <v>0</v>
      </c>
      <c r="BH28" s="277">
        <v>0</v>
      </c>
      <c r="BI28" s="279">
        <v>0</v>
      </c>
      <c r="BJ28" s="280">
        <v>0</v>
      </c>
      <c r="BK28" s="280">
        <v>0</v>
      </c>
      <c r="BL28" s="280">
        <v>2</v>
      </c>
      <c r="BM28" s="280">
        <v>1</v>
      </c>
      <c r="BN28" s="280">
        <v>2</v>
      </c>
      <c r="BO28" s="281">
        <v>5</v>
      </c>
      <c r="BP28" s="282">
        <v>5</v>
      </c>
      <c r="BQ28" s="276">
        <v>0</v>
      </c>
      <c r="BR28" s="280">
        <v>0</v>
      </c>
      <c r="BS28" s="277">
        <v>0</v>
      </c>
      <c r="BT28" s="279">
        <v>0</v>
      </c>
      <c r="BU28" s="280">
        <v>0</v>
      </c>
      <c r="BV28" s="280">
        <v>0</v>
      </c>
      <c r="BW28" s="280">
        <v>0</v>
      </c>
      <c r="BX28" s="280">
        <v>0</v>
      </c>
      <c r="BY28" s="280">
        <v>0</v>
      </c>
      <c r="BZ28" s="277">
        <v>0</v>
      </c>
      <c r="CA28" s="282">
        <v>0</v>
      </c>
      <c r="CB28" s="276">
        <v>0</v>
      </c>
      <c r="CC28" s="280">
        <v>0</v>
      </c>
      <c r="CD28" s="277">
        <v>0</v>
      </c>
      <c r="CE28" s="279">
        <v>0</v>
      </c>
      <c r="CF28" s="280">
        <v>0</v>
      </c>
      <c r="CG28" s="280">
        <v>0</v>
      </c>
      <c r="CH28" s="280">
        <v>0</v>
      </c>
      <c r="CI28" s="280">
        <v>0</v>
      </c>
      <c r="CJ28" s="280">
        <v>0</v>
      </c>
      <c r="CK28" s="277">
        <v>0</v>
      </c>
      <c r="CL28" s="282">
        <v>0</v>
      </c>
      <c r="CM28" s="276">
        <v>0</v>
      </c>
      <c r="CN28" s="280">
        <v>0</v>
      </c>
      <c r="CO28" s="277">
        <v>0</v>
      </c>
      <c r="CP28" s="279">
        <v>0</v>
      </c>
      <c r="CQ28" s="280">
        <v>0</v>
      </c>
      <c r="CR28" s="280">
        <v>0</v>
      </c>
      <c r="CS28" s="280">
        <v>0</v>
      </c>
      <c r="CT28" s="280">
        <v>0</v>
      </c>
      <c r="CU28" s="280">
        <v>0</v>
      </c>
      <c r="CV28" s="277">
        <v>0</v>
      </c>
      <c r="CW28" s="282">
        <v>0</v>
      </c>
    </row>
    <row r="29" spans="2:101" ht="21" customHeight="1" x14ac:dyDescent="0.2">
      <c r="B29" s="261" t="s">
        <v>27</v>
      </c>
      <c r="C29" s="276">
        <v>0</v>
      </c>
      <c r="D29" s="277">
        <v>0</v>
      </c>
      <c r="E29" s="278">
        <v>0</v>
      </c>
      <c r="F29" s="279">
        <v>0</v>
      </c>
      <c r="G29" s="280">
        <v>0</v>
      </c>
      <c r="H29" s="280">
        <v>0</v>
      </c>
      <c r="I29" s="280">
        <v>0</v>
      </c>
      <c r="J29" s="280">
        <v>0</v>
      </c>
      <c r="K29" s="280">
        <v>0</v>
      </c>
      <c r="L29" s="281">
        <v>0</v>
      </c>
      <c r="M29" s="282">
        <v>0</v>
      </c>
      <c r="N29" s="276">
        <v>0</v>
      </c>
      <c r="O29" s="280">
        <v>0</v>
      </c>
      <c r="P29" s="277">
        <v>0</v>
      </c>
      <c r="Q29" s="279">
        <v>0</v>
      </c>
      <c r="R29" s="280">
        <v>0</v>
      </c>
      <c r="S29" s="280">
        <v>0</v>
      </c>
      <c r="T29" s="280">
        <v>0</v>
      </c>
      <c r="U29" s="280">
        <v>0</v>
      </c>
      <c r="V29" s="280">
        <v>0</v>
      </c>
      <c r="W29" s="277">
        <v>0</v>
      </c>
      <c r="X29" s="282">
        <v>0</v>
      </c>
      <c r="Y29" s="276">
        <v>0</v>
      </c>
      <c r="Z29" s="280">
        <v>0</v>
      </c>
      <c r="AA29" s="277">
        <v>0</v>
      </c>
      <c r="AB29" s="279">
        <v>0</v>
      </c>
      <c r="AC29" s="280">
        <v>2</v>
      </c>
      <c r="AD29" s="280">
        <v>1</v>
      </c>
      <c r="AE29" s="280">
        <v>0</v>
      </c>
      <c r="AF29" s="280">
        <v>0</v>
      </c>
      <c r="AG29" s="280">
        <v>0</v>
      </c>
      <c r="AH29" s="277">
        <v>3</v>
      </c>
      <c r="AI29" s="282">
        <v>3</v>
      </c>
      <c r="AJ29" s="276">
        <v>0</v>
      </c>
      <c r="AK29" s="280">
        <v>0</v>
      </c>
      <c r="AL29" s="277">
        <v>0</v>
      </c>
      <c r="AM29" s="279">
        <v>0</v>
      </c>
      <c r="AN29" s="280">
        <v>0</v>
      </c>
      <c r="AO29" s="280">
        <v>1</v>
      </c>
      <c r="AP29" s="280">
        <v>1</v>
      </c>
      <c r="AQ29" s="280">
        <v>0</v>
      </c>
      <c r="AR29" s="280">
        <v>0</v>
      </c>
      <c r="AS29" s="277">
        <v>2</v>
      </c>
      <c r="AT29" s="282">
        <v>2</v>
      </c>
      <c r="AU29" s="276">
        <v>0</v>
      </c>
      <c r="AV29" s="280">
        <v>0</v>
      </c>
      <c r="AW29" s="277">
        <v>0</v>
      </c>
      <c r="AX29" s="279">
        <v>0</v>
      </c>
      <c r="AY29" s="280">
        <v>0</v>
      </c>
      <c r="AZ29" s="280">
        <v>0</v>
      </c>
      <c r="BA29" s="280">
        <v>0</v>
      </c>
      <c r="BB29" s="280">
        <v>0</v>
      </c>
      <c r="BC29" s="280">
        <v>0</v>
      </c>
      <c r="BD29" s="277">
        <v>0</v>
      </c>
      <c r="BE29" s="282">
        <v>0</v>
      </c>
      <c r="BF29" s="276">
        <v>0</v>
      </c>
      <c r="BG29" s="280">
        <v>0</v>
      </c>
      <c r="BH29" s="277">
        <v>0</v>
      </c>
      <c r="BI29" s="279">
        <v>0</v>
      </c>
      <c r="BJ29" s="280">
        <v>0</v>
      </c>
      <c r="BK29" s="280">
        <v>0</v>
      </c>
      <c r="BL29" s="280">
        <v>0</v>
      </c>
      <c r="BM29" s="280">
        <v>0</v>
      </c>
      <c r="BN29" s="280">
        <v>0</v>
      </c>
      <c r="BO29" s="281">
        <v>0</v>
      </c>
      <c r="BP29" s="282">
        <v>0</v>
      </c>
      <c r="BQ29" s="276">
        <v>0</v>
      </c>
      <c r="BR29" s="280">
        <v>0</v>
      </c>
      <c r="BS29" s="277">
        <v>0</v>
      </c>
      <c r="BT29" s="279">
        <v>0</v>
      </c>
      <c r="BU29" s="280">
        <v>0</v>
      </c>
      <c r="BV29" s="280">
        <v>0</v>
      </c>
      <c r="BW29" s="280">
        <v>0</v>
      </c>
      <c r="BX29" s="280">
        <v>0</v>
      </c>
      <c r="BY29" s="280">
        <v>0</v>
      </c>
      <c r="BZ29" s="277">
        <v>0</v>
      </c>
      <c r="CA29" s="282">
        <v>0</v>
      </c>
      <c r="CB29" s="276">
        <v>0</v>
      </c>
      <c r="CC29" s="280">
        <v>0</v>
      </c>
      <c r="CD29" s="277">
        <v>0</v>
      </c>
      <c r="CE29" s="279">
        <v>0</v>
      </c>
      <c r="CF29" s="280">
        <v>0</v>
      </c>
      <c r="CG29" s="280">
        <v>0</v>
      </c>
      <c r="CH29" s="280">
        <v>0</v>
      </c>
      <c r="CI29" s="280">
        <v>0</v>
      </c>
      <c r="CJ29" s="280">
        <v>0</v>
      </c>
      <c r="CK29" s="277">
        <v>0</v>
      </c>
      <c r="CL29" s="282">
        <v>0</v>
      </c>
      <c r="CM29" s="276">
        <v>0</v>
      </c>
      <c r="CN29" s="280">
        <v>0</v>
      </c>
      <c r="CO29" s="277">
        <v>0</v>
      </c>
      <c r="CP29" s="279">
        <v>0</v>
      </c>
      <c r="CQ29" s="280">
        <v>0</v>
      </c>
      <c r="CR29" s="280">
        <v>0</v>
      </c>
      <c r="CS29" s="280">
        <v>0</v>
      </c>
      <c r="CT29" s="280">
        <v>0</v>
      </c>
      <c r="CU29" s="280">
        <v>0</v>
      </c>
      <c r="CV29" s="277">
        <v>0</v>
      </c>
      <c r="CW29" s="282">
        <v>0</v>
      </c>
    </row>
    <row r="30" spans="2:101" ht="21" customHeight="1" x14ac:dyDescent="0.2">
      <c r="B30" s="261" t="s">
        <v>28</v>
      </c>
      <c r="C30" s="276">
        <v>0</v>
      </c>
      <c r="D30" s="277">
        <v>0</v>
      </c>
      <c r="E30" s="278">
        <v>0</v>
      </c>
      <c r="F30" s="279">
        <v>0</v>
      </c>
      <c r="G30" s="280">
        <v>0</v>
      </c>
      <c r="H30" s="280">
        <v>0</v>
      </c>
      <c r="I30" s="280">
        <v>0</v>
      </c>
      <c r="J30" s="280">
        <v>0</v>
      </c>
      <c r="K30" s="280">
        <v>0</v>
      </c>
      <c r="L30" s="281">
        <v>0</v>
      </c>
      <c r="M30" s="282">
        <v>0</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4</v>
      </c>
      <c r="AD30" s="280">
        <v>1</v>
      </c>
      <c r="AE30" s="280">
        <v>0</v>
      </c>
      <c r="AF30" s="280">
        <v>0</v>
      </c>
      <c r="AG30" s="280">
        <v>0</v>
      </c>
      <c r="AH30" s="277">
        <v>5</v>
      </c>
      <c r="AI30" s="282">
        <v>5</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0</v>
      </c>
      <c r="AZ30" s="280">
        <v>0</v>
      </c>
      <c r="BA30" s="280">
        <v>0</v>
      </c>
      <c r="BB30" s="280">
        <v>0</v>
      </c>
      <c r="BC30" s="280">
        <v>0</v>
      </c>
      <c r="BD30" s="277">
        <v>0</v>
      </c>
      <c r="BE30" s="282">
        <v>0</v>
      </c>
      <c r="BF30" s="276">
        <v>0</v>
      </c>
      <c r="BG30" s="280">
        <v>0</v>
      </c>
      <c r="BH30" s="277">
        <v>0</v>
      </c>
      <c r="BI30" s="279">
        <v>0</v>
      </c>
      <c r="BJ30" s="280">
        <v>0</v>
      </c>
      <c r="BK30" s="280">
        <v>0</v>
      </c>
      <c r="BL30" s="280">
        <v>0</v>
      </c>
      <c r="BM30" s="280">
        <v>0</v>
      </c>
      <c r="BN30" s="280">
        <v>0</v>
      </c>
      <c r="BO30" s="281">
        <v>0</v>
      </c>
      <c r="BP30" s="282">
        <v>0</v>
      </c>
      <c r="BQ30" s="276">
        <v>0</v>
      </c>
      <c r="BR30" s="280">
        <v>0</v>
      </c>
      <c r="BS30" s="277">
        <v>0</v>
      </c>
      <c r="BT30" s="279">
        <v>0</v>
      </c>
      <c r="BU30" s="280">
        <v>0</v>
      </c>
      <c r="BV30" s="280">
        <v>0</v>
      </c>
      <c r="BW30" s="280">
        <v>0</v>
      </c>
      <c r="BX30" s="280">
        <v>0</v>
      </c>
      <c r="BY30" s="280">
        <v>0</v>
      </c>
      <c r="BZ30" s="277">
        <v>0</v>
      </c>
      <c r="CA30" s="282">
        <v>0</v>
      </c>
      <c r="CB30" s="276">
        <v>0</v>
      </c>
      <c r="CC30" s="280">
        <v>0</v>
      </c>
      <c r="CD30" s="277">
        <v>0</v>
      </c>
      <c r="CE30" s="279">
        <v>0</v>
      </c>
      <c r="CF30" s="280">
        <v>0</v>
      </c>
      <c r="CG30" s="280">
        <v>0</v>
      </c>
      <c r="CH30" s="280">
        <v>0</v>
      </c>
      <c r="CI30" s="280">
        <v>0</v>
      </c>
      <c r="CJ30" s="280">
        <v>0</v>
      </c>
      <c r="CK30" s="277">
        <v>0</v>
      </c>
      <c r="CL30" s="282">
        <v>0</v>
      </c>
      <c r="CM30" s="276">
        <v>0</v>
      </c>
      <c r="CN30" s="280">
        <v>0</v>
      </c>
      <c r="CO30" s="277">
        <v>0</v>
      </c>
      <c r="CP30" s="279">
        <v>0</v>
      </c>
      <c r="CQ30" s="280">
        <v>0</v>
      </c>
      <c r="CR30" s="280">
        <v>0</v>
      </c>
      <c r="CS30" s="280">
        <v>0</v>
      </c>
      <c r="CT30" s="280">
        <v>0</v>
      </c>
      <c r="CU30" s="280">
        <v>0</v>
      </c>
      <c r="CV30" s="277">
        <v>0</v>
      </c>
      <c r="CW30" s="282">
        <v>0</v>
      </c>
    </row>
    <row r="31" spans="2:101" ht="21" customHeight="1" x14ac:dyDescent="0.2">
      <c r="B31" s="261" t="s">
        <v>29</v>
      </c>
      <c r="C31" s="276">
        <v>0</v>
      </c>
      <c r="D31" s="277">
        <v>0</v>
      </c>
      <c r="E31" s="278">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v>
      </c>
      <c r="AE31" s="280">
        <v>0</v>
      </c>
      <c r="AF31" s="280">
        <v>0</v>
      </c>
      <c r="AG31" s="280">
        <v>0</v>
      </c>
      <c r="AH31" s="277">
        <v>1</v>
      </c>
      <c r="AI31" s="282">
        <v>1</v>
      </c>
      <c r="AJ31" s="276">
        <v>0</v>
      </c>
      <c r="AK31" s="280">
        <v>0</v>
      </c>
      <c r="AL31" s="277">
        <v>0</v>
      </c>
      <c r="AM31" s="279">
        <v>0</v>
      </c>
      <c r="AN31" s="280">
        <v>0</v>
      </c>
      <c r="AO31" s="280">
        <v>0</v>
      </c>
      <c r="AP31" s="280">
        <v>1</v>
      </c>
      <c r="AQ31" s="280">
        <v>0</v>
      </c>
      <c r="AR31" s="280">
        <v>0</v>
      </c>
      <c r="AS31" s="277">
        <v>1</v>
      </c>
      <c r="AT31" s="282">
        <v>1</v>
      </c>
      <c r="AU31" s="276">
        <v>0</v>
      </c>
      <c r="AV31" s="280">
        <v>0</v>
      </c>
      <c r="AW31" s="277">
        <v>0</v>
      </c>
      <c r="AX31" s="279">
        <v>0</v>
      </c>
      <c r="AY31" s="280">
        <v>3</v>
      </c>
      <c r="AZ31" s="280">
        <v>0</v>
      </c>
      <c r="BA31" s="280">
        <v>1</v>
      </c>
      <c r="BB31" s="280">
        <v>0</v>
      </c>
      <c r="BC31" s="280">
        <v>0</v>
      </c>
      <c r="BD31" s="277">
        <v>4</v>
      </c>
      <c r="BE31" s="282">
        <v>4</v>
      </c>
      <c r="BF31" s="276">
        <v>0</v>
      </c>
      <c r="BG31" s="280">
        <v>0</v>
      </c>
      <c r="BH31" s="277">
        <v>0</v>
      </c>
      <c r="BI31" s="279">
        <v>0</v>
      </c>
      <c r="BJ31" s="280">
        <v>0</v>
      </c>
      <c r="BK31" s="280">
        <v>0</v>
      </c>
      <c r="BL31" s="280">
        <v>0</v>
      </c>
      <c r="BM31" s="280">
        <v>0</v>
      </c>
      <c r="BN31" s="280">
        <v>0</v>
      </c>
      <c r="BO31" s="281">
        <v>0</v>
      </c>
      <c r="BP31" s="282">
        <v>0</v>
      </c>
      <c r="BQ31" s="276">
        <v>0</v>
      </c>
      <c r="BR31" s="280">
        <v>0</v>
      </c>
      <c r="BS31" s="277">
        <v>0</v>
      </c>
      <c r="BT31" s="279">
        <v>0</v>
      </c>
      <c r="BU31" s="280">
        <v>0</v>
      </c>
      <c r="BV31" s="280">
        <v>0</v>
      </c>
      <c r="BW31" s="280">
        <v>0</v>
      </c>
      <c r="BX31" s="280">
        <v>0</v>
      </c>
      <c r="BY31" s="280">
        <v>0</v>
      </c>
      <c r="BZ31" s="277">
        <v>0</v>
      </c>
      <c r="CA31" s="282">
        <v>0</v>
      </c>
      <c r="CB31" s="276">
        <v>0</v>
      </c>
      <c r="CC31" s="280">
        <v>0</v>
      </c>
      <c r="CD31" s="277">
        <v>0</v>
      </c>
      <c r="CE31" s="279">
        <v>0</v>
      </c>
      <c r="CF31" s="280">
        <v>0</v>
      </c>
      <c r="CG31" s="280">
        <v>0</v>
      </c>
      <c r="CH31" s="280">
        <v>0</v>
      </c>
      <c r="CI31" s="280">
        <v>1</v>
      </c>
      <c r="CJ31" s="280">
        <v>0</v>
      </c>
      <c r="CK31" s="277">
        <v>1</v>
      </c>
      <c r="CL31" s="282">
        <v>1</v>
      </c>
      <c r="CM31" s="276">
        <v>0</v>
      </c>
      <c r="CN31" s="280">
        <v>0</v>
      </c>
      <c r="CO31" s="277">
        <v>0</v>
      </c>
      <c r="CP31" s="279">
        <v>0</v>
      </c>
      <c r="CQ31" s="280">
        <v>0</v>
      </c>
      <c r="CR31" s="280">
        <v>0</v>
      </c>
      <c r="CS31" s="280">
        <v>0</v>
      </c>
      <c r="CT31" s="280">
        <v>0</v>
      </c>
      <c r="CU31" s="280">
        <v>0</v>
      </c>
      <c r="CV31" s="277">
        <v>0</v>
      </c>
      <c r="CW31" s="282">
        <v>0</v>
      </c>
    </row>
    <row r="32" spans="2:101" ht="21" customHeight="1" x14ac:dyDescent="0.2">
      <c r="B32" s="261" t="s">
        <v>30</v>
      </c>
      <c r="C32" s="276">
        <v>0</v>
      </c>
      <c r="D32" s="277">
        <v>0</v>
      </c>
      <c r="E32" s="278">
        <v>0</v>
      </c>
      <c r="F32" s="279">
        <v>0</v>
      </c>
      <c r="G32" s="280">
        <v>0</v>
      </c>
      <c r="H32" s="280">
        <v>0</v>
      </c>
      <c r="I32" s="280">
        <v>0</v>
      </c>
      <c r="J32" s="280">
        <v>0</v>
      </c>
      <c r="K32" s="280">
        <v>0</v>
      </c>
      <c r="L32" s="281">
        <v>0</v>
      </c>
      <c r="M32" s="282">
        <v>0</v>
      </c>
      <c r="N32" s="276">
        <v>0</v>
      </c>
      <c r="O32" s="280">
        <v>0</v>
      </c>
      <c r="P32" s="277">
        <v>0</v>
      </c>
      <c r="Q32" s="279">
        <v>0</v>
      </c>
      <c r="R32" s="280">
        <v>0</v>
      </c>
      <c r="S32" s="280">
        <v>0</v>
      </c>
      <c r="T32" s="280">
        <v>0</v>
      </c>
      <c r="U32" s="280">
        <v>0</v>
      </c>
      <c r="V32" s="280">
        <v>0</v>
      </c>
      <c r="W32" s="277">
        <v>0</v>
      </c>
      <c r="X32" s="282">
        <v>0</v>
      </c>
      <c r="Y32" s="276">
        <v>0</v>
      </c>
      <c r="Z32" s="280">
        <v>0</v>
      </c>
      <c r="AA32" s="277">
        <v>0</v>
      </c>
      <c r="AB32" s="279">
        <v>0</v>
      </c>
      <c r="AC32" s="280">
        <v>1</v>
      </c>
      <c r="AD32" s="280">
        <v>0</v>
      </c>
      <c r="AE32" s="280">
        <v>0</v>
      </c>
      <c r="AF32" s="280">
        <v>1</v>
      </c>
      <c r="AG32" s="280">
        <v>0</v>
      </c>
      <c r="AH32" s="277">
        <v>2</v>
      </c>
      <c r="AI32" s="282">
        <v>2</v>
      </c>
      <c r="AJ32" s="276">
        <v>0</v>
      </c>
      <c r="AK32" s="280">
        <v>0</v>
      </c>
      <c r="AL32" s="277">
        <v>0</v>
      </c>
      <c r="AM32" s="279">
        <v>0</v>
      </c>
      <c r="AN32" s="280">
        <v>0</v>
      </c>
      <c r="AO32" s="280">
        <v>1</v>
      </c>
      <c r="AP32" s="280">
        <v>0</v>
      </c>
      <c r="AQ32" s="280">
        <v>0</v>
      </c>
      <c r="AR32" s="280">
        <v>0</v>
      </c>
      <c r="AS32" s="277">
        <v>1</v>
      </c>
      <c r="AT32" s="282">
        <v>1</v>
      </c>
      <c r="AU32" s="276">
        <v>0</v>
      </c>
      <c r="AV32" s="280">
        <v>0</v>
      </c>
      <c r="AW32" s="277">
        <v>0</v>
      </c>
      <c r="AX32" s="279">
        <v>0</v>
      </c>
      <c r="AY32" s="280">
        <v>0</v>
      </c>
      <c r="AZ32" s="280">
        <v>0</v>
      </c>
      <c r="BA32" s="280">
        <v>0</v>
      </c>
      <c r="BB32" s="280">
        <v>0</v>
      </c>
      <c r="BC32" s="280">
        <v>0</v>
      </c>
      <c r="BD32" s="277">
        <v>0</v>
      </c>
      <c r="BE32" s="282">
        <v>0</v>
      </c>
      <c r="BF32" s="276">
        <v>0</v>
      </c>
      <c r="BG32" s="280">
        <v>0</v>
      </c>
      <c r="BH32" s="277">
        <v>0</v>
      </c>
      <c r="BI32" s="279">
        <v>0</v>
      </c>
      <c r="BJ32" s="280">
        <v>0</v>
      </c>
      <c r="BK32" s="280">
        <v>0</v>
      </c>
      <c r="BL32" s="280">
        <v>0</v>
      </c>
      <c r="BM32" s="280">
        <v>0</v>
      </c>
      <c r="BN32" s="280">
        <v>0</v>
      </c>
      <c r="BO32" s="281">
        <v>0</v>
      </c>
      <c r="BP32" s="282">
        <v>0</v>
      </c>
      <c r="BQ32" s="276">
        <v>0</v>
      </c>
      <c r="BR32" s="280">
        <v>0</v>
      </c>
      <c r="BS32" s="277">
        <v>0</v>
      </c>
      <c r="BT32" s="279">
        <v>0</v>
      </c>
      <c r="BU32" s="280">
        <v>0</v>
      </c>
      <c r="BV32" s="280">
        <v>0</v>
      </c>
      <c r="BW32" s="280">
        <v>0</v>
      </c>
      <c r="BX32" s="280">
        <v>0</v>
      </c>
      <c r="BY32" s="280">
        <v>0</v>
      </c>
      <c r="BZ32" s="277">
        <v>0</v>
      </c>
      <c r="CA32" s="282">
        <v>0</v>
      </c>
      <c r="CB32" s="276">
        <v>0</v>
      </c>
      <c r="CC32" s="280">
        <v>0</v>
      </c>
      <c r="CD32" s="277">
        <v>0</v>
      </c>
      <c r="CE32" s="279">
        <v>0</v>
      </c>
      <c r="CF32" s="280">
        <v>0</v>
      </c>
      <c r="CG32" s="280">
        <v>0</v>
      </c>
      <c r="CH32" s="280">
        <v>0</v>
      </c>
      <c r="CI32" s="280">
        <v>0</v>
      </c>
      <c r="CJ32" s="280">
        <v>0</v>
      </c>
      <c r="CK32" s="277">
        <v>0</v>
      </c>
      <c r="CL32" s="282">
        <v>0</v>
      </c>
      <c r="CM32" s="276">
        <v>0</v>
      </c>
      <c r="CN32" s="280">
        <v>0</v>
      </c>
      <c r="CO32" s="277">
        <v>0</v>
      </c>
      <c r="CP32" s="279">
        <v>0</v>
      </c>
      <c r="CQ32" s="280">
        <v>0</v>
      </c>
      <c r="CR32" s="280">
        <v>0</v>
      </c>
      <c r="CS32" s="280">
        <v>0</v>
      </c>
      <c r="CT32" s="280">
        <v>0</v>
      </c>
      <c r="CU32" s="280">
        <v>0</v>
      </c>
      <c r="CV32" s="277">
        <v>0</v>
      </c>
      <c r="CW32" s="282">
        <v>0</v>
      </c>
    </row>
    <row r="33" spans="2:101" ht="21" customHeight="1" x14ac:dyDescent="0.2">
      <c r="B33" s="261" t="s">
        <v>31</v>
      </c>
      <c r="C33" s="276">
        <v>0</v>
      </c>
      <c r="D33" s="277">
        <v>0</v>
      </c>
      <c r="E33" s="278">
        <v>0</v>
      </c>
      <c r="F33" s="279">
        <v>0</v>
      </c>
      <c r="G33" s="280">
        <v>0</v>
      </c>
      <c r="H33" s="280">
        <v>1</v>
      </c>
      <c r="I33" s="280">
        <v>0</v>
      </c>
      <c r="J33" s="280">
        <v>0</v>
      </c>
      <c r="K33" s="280">
        <v>0</v>
      </c>
      <c r="L33" s="281">
        <v>1</v>
      </c>
      <c r="M33" s="282">
        <v>1</v>
      </c>
      <c r="N33" s="276">
        <v>0</v>
      </c>
      <c r="O33" s="280">
        <v>0</v>
      </c>
      <c r="P33" s="277">
        <v>0</v>
      </c>
      <c r="Q33" s="279">
        <v>0</v>
      </c>
      <c r="R33" s="280">
        <v>0</v>
      </c>
      <c r="S33" s="280">
        <v>0</v>
      </c>
      <c r="T33" s="280">
        <v>0</v>
      </c>
      <c r="U33" s="280">
        <v>0</v>
      </c>
      <c r="V33" s="280">
        <v>0</v>
      </c>
      <c r="W33" s="277">
        <v>0</v>
      </c>
      <c r="X33" s="282">
        <v>0</v>
      </c>
      <c r="Y33" s="276">
        <v>0</v>
      </c>
      <c r="Z33" s="280">
        <v>0</v>
      </c>
      <c r="AA33" s="277">
        <v>0</v>
      </c>
      <c r="AB33" s="279">
        <v>0</v>
      </c>
      <c r="AC33" s="280">
        <v>2</v>
      </c>
      <c r="AD33" s="280">
        <v>1</v>
      </c>
      <c r="AE33" s="280">
        <v>1</v>
      </c>
      <c r="AF33" s="280">
        <v>0</v>
      </c>
      <c r="AG33" s="280">
        <v>0</v>
      </c>
      <c r="AH33" s="277">
        <v>4</v>
      </c>
      <c r="AI33" s="282">
        <v>4</v>
      </c>
      <c r="AJ33" s="276">
        <v>0</v>
      </c>
      <c r="AK33" s="280">
        <v>0</v>
      </c>
      <c r="AL33" s="277">
        <v>0</v>
      </c>
      <c r="AM33" s="279">
        <v>0</v>
      </c>
      <c r="AN33" s="280">
        <v>0</v>
      </c>
      <c r="AO33" s="280">
        <v>0</v>
      </c>
      <c r="AP33" s="280">
        <v>0</v>
      </c>
      <c r="AQ33" s="280">
        <v>0</v>
      </c>
      <c r="AR33" s="280">
        <v>0</v>
      </c>
      <c r="AS33" s="277">
        <v>0</v>
      </c>
      <c r="AT33" s="282">
        <v>0</v>
      </c>
      <c r="AU33" s="276">
        <v>0</v>
      </c>
      <c r="AV33" s="280">
        <v>0</v>
      </c>
      <c r="AW33" s="277">
        <v>0</v>
      </c>
      <c r="AX33" s="279">
        <v>0</v>
      </c>
      <c r="AY33" s="280">
        <v>0</v>
      </c>
      <c r="AZ33" s="280">
        <v>1</v>
      </c>
      <c r="BA33" s="280">
        <v>0</v>
      </c>
      <c r="BB33" s="280">
        <v>0</v>
      </c>
      <c r="BC33" s="280">
        <v>0</v>
      </c>
      <c r="BD33" s="277">
        <v>1</v>
      </c>
      <c r="BE33" s="282">
        <v>1</v>
      </c>
      <c r="BF33" s="276">
        <v>0</v>
      </c>
      <c r="BG33" s="280">
        <v>0</v>
      </c>
      <c r="BH33" s="277">
        <v>0</v>
      </c>
      <c r="BI33" s="279">
        <v>0</v>
      </c>
      <c r="BJ33" s="280">
        <v>0</v>
      </c>
      <c r="BK33" s="280">
        <v>0</v>
      </c>
      <c r="BL33" s="280">
        <v>0</v>
      </c>
      <c r="BM33" s="280">
        <v>0</v>
      </c>
      <c r="BN33" s="280">
        <v>1</v>
      </c>
      <c r="BO33" s="281">
        <v>1</v>
      </c>
      <c r="BP33" s="282">
        <v>1</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row>
    <row r="34" spans="2:101" ht="21" customHeight="1" x14ac:dyDescent="0.2">
      <c r="B34" s="261" t="s">
        <v>32</v>
      </c>
      <c r="C34" s="276">
        <v>0</v>
      </c>
      <c r="D34" s="277">
        <v>0</v>
      </c>
      <c r="E34" s="278">
        <v>0</v>
      </c>
      <c r="F34" s="279">
        <v>0</v>
      </c>
      <c r="G34" s="280">
        <v>0</v>
      </c>
      <c r="H34" s="280">
        <v>1</v>
      </c>
      <c r="I34" s="280">
        <v>0</v>
      </c>
      <c r="J34" s="280">
        <v>0</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1</v>
      </c>
      <c r="AE34" s="280">
        <v>2</v>
      </c>
      <c r="AF34" s="280">
        <v>1</v>
      </c>
      <c r="AG34" s="280">
        <v>0</v>
      </c>
      <c r="AH34" s="277">
        <v>4</v>
      </c>
      <c r="AI34" s="282">
        <v>4</v>
      </c>
      <c r="AJ34" s="276">
        <v>0</v>
      </c>
      <c r="AK34" s="280">
        <v>0</v>
      </c>
      <c r="AL34" s="277">
        <v>0</v>
      </c>
      <c r="AM34" s="279">
        <v>0</v>
      </c>
      <c r="AN34" s="280">
        <v>1</v>
      </c>
      <c r="AO34" s="280">
        <v>0</v>
      </c>
      <c r="AP34" s="280">
        <v>0</v>
      </c>
      <c r="AQ34" s="280">
        <v>0</v>
      </c>
      <c r="AR34" s="280">
        <v>0</v>
      </c>
      <c r="AS34" s="277">
        <v>1</v>
      </c>
      <c r="AT34" s="282">
        <v>1</v>
      </c>
      <c r="AU34" s="276">
        <v>0</v>
      </c>
      <c r="AV34" s="280">
        <v>0</v>
      </c>
      <c r="AW34" s="277">
        <v>0</v>
      </c>
      <c r="AX34" s="279">
        <v>0</v>
      </c>
      <c r="AY34" s="280">
        <v>0</v>
      </c>
      <c r="AZ34" s="280">
        <v>0</v>
      </c>
      <c r="BA34" s="280">
        <v>0</v>
      </c>
      <c r="BB34" s="280">
        <v>0</v>
      </c>
      <c r="BC34" s="280">
        <v>0</v>
      </c>
      <c r="BD34" s="277">
        <v>0</v>
      </c>
      <c r="BE34" s="282">
        <v>0</v>
      </c>
      <c r="BF34" s="276">
        <v>0</v>
      </c>
      <c r="BG34" s="280">
        <v>0</v>
      </c>
      <c r="BH34" s="277">
        <v>0</v>
      </c>
      <c r="BI34" s="279">
        <v>0</v>
      </c>
      <c r="BJ34" s="280">
        <v>0</v>
      </c>
      <c r="BK34" s="280">
        <v>1</v>
      </c>
      <c r="BL34" s="280">
        <v>2</v>
      </c>
      <c r="BM34" s="280">
        <v>0</v>
      </c>
      <c r="BN34" s="280">
        <v>1</v>
      </c>
      <c r="BO34" s="281">
        <v>4</v>
      </c>
      <c r="BP34" s="282">
        <v>4</v>
      </c>
      <c r="BQ34" s="276">
        <v>0</v>
      </c>
      <c r="BR34" s="280">
        <v>0</v>
      </c>
      <c r="BS34" s="277">
        <v>0</v>
      </c>
      <c r="BT34" s="279">
        <v>0</v>
      </c>
      <c r="BU34" s="280">
        <v>0</v>
      </c>
      <c r="BV34" s="280">
        <v>0</v>
      </c>
      <c r="BW34" s="280">
        <v>0</v>
      </c>
      <c r="BX34" s="280">
        <v>0</v>
      </c>
      <c r="BY34" s="280">
        <v>0</v>
      </c>
      <c r="BZ34" s="277">
        <v>0</v>
      </c>
      <c r="CA34" s="282">
        <v>0</v>
      </c>
      <c r="CB34" s="276">
        <v>0</v>
      </c>
      <c r="CC34" s="280">
        <v>0</v>
      </c>
      <c r="CD34" s="277">
        <v>0</v>
      </c>
      <c r="CE34" s="279">
        <v>0</v>
      </c>
      <c r="CF34" s="280">
        <v>0</v>
      </c>
      <c r="CG34" s="280">
        <v>1</v>
      </c>
      <c r="CH34" s="280">
        <v>0</v>
      </c>
      <c r="CI34" s="280">
        <v>1</v>
      </c>
      <c r="CJ34" s="280">
        <v>0</v>
      </c>
      <c r="CK34" s="277">
        <v>2</v>
      </c>
      <c r="CL34" s="282">
        <v>2</v>
      </c>
      <c r="CM34" s="276">
        <v>0</v>
      </c>
      <c r="CN34" s="280">
        <v>0</v>
      </c>
      <c r="CO34" s="277">
        <v>0</v>
      </c>
      <c r="CP34" s="279">
        <v>0</v>
      </c>
      <c r="CQ34" s="280">
        <v>0</v>
      </c>
      <c r="CR34" s="280">
        <v>0</v>
      </c>
      <c r="CS34" s="280">
        <v>0</v>
      </c>
      <c r="CT34" s="280">
        <v>0</v>
      </c>
      <c r="CU34" s="280">
        <v>0</v>
      </c>
      <c r="CV34" s="277">
        <v>0</v>
      </c>
      <c r="CW34" s="282">
        <v>0</v>
      </c>
    </row>
    <row r="35" spans="2:101" ht="21" customHeight="1" x14ac:dyDescent="0.2">
      <c r="B35" s="261" t="s">
        <v>33</v>
      </c>
      <c r="C35" s="276">
        <v>0</v>
      </c>
      <c r="D35" s="277">
        <v>0</v>
      </c>
      <c r="E35" s="278">
        <v>0</v>
      </c>
      <c r="F35" s="279">
        <v>0</v>
      </c>
      <c r="G35" s="280">
        <v>0</v>
      </c>
      <c r="H35" s="280">
        <v>0</v>
      </c>
      <c r="I35" s="280">
        <v>0</v>
      </c>
      <c r="J35" s="280">
        <v>0</v>
      </c>
      <c r="K35" s="280">
        <v>0</v>
      </c>
      <c r="L35" s="281">
        <v>0</v>
      </c>
      <c r="M35" s="282">
        <v>0</v>
      </c>
      <c r="N35" s="276">
        <v>0</v>
      </c>
      <c r="O35" s="280">
        <v>0</v>
      </c>
      <c r="P35" s="277">
        <v>0</v>
      </c>
      <c r="Q35" s="279">
        <v>0</v>
      </c>
      <c r="R35" s="280">
        <v>0</v>
      </c>
      <c r="S35" s="280">
        <v>0</v>
      </c>
      <c r="T35" s="280">
        <v>0</v>
      </c>
      <c r="U35" s="280">
        <v>0</v>
      </c>
      <c r="V35" s="280">
        <v>0</v>
      </c>
      <c r="W35" s="277">
        <v>0</v>
      </c>
      <c r="X35" s="282">
        <v>0</v>
      </c>
      <c r="Y35" s="276">
        <v>0</v>
      </c>
      <c r="Z35" s="280">
        <v>0</v>
      </c>
      <c r="AA35" s="277">
        <v>0</v>
      </c>
      <c r="AB35" s="279">
        <v>0</v>
      </c>
      <c r="AC35" s="280">
        <v>1</v>
      </c>
      <c r="AD35" s="280">
        <v>0</v>
      </c>
      <c r="AE35" s="280">
        <v>2</v>
      </c>
      <c r="AF35" s="280">
        <v>0</v>
      </c>
      <c r="AG35" s="280">
        <v>0</v>
      </c>
      <c r="AH35" s="277">
        <v>3</v>
      </c>
      <c r="AI35" s="282">
        <v>3</v>
      </c>
      <c r="AJ35" s="276">
        <v>0</v>
      </c>
      <c r="AK35" s="280">
        <v>0</v>
      </c>
      <c r="AL35" s="277">
        <v>0</v>
      </c>
      <c r="AM35" s="279">
        <v>0</v>
      </c>
      <c r="AN35" s="280">
        <v>0</v>
      </c>
      <c r="AO35" s="280">
        <v>0</v>
      </c>
      <c r="AP35" s="280">
        <v>0</v>
      </c>
      <c r="AQ35" s="280">
        <v>0</v>
      </c>
      <c r="AR35" s="280">
        <v>0</v>
      </c>
      <c r="AS35" s="277">
        <v>0</v>
      </c>
      <c r="AT35" s="282">
        <v>0</v>
      </c>
      <c r="AU35" s="276">
        <v>0</v>
      </c>
      <c r="AV35" s="280">
        <v>0</v>
      </c>
      <c r="AW35" s="277">
        <v>0</v>
      </c>
      <c r="AX35" s="279">
        <v>0</v>
      </c>
      <c r="AY35" s="280">
        <v>0</v>
      </c>
      <c r="AZ35" s="280">
        <v>0</v>
      </c>
      <c r="BA35" s="280">
        <v>0</v>
      </c>
      <c r="BB35" s="280">
        <v>0</v>
      </c>
      <c r="BC35" s="280">
        <v>0</v>
      </c>
      <c r="BD35" s="277">
        <v>0</v>
      </c>
      <c r="BE35" s="282">
        <v>0</v>
      </c>
      <c r="BF35" s="276">
        <v>0</v>
      </c>
      <c r="BG35" s="280">
        <v>0</v>
      </c>
      <c r="BH35" s="277">
        <v>0</v>
      </c>
      <c r="BI35" s="279">
        <v>0</v>
      </c>
      <c r="BJ35" s="280">
        <v>0</v>
      </c>
      <c r="BK35" s="280">
        <v>0</v>
      </c>
      <c r="BL35" s="280">
        <v>0</v>
      </c>
      <c r="BM35" s="280">
        <v>0</v>
      </c>
      <c r="BN35" s="280">
        <v>0</v>
      </c>
      <c r="BO35" s="281">
        <v>0</v>
      </c>
      <c r="BP35" s="282">
        <v>0</v>
      </c>
      <c r="BQ35" s="276">
        <v>0</v>
      </c>
      <c r="BR35" s="280">
        <v>0</v>
      </c>
      <c r="BS35" s="277">
        <v>0</v>
      </c>
      <c r="BT35" s="279">
        <v>0</v>
      </c>
      <c r="BU35" s="280">
        <v>0</v>
      </c>
      <c r="BV35" s="280">
        <v>0</v>
      </c>
      <c r="BW35" s="280">
        <v>0</v>
      </c>
      <c r="BX35" s="280">
        <v>0</v>
      </c>
      <c r="BY35" s="280">
        <v>0</v>
      </c>
      <c r="BZ35" s="277">
        <v>0</v>
      </c>
      <c r="CA35" s="282">
        <v>0</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0</v>
      </c>
      <c r="CT35" s="280">
        <v>0</v>
      </c>
      <c r="CU35" s="280">
        <v>1</v>
      </c>
      <c r="CV35" s="277">
        <v>1</v>
      </c>
      <c r="CW35" s="282">
        <v>1</v>
      </c>
    </row>
    <row r="36" spans="2:101" ht="21" customHeight="1" x14ac:dyDescent="0.2">
      <c r="B36" s="261" t="s">
        <v>34</v>
      </c>
      <c r="C36" s="276">
        <v>0</v>
      </c>
      <c r="D36" s="277">
        <v>0</v>
      </c>
      <c r="E36" s="278">
        <v>0</v>
      </c>
      <c r="F36" s="279">
        <v>0</v>
      </c>
      <c r="G36" s="280">
        <v>0</v>
      </c>
      <c r="H36" s="280">
        <v>0</v>
      </c>
      <c r="I36" s="280">
        <v>0</v>
      </c>
      <c r="J36" s="280">
        <v>0</v>
      </c>
      <c r="K36" s="280">
        <v>0</v>
      </c>
      <c r="L36" s="281">
        <v>0</v>
      </c>
      <c r="M36" s="282">
        <v>0</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0</v>
      </c>
      <c r="BA36" s="280">
        <v>0</v>
      </c>
      <c r="BB36" s="280">
        <v>0</v>
      </c>
      <c r="BC36" s="280">
        <v>0</v>
      </c>
      <c r="BD36" s="277">
        <v>1</v>
      </c>
      <c r="BE36" s="282">
        <v>1</v>
      </c>
      <c r="BF36" s="276">
        <v>0</v>
      </c>
      <c r="BG36" s="280">
        <v>0</v>
      </c>
      <c r="BH36" s="277">
        <v>0</v>
      </c>
      <c r="BI36" s="279">
        <v>0</v>
      </c>
      <c r="BJ36" s="280">
        <v>0</v>
      </c>
      <c r="BK36" s="280">
        <v>0</v>
      </c>
      <c r="BL36" s="280">
        <v>0</v>
      </c>
      <c r="BM36" s="280">
        <v>0</v>
      </c>
      <c r="BN36" s="280">
        <v>0</v>
      </c>
      <c r="BO36" s="281">
        <v>0</v>
      </c>
      <c r="BP36" s="282">
        <v>0</v>
      </c>
      <c r="BQ36" s="276">
        <v>0</v>
      </c>
      <c r="BR36" s="280">
        <v>0</v>
      </c>
      <c r="BS36" s="277">
        <v>0</v>
      </c>
      <c r="BT36" s="279">
        <v>0</v>
      </c>
      <c r="BU36" s="280">
        <v>0</v>
      </c>
      <c r="BV36" s="280">
        <v>0</v>
      </c>
      <c r="BW36" s="280">
        <v>0</v>
      </c>
      <c r="BX36" s="280">
        <v>0</v>
      </c>
      <c r="BY36" s="280">
        <v>0</v>
      </c>
      <c r="BZ36" s="277">
        <v>0</v>
      </c>
      <c r="CA36" s="282">
        <v>0</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1</v>
      </c>
      <c r="CS36" s="280">
        <v>0</v>
      </c>
      <c r="CT36" s="280">
        <v>0</v>
      </c>
      <c r="CU36" s="280">
        <v>0</v>
      </c>
      <c r="CV36" s="277">
        <v>1</v>
      </c>
      <c r="CW36" s="282">
        <v>1</v>
      </c>
    </row>
    <row r="37" spans="2:101" ht="21" customHeight="1" x14ac:dyDescent="0.2">
      <c r="B37" s="261" t="s">
        <v>35</v>
      </c>
      <c r="C37" s="276">
        <v>0</v>
      </c>
      <c r="D37" s="277">
        <v>0</v>
      </c>
      <c r="E37" s="278">
        <v>0</v>
      </c>
      <c r="F37" s="279">
        <v>0</v>
      </c>
      <c r="G37" s="280">
        <v>0</v>
      </c>
      <c r="H37" s="280">
        <v>0</v>
      </c>
      <c r="I37" s="280">
        <v>0</v>
      </c>
      <c r="J37" s="280">
        <v>0</v>
      </c>
      <c r="K37" s="280">
        <v>0</v>
      </c>
      <c r="L37" s="281">
        <v>0</v>
      </c>
      <c r="M37" s="282">
        <v>0</v>
      </c>
      <c r="N37" s="276">
        <v>0</v>
      </c>
      <c r="O37" s="280">
        <v>0</v>
      </c>
      <c r="P37" s="277">
        <v>0</v>
      </c>
      <c r="Q37" s="279">
        <v>0</v>
      </c>
      <c r="R37" s="280">
        <v>0</v>
      </c>
      <c r="S37" s="280">
        <v>0</v>
      </c>
      <c r="T37" s="280">
        <v>0</v>
      </c>
      <c r="U37" s="280">
        <v>0</v>
      </c>
      <c r="V37" s="280">
        <v>0</v>
      </c>
      <c r="W37" s="277">
        <v>0</v>
      </c>
      <c r="X37" s="282">
        <v>0</v>
      </c>
      <c r="Y37" s="276">
        <v>0</v>
      </c>
      <c r="Z37" s="280">
        <v>0</v>
      </c>
      <c r="AA37" s="277">
        <v>0</v>
      </c>
      <c r="AB37" s="279">
        <v>0</v>
      </c>
      <c r="AC37" s="280">
        <v>1</v>
      </c>
      <c r="AD37" s="280">
        <v>1</v>
      </c>
      <c r="AE37" s="280">
        <v>0</v>
      </c>
      <c r="AF37" s="280">
        <v>0</v>
      </c>
      <c r="AG37" s="280">
        <v>0</v>
      </c>
      <c r="AH37" s="277">
        <v>2</v>
      </c>
      <c r="AI37" s="282">
        <v>2</v>
      </c>
      <c r="AJ37" s="276">
        <v>0</v>
      </c>
      <c r="AK37" s="280">
        <v>0</v>
      </c>
      <c r="AL37" s="277">
        <v>0</v>
      </c>
      <c r="AM37" s="279">
        <v>0</v>
      </c>
      <c r="AN37" s="280">
        <v>0</v>
      </c>
      <c r="AO37" s="280">
        <v>0</v>
      </c>
      <c r="AP37" s="280">
        <v>0</v>
      </c>
      <c r="AQ37" s="280">
        <v>0</v>
      </c>
      <c r="AR37" s="280">
        <v>0</v>
      </c>
      <c r="AS37" s="277">
        <v>0</v>
      </c>
      <c r="AT37" s="282">
        <v>0</v>
      </c>
      <c r="AU37" s="276">
        <v>0</v>
      </c>
      <c r="AV37" s="280">
        <v>0</v>
      </c>
      <c r="AW37" s="277">
        <v>0</v>
      </c>
      <c r="AX37" s="279">
        <v>0</v>
      </c>
      <c r="AY37" s="280">
        <v>0</v>
      </c>
      <c r="AZ37" s="280">
        <v>0</v>
      </c>
      <c r="BA37" s="280">
        <v>0</v>
      </c>
      <c r="BB37" s="280">
        <v>1</v>
      </c>
      <c r="BC37" s="280">
        <v>0</v>
      </c>
      <c r="BD37" s="277">
        <v>1</v>
      </c>
      <c r="BE37" s="282">
        <v>1</v>
      </c>
      <c r="BF37" s="276">
        <v>0</v>
      </c>
      <c r="BG37" s="280">
        <v>0</v>
      </c>
      <c r="BH37" s="277">
        <v>0</v>
      </c>
      <c r="BI37" s="279">
        <v>0</v>
      </c>
      <c r="BJ37" s="280">
        <v>0</v>
      </c>
      <c r="BK37" s="280">
        <v>0</v>
      </c>
      <c r="BL37" s="280">
        <v>0</v>
      </c>
      <c r="BM37" s="280">
        <v>1</v>
      </c>
      <c r="BN37" s="280">
        <v>0</v>
      </c>
      <c r="BO37" s="281">
        <v>1</v>
      </c>
      <c r="BP37" s="282">
        <v>1</v>
      </c>
      <c r="BQ37" s="276">
        <v>0</v>
      </c>
      <c r="BR37" s="280">
        <v>0</v>
      </c>
      <c r="BS37" s="277">
        <v>0</v>
      </c>
      <c r="BT37" s="279">
        <v>0</v>
      </c>
      <c r="BU37" s="280">
        <v>0</v>
      </c>
      <c r="BV37" s="280">
        <v>0</v>
      </c>
      <c r="BW37" s="280">
        <v>0</v>
      </c>
      <c r="BX37" s="280">
        <v>0</v>
      </c>
      <c r="BY37" s="280">
        <v>0</v>
      </c>
      <c r="BZ37" s="277">
        <v>0</v>
      </c>
      <c r="CA37" s="282">
        <v>0</v>
      </c>
      <c r="CB37" s="276">
        <v>0</v>
      </c>
      <c r="CC37" s="280">
        <v>0</v>
      </c>
      <c r="CD37" s="277">
        <v>0</v>
      </c>
      <c r="CE37" s="279">
        <v>0</v>
      </c>
      <c r="CF37" s="280">
        <v>0</v>
      </c>
      <c r="CG37" s="280">
        <v>0</v>
      </c>
      <c r="CH37" s="280">
        <v>0</v>
      </c>
      <c r="CI37" s="280">
        <v>0</v>
      </c>
      <c r="CJ37" s="280">
        <v>0</v>
      </c>
      <c r="CK37" s="277">
        <v>0</v>
      </c>
      <c r="CL37" s="282">
        <v>0</v>
      </c>
      <c r="CM37" s="276">
        <v>0</v>
      </c>
      <c r="CN37" s="280">
        <v>0</v>
      </c>
      <c r="CO37" s="277">
        <v>0</v>
      </c>
      <c r="CP37" s="279">
        <v>0</v>
      </c>
      <c r="CQ37" s="280">
        <v>0</v>
      </c>
      <c r="CR37" s="280">
        <v>0</v>
      </c>
      <c r="CS37" s="280">
        <v>0</v>
      </c>
      <c r="CT37" s="280">
        <v>0</v>
      </c>
      <c r="CU37" s="280">
        <v>0</v>
      </c>
      <c r="CV37" s="277">
        <v>0</v>
      </c>
      <c r="CW37" s="282">
        <v>0</v>
      </c>
    </row>
    <row r="38" spans="2:101" ht="21" customHeight="1" x14ac:dyDescent="0.2">
      <c r="B38" s="261" t="s">
        <v>36</v>
      </c>
      <c r="C38" s="276">
        <v>0</v>
      </c>
      <c r="D38" s="277">
        <v>0</v>
      </c>
      <c r="E38" s="278">
        <v>0</v>
      </c>
      <c r="F38" s="279">
        <v>0</v>
      </c>
      <c r="G38" s="280">
        <v>0</v>
      </c>
      <c r="H38" s="280">
        <v>0</v>
      </c>
      <c r="I38" s="280">
        <v>0</v>
      </c>
      <c r="J38" s="280">
        <v>0</v>
      </c>
      <c r="K38" s="280">
        <v>0</v>
      </c>
      <c r="L38" s="281">
        <v>0</v>
      </c>
      <c r="M38" s="282">
        <v>0</v>
      </c>
      <c r="N38" s="276">
        <v>0</v>
      </c>
      <c r="O38" s="280">
        <v>0</v>
      </c>
      <c r="P38" s="277">
        <v>0</v>
      </c>
      <c r="Q38" s="279">
        <v>0</v>
      </c>
      <c r="R38" s="280">
        <v>0</v>
      </c>
      <c r="S38" s="280">
        <v>0</v>
      </c>
      <c r="T38" s="280">
        <v>0</v>
      </c>
      <c r="U38" s="280">
        <v>0</v>
      </c>
      <c r="V38" s="280">
        <v>0</v>
      </c>
      <c r="W38" s="277">
        <v>0</v>
      </c>
      <c r="X38" s="282">
        <v>0</v>
      </c>
      <c r="Y38" s="276">
        <v>0</v>
      </c>
      <c r="Z38" s="280">
        <v>0</v>
      </c>
      <c r="AA38" s="277">
        <v>0</v>
      </c>
      <c r="AB38" s="279">
        <v>0</v>
      </c>
      <c r="AC38" s="280">
        <v>1</v>
      </c>
      <c r="AD38" s="280">
        <v>1</v>
      </c>
      <c r="AE38" s="280">
        <v>0</v>
      </c>
      <c r="AF38" s="280">
        <v>2</v>
      </c>
      <c r="AG38" s="280">
        <v>0</v>
      </c>
      <c r="AH38" s="277">
        <v>4</v>
      </c>
      <c r="AI38" s="282">
        <v>4</v>
      </c>
      <c r="AJ38" s="276">
        <v>0</v>
      </c>
      <c r="AK38" s="280">
        <v>0</v>
      </c>
      <c r="AL38" s="277">
        <v>0</v>
      </c>
      <c r="AM38" s="279">
        <v>0</v>
      </c>
      <c r="AN38" s="280">
        <v>0</v>
      </c>
      <c r="AO38" s="280">
        <v>0</v>
      </c>
      <c r="AP38" s="280">
        <v>0</v>
      </c>
      <c r="AQ38" s="280">
        <v>0</v>
      </c>
      <c r="AR38" s="280">
        <v>0</v>
      </c>
      <c r="AS38" s="277">
        <v>0</v>
      </c>
      <c r="AT38" s="282">
        <v>0</v>
      </c>
      <c r="AU38" s="276">
        <v>0</v>
      </c>
      <c r="AV38" s="280">
        <v>0</v>
      </c>
      <c r="AW38" s="277">
        <v>0</v>
      </c>
      <c r="AX38" s="279">
        <v>0</v>
      </c>
      <c r="AY38" s="280">
        <v>0</v>
      </c>
      <c r="AZ38" s="280">
        <v>0</v>
      </c>
      <c r="BA38" s="280">
        <v>0</v>
      </c>
      <c r="BB38" s="280">
        <v>0</v>
      </c>
      <c r="BC38" s="280">
        <v>0</v>
      </c>
      <c r="BD38" s="277">
        <v>0</v>
      </c>
      <c r="BE38" s="282">
        <v>0</v>
      </c>
      <c r="BF38" s="276">
        <v>0</v>
      </c>
      <c r="BG38" s="280">
        <v>0</v>
      </c>
      <c r="BH38" s="277">
        <v>0</v>
      </c>
      <c r="BI38" s="279">
        <v>0</v>
      </c>
      <c r="BJ38" s="280">
        <v>2</v>
      </c>
      <c r="BK38" s="280">
        <v>0</v>
      </c>
      <c r="BL38" s="280">
        <v>1</v>
      </c>
      <c r="BM38" s="280">
        <v>1</v>
      </c>
      <c r="BN38" s="280">
        <v>0</v>
      </c>
      <c r="BO38" s="281">
        <v>4</v>
      </c>
      <c r="BP38" s="282">
        <v>4</v>
      </c>
      <c r="BQ38" s="276">
        <v>0</v>
      </c>
      <c r="BR38" s="280">
        <v>0</v>
      </c>
      <c r="BS38" s="277">
        <v>0</v>
      </c>
      <c r="BT38" s="279">
        <v>0</v>
      </c>
      <c r="BU38" s="280">
        <v>0</v>
      </c>
      <c r="BV38" s="280">
        <v>0</v>
      </c>
      <c r="BW38" s="280">
        <v>0</v>
      </c>
      <c r="BX38" s="280">
        <v>0</v>
      </c>
      <c r="BY38" s="280">
        <v>0</v>
      </c>
      <c r="BZ38" s="277">
        <v>0</v>
      </c>
      <c r="CA38" s="282">
        <v>0</v>
      </c>
      <c r="CB38" s="276">
        <v>0</v>
      </c>
      <c r="CC38" s="280">
        <v>0</v>
      </c>
      <c r="CD38" s="277">
        <v>0</v>
      </c>
      <c r="CE38" s="279">
        <v>0</v>
      </c>
      <c r="CF38" s="280">
        <v>0</v>
      </c>
      <c r="CG38" s="280">
        <v>0</v>
      </c>
      <c r="CH38" s="280">
        <v>0</v>
      </c>
      <c r="CI38" s="280">
        <v>0</v>
      </c>
      <c r="CJ38" s="280">
        <v>0</v>
      </c>
      <c r="CK38" s="277">
        <v>0</v>
      </c>
      <c r="CL38" s="282">
        <v>0</v>
      </c>
      <c r="CM38" s="276">
        <v>0</v>
      </c>
      <c r="CN38" s="280">
        <v>0</v>
      </c>
      <c r="CO38" s="277">
        <v>0</v>
      </c>
      <c r="CP38" s="279">
        <v>0</v>
      </c>
      <c r="CQ38" s="280">
        <v>0</v>
      </c>
      <c r="CR38" s="280">
        <v>0</v>
      </c>
      <c r="CS38" s="280">
        <v>0</v>
      </c>
      <c r="CT38" s="280">
        <v>0</v>
      </c>
      <c r="CU38" s="280">
        <v>0</v>
      </c>
      <c r="CV38" s="277">
        <v>0</v>
      </c>
      <c r="CW38" s="282">
        <v>0</v>
      </c>
    </row>
    <row r="39" spans="2:101" ht="21" customHeight="1" thickBot="1" x14ac:dyDescent="0.25">
      <c r="B39" s="262" t="s">
        <v>37</v>
      </c>
      <c r="C39" s="283">
        <v>0</v>
      </c>
      <c r="D39" s="284">
        <v>0</v>
      </c>
      <c r="E39" s="2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0</v>
      </c>
      <c r="BC39" s="287">
        <v>0</v>
      </c>
      <c r="BD39" s="284">
        <v>0</v>
      </c>
      <c r="BE39" s="289">
        <v>0</v>
      </c>
      <c r="BF39" s="283">
        <v>0</v>
      </c>
      <c r="BG39" s="287">
        <v>0</v>
      </c>
      <c r="BH39" s="284">
        <v>0</v>
      </c>
      <c r="BI39" s="286">
        <v>0</v>
      </c>
      <c r="BJ39" s="287">
        <v>0</v>
      </c>
      <c r="BK39" s="287">
        <v>0</v>
      </c>
      <c r="BL39" s="287">
        <v>0</v>
      </c>
      <c r="BM39" s="287">
        <v>0</v>
      </c>
      <c r="BN39" s="287">
        <v>0</v>
      </c>
      <c r="BO39" s="288">
        <v>0</v>
      </c>
      <c r="BP39" s="289">
        <v>0</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row>
  </sheetData>
  <mergeCells count="39">
    <mergeCell ref="CM4:CO4"/>
    <mergeCell ref="AX4:BD4"/>
    <mergeCell ref="BF4:BH4"/>
    <mergeCell ref="BI4:BO4"/>
    <mergeCell ref="CA4:CA5"/>
    <mergeCell ref="CL4:CL5"/>
    <mergeCell ref="BQ4:BS4"/>
    <mergeCell ref="BT4:BZ4"/>
    <mergeCell ref="CB4:CD4"/>
    <mergeCell ref="CE4:CK4"/>
    <mergeCell ref="B3:B5"/>
    <mergeCell ref="C3:M3"/>
    <mergeCell ref="N3:X3"/>
    <mergeCell ref="Y3:AI3"/>
    <mergeCell ref="C4:E4"/>
    <mergeCell ref="F4:L4"/>
    <mergeCell ref="M4:M5"/>
    <mergeCell ref="N4:P4"/>
    <mergeCell ref="Q4:W4"/>
    <mergeCell ref="X4:X5"/>
    <mergeCell ref="Y4:AA4"/>
    <mergeCell ref="AB4:AH4"/>
    <mergeCell ref="AI4:AI5"/>
    <mergeCell ref="CW4:CW5"/>
    <mergeCell ref="CB3:CL3"/>
    <mergeCell ref="CM3:CW3"/>
    <mergeCell ref="I1:J1"/>
    <mergeCell ref="L1:M1"/>
    <mergeCell ref="BE4:BE5"/>
    <mergeCell ref="BF3:BP3"/>
    <mergeCell ref="BP4:BP5"/>
    <mergeCell ref="BQ3:CA3"/>
    <mergeCell ref="AJ4:AL4"/>
    <mergeCell ref="AJ3:AT3"/>
    <mergeCell ref="AU3:BE3"/>
    <mergeCell ref="CP4:CV4"/>
    <mergeCell ref="AM4:AS4"/>
    <mergeCell ref="AT4:AT5"/>
    <mergeCell ref="AU4:AW4"/>
  </mergeCells>
  <phoneticPr fontId="4"/>
  <pageMargins left="0.70866141732283472" right="0.70866141732283472" top="0.74803149606299213" bottom="0.74803149606299213" header="0.31496062992125984" footer="0.31496062992125984"/>
  <pageSetup paperSize="9" scale="60" orientation="landscape" r:id="rId1"/>
  <headerFooter>
    <oddFooter>&amp;L&amp;20&amp;A&amp;C&amp;P/&amp;N</oddFooter>
  </headerFooter>
  <colBreaks count="3" manualBreakCount="3">
    <brk id="24" max="1048575" man="1"/>
    <brk id="46" max="1048575" man="1"/>
    <brk id="68" max="1048575" man="1"/>
  </col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8" style="255" customWidth="1"/>
    <col min="18" max="16384" width="9" style="255"/>
  </cols>
  <sheetData>
    <row r="1" spans="2:24" ht="24" customHeight="1" x14ac:dyDescent="0.2">
      <c r="B1" s="290" t="s">
        <v>125</v>
      </c>
      <c r="H1" s="535">
        <f>第１表!F2</f>
        <v>4</v>
      </c>
      <c r="I1" s="535"/>
      <c r="J1" s="248">
        <f>第１表!G2</f>
        <v>12</v>
      </c>
      <c r="K1" s="539">
        <f>IF(J1&lt;3,J1+12-2,J1-2)</f>
        <v>10</v>
      </c>
      <c r="L1" s="539"/>
    </row>
    <row r="2" spans="2:24" ht="24" customHeight="1" thickBot="1" x14ac:dyDescent="0.25">
      <c r="B2" s="290" t="s">
        <v>133</v>
      </c>
    </row>
    <row r="3" spans="2:24" ht="21" customHeight="1" x14ac:dyDescent="0.2">
      <c r="B3" s="551"/>
      <c r="C3" s="547" t="s">
        <v>143</v>
      </c>
      <c r="D3" s="547"/>
      <c r="E3" s="547"/>
      <c r="F3" s="547"/>
      <c r="G3" s="547"/>
      <c r="H3" s="547"/>
      <c r="I3" s="547"/>
      <c r="J3" s="547"/>
      <c r="K3" s="547"/>
      <c r="L3" s="547"/>
      <c r="M3" s="577"/>
      <c r="N3" s="547" t="s">
        <v>113</v>
      </c>
      <c r="O3" s="547"/>
      <c r="P3" s="547"/>
      <c r="Q3" s="547"/>
      <c r="R3" s="547"/>
      <c r="S3" s="547"/>
      <c r="T3" s="547"/>
      <c r="U3" s="547"/>
      <c r="V3" s="547"/>
      <c r="W3" s="547"/>
      <c r="X3" s="577"/>
    </row>
    <row r="4" spans="2:24" ht="21" customHeight="1" x14ac:dyDescent="0.2">
      <c r="B4" s="575"/>
      <c r="C4" s="578" t="s">
        <v>61</v>
      </c>
      <c r="D4" s="578"/>
      <c r="E4" s="579"/>
      <c r="F4" s="580" t="s">
        <v>62</v>
      </c>
      <c r="G4" s="578"/>
      <c r="H4" s="578"/>
      <c r="I4" s="578"/>
      <c r="J4" s="578"/>
      <c r="K4" s="578"/>
      <c r="L4" s="581"/>
      <c r="M4" s="582" t="s">
        <v>52</v>
      </c>
      <c r="N4" s="578" t="s">
        <v>61</v>
      </c>
      <c r="O4" s="578"/>
      <c r="P4" s="579"/>
      <c r="Q4" s="580" t="s">
        <v>62</v>
      </c>
      <c r="R4" s="578"/>
      <c r="S4" s="578"/>
      <c r="T4" s="578"/>
      <c r="U4" s="578"/>
      <c r="V4" s="578"/>
      <c r="W4" s="581"/>
      <c r="X4" s="582" t="s">
        <v>52</v>
      </c>
    </row>
    <row r="5" spans="2:24" ht="30" customHeight="1" thickBot="1" x14ac:dyDescent="0.25">
      <c r="B5" s="576"/>
      <c r="C5" s="259" t="s">
        <v>43</v>
      </c>
      <c r="D5" s="259" t="s">
        <v>44</v>
      </c>
      <c r="E5" s="265" t="s">
        <v>45</v>
      </c>
      <c r="F5" s="267" t="s">
        <v>83</v>
      </c>
      <c r="G5" s="259" t="s">
        <v>47</v>
      </c>
      <c r="H5" s="259" t="s">
        <v>48</v>
      </c>
      <c r="I5" s="259" t="s">
        <v>49</v>
      </c>
      <c r="J5" s="259" t="s">
        <v>50</v>
      </c>
      <c r="K5" s="259" t="s">
        <v>51</v>
      </c>
      <c r="L5" s="265" t="s">
        <v>45</v>
      </c>
      <c r="M5" s="550"/>
      <c r="N5" s="259" t="s">
        <v>43</v>
      </c>
      <c r="O5" s="259" t="s">
        <v>44</v>
      </c>
      <c r="P5" s="265" t="s">
        <v>45</v>
      </c>
      <c r="Q5" s="267" t="s">
        <v>83</v>
      </c>
      <c r="R5" s="259" t="s">
        <v>47</v>
      </c>
      <c r="S5" s="259" t="s">
        <v>48</v>
      </c>
      <c r="T5" s="259" t="s">
        <v>49</v>
      </c>
      <c r="U5" s="259" t="s">
        <v>50</v>
      </c>
      <c r="V5" s="259" t="s">
        <v>51</v>
      </c>
      <c r="W5" s="265" t="s">
        <v>45</v>
      </c>
      <c r="X5" s="550"/>
    </row>
    <row r="6" spans="2:24" ht="21" customHeight="1" x14ac:dyDescent="0.2">
      <c r="B6" s="258" t="s">
        <v>4</v>
      </c>
      <c r="C6" s="273">
        <v>0</v>
      </c>
      <c r="D6" s="273">
        <v>5</v>
      </c>
      <c r="E6" s="270">
        <v>5</v>
      </c>
      <c r="F6" s="272">
        <v>0</v>
      </c>
      <c r="G6" s="273">
        <v>101136</v>
      </c>
      <c r="H6" s="273">
        <v>99624</v>
      </c>
      <c r="I6" s="273">
        <v>60987</v>
      </c>
      <c r="J6" s="273">
        <v>33235</v>
      </c>
      <c r="K6" s="273">
        <v>14663</v>
      </c>
      <c r="L6" s="270">
        <v>309645</v>
      </c>
      <c r="M6" s="275">
        <v>309650</v>
      </c>
      <c r="N6" s="273">
        <v>41</v>
      </c>
      <c r="O6" s="273">
        <v>38</v>
      </c>
      <c r="P6" s="270">
        <v>79</v>
      </c>
      <c r="Q6" s="272">
        <v>0</v>
      </c>
      <c r="R6" s="273">
        <v>6790</v>
      </c>
      <c r="S6" s="273">
        <v>9508</v>
      </c>
      <c r="T6" s="273">
        <v>12652</v>
      </c>
      <c r="U6" s="273">
        <v>6992</v>
      </c>
      <c r="V6" s="273">
        <v>5369</v>
      </c>
      <c r="W6" s="270">
        <v>41311</v>
      </c>
      <c r="X6" s="275">
        <v>41390</v>
      </c>
    </row>
    <row r="7" spans="2:24" ht="21" customHeight="1" x14ac:dyDescent="0.2">
      <c r="B7" s="256" t="s">
        <v>5</v>
      </c>
      <c r="C7" s="280">
        <v>0</v>
      </c>
      <c r="D7" s="280">
        <v>0</v>
      </c>
      <c r="E7" s="277">
        <v>0</v>
      </c>
      <c r="F7" s="279">
        <v>0</v>
      </c>
      <c r="G7" s="280">
        <v>34489</v>
      </c>
      <c r="H7" s="280">
        <v>45495</v>
      </c>
      <c r="I7" s="280">
        <v>26818</v>
      </c>
      <c r="J7" s="280">
        <v>15135</v>
      </c>
      <c r="K7" s="280">
        <v>6785</v>
      </c>
      <c r="L7" s="277">
        <v>128722</v>
      </c>
      <c r="M7" s="282">
        <v>128722</v>
      </c>
      <c r="N7" s="280">
        <v>16</v>
      </c>
      <c r="O7" s="280">
        <v>12</v>
      </c>
      <c r="P7" s="277">
        <v>28</v>
      </c>
      <c r="Q7" s="279">
        <v>0</v>
      </c>
      <c r="R7" s="280">
        <v>3165</v>
      </c>
      <c r="S7" s="280">
        <v>5066</v>
      </c>
      <c r="T7" s="280">
        <v>6842</v>
      </c>
      <c r="U7" s="280">
        <v>3738</v>
      </c>
      <c r="V7" s="280">
        <v>2991</v>
      </c>
      <c r="W7" s="277">
        <v>21802</v>
      </c>
      <c r="X7" s="282">
        <v>21830</v>
      </c>
    </row>
    <row r="8" spans="2:24" ht="21" customHeight="1" x14ac:dyDescent="0.2">
      <c r="B8" s="256" t="s">
        <v>6</v>
      </c>
      <c r="C8" s="280">
        <v>0</v>
      </c>
      <c r="D8" s="280">
        <v>0</v>
      </c>
      <c r="E8" s="277">
        <v>0</v>
      </c>
      <c r="F8" s="279">
        <v>0</v>
      </c>
      <c r="G8" s="280">
        <v>14914</v>
      </c>
      <c r="H8" s="280">
        <v>10678</v>
      </c>
      <c r="I8" s="280">
        <v>7352</v>
      </c>
      <c r="J8" s="280">
        <v>4333</v>
      </c>
      <c r="K8" s="280">
        <v>1851</v>
      </c>
      <c r="L8" s="277">
        <v>39128</v>
      </c>
      <c r="M8" s="282">
        <v>39128</v>
      </c>
      <c r="N8" s="280">
        <v>11</v>
      </c>
      <c r="O8" s="280">
        <v>3</v>
      </c>
      <c r="P8" s="277">
        <v>14</v>
      </c>
      <c r="Q8" s="279">
        <v>0</v>
      </c>
      <c r="R8" s="280">
        <v>1689</v>
      </c>
      <c r="S8" s="280">
        <v>2072</v>
      </c>
      <c r="T8" s="280">
        <v>2435</v>
      </c>
      <c r="U8" s="280">
        <v>1692</v>
      </c>
      <c r="V8" s="280">
        <v>981</v>
      </c>
      <c r="W8" s="277">
        <v>8869</v>
      </c>
      <c r="X8" s="282">
        <v>8883</v>
      </c>
    </row>
    <row r="9" spans="2:24" ht="21" customHeight="1" x14ac:dyDescent="0.2">
      <c r="B9" s="256" t="s">
        <v>14</v>
      </c>
      <c r="C9" s="280">
        <v>0</v>
      </c>
      <c r="D9" s="280">
        <v>0</v>
      </c>
      <c r="E9" s="277">
        <v>0</v>
      </c>
      <c r="F9" s="279">
        <v>0</v>
      </c>
      <c r="G9" s="280">
        <v>7781</v>
      </c>
      <c r="H9" s="280">
        <v>9271</v>
      </c>
      <c r="I9" s="280">
        <v>5730</v>
      </c>
      <c r="J9" s="280">
        <v>3050</v>
      </c>
      <c r="K9" s="280">
        <v>1476</v>
      </c>
      <c r="L9" s="277">
        <v>27308</v>
      </c>
      <c r="M9" s="282">
        <v>27308</v>
      </c>
      <c r="N9" s="280">
        <v>6</v>
      </c>
      <c r="O9" s="280">
        <v>0</v>
      </c>
      <c r="P9" s="277">
        <v>6</v>
      </c>
      <c r="Q9" s="279">
        <v>0</v>
      </c>
      <c r="R9" s="280">
        <v>159</v>
      </c>
      <c r="S9" s="280">
        <v>242</v>
      </c>
      <c r="T9" s="280">
        <v>415</v>
      </c>
      <c r="U9" s="280">
        <v>262</v>
      </c>
      <c r="V9" s="280">
        <v>304</v>
      </c>
      <c r="W9" s="277">
        <v>1382</v>
      </c>
      <c r="X9" s="282">
        <v>1388</v>
      </c>
    </row>
    <row r="10" spans="2:24" ht="21" customHeight="1" x14ac:dyDescent="0.2">
      <c r="B10" s="256" t="s">
        <v>7</v>
      </c>
      <c r="C10" s="280">
        <v>0</v>
      </c>
      <c r="D10" s="280">
        <v>0</v>
      </c>
      <c r="E10" s="277">
        <v>0</v>
      </c>
      <c r="F10" s="279">
        <v>0</v>
      </c>
      <c r="G10" s="280">
        <v>8037</v>
      </c>
      <c r="H10" s="280">
        <v>5129</v>
      </c>
      <c r="I10" s="280">
        <v>3197</v>
      </c>
      <c r="J10" s="280">
        <v>1215</v>
      </c>
      <c r="K10" s="280">
        <v>537</v>
      </c>
      <c r="L10" s="277">
        <v>18115</v>
      </c>
      <c r="M10" s="282">
        <v>18115</v>
      </c>
      <c r="N10" s="280">
        <v>0</v>
      </c>
      <c r="O10" s="280">
        <v>0</v>
      </c>
      <c r="P10" s="277">
        <v>0</v>
      </c>
      <c r="Q10" s="279">
        <v>0</v>
      </c>
      <c r="R10" s="280">
        <v>723</v>
      </c>
      <c r="S10" s="280">
        <v>929</v>
      </c>
      <c r="T10" s="280">
        <v>1143</v>
      </c>
      <c r="U10" s="280">
        <v>448</v>
      </c>
      <c r="V10" s="280">
        <v>200</v>
      </c>
      <c r="W10" s="277">
        <v>3443</v>
      </c>
      <c r="X10" s="282">
        <v>3443</v>
      </c>
    </row>
    <row r="11" spans="2:24" ht="21" customHeight="1" x14ac:dyDescent="0.2">
      <c r="B11" s="256" t="s">
        <v>8</v>
      </c>
      <c r="C11" s="280">
        <v>0</v>
      </c>
      <c r="D11" s="280">
        <v>5</v>
      </c>
      <c r="E11" s="277">
        <v>5</v>
      </c>
      <c r="F11" s="279">
        <v>0</v>
      </c>
      <c r="G11" s="280">
        <v>4744</v>
      </c>
      <c r="H11" s="280">
        <v>4515</v>
      </c>
      <c r="I11" s="280">
        <v>2778</v>
      </c>
      <c r="J11" s="280">
        <v>1224</v>
      </c>
      <c r="K11" s="280">
        <v>424</v>
      </c>
      <c r="L11" s="277">
        <v>13685</v>
      </c>
      <c r="M11" s="282">
        <v>13690</v>
      </c>
      <c r="N11" s="280">
        <v>0</v>
      </c>
      <c r="O11" s="280">
        <v>0</v>
      </c>
      <c r="P11" s="277">
        <v>0</v>
      </c>
      <c r="Q11" s="279">
        <v>0</v>
      </c>
      <c r="R11" s="280">
        <v>52</v>
      </c>
      <c r="S11" s="280">
        <v>88</v>
      </c>
      <c r="T11" s="280">
        <v>120</v>
      </c>
      <c r="U11" s="280">
        <v>89</v>
      </c>
      <c r="V11" s="280">
        <v>96</v>
      </c>
      <c r="W11" s="277">
        <v>445</v>
      </c>
      <c r="X11" s="282">
        <v>445</v>
      </c>
    </row>
    <row r="12" spans="2:24" ht="21" customHeight="1" x14ac:dyDescent="0.2">
      <c r="B12" s="256" t="s">
        <v>9</v>
      </c>
      <c r="C12" s="280">
        <v>0</v>
      </c>
      <c r="D12" s="280">
        <v>0</v>
      </c>
      <c r="E12" s="277">
        <v>0</v>
      </c>
      <c r="F12" s="279">
        <v>0</v>
      </c>
      <c r="G12" s="280">
        <v>3144</v>
      </c>
      <c r="H12" s="280">
        <v>2126</v>
      </c>
      <c r="I12" s="280">
        <v>1732</v>
      </c>
      <c r="J12" s="280">
        <v>905</v>
      </c>
      <c r="K12" s="280">
        <v>325</v>
      </c>
      <c r="L12" s="277">
        <v>8232</v>
      </c>
      <c r="M12" s="282">
        <v>8232</v>
      </c>
      <c r="N12" s="280">
        <v>0</v>
      </c>
      <c r="O12" s="280">
        <v>0</v>
      </c>
      <c r="P12" s="277">
        <v>0</v>
      </c>
      <c r="Q12" s="279">
        <v>0</v>
      </c>
      <c r="R12" s="280">
        <v>60</v>
      </c>
      <c r="S12" s="280">
        <v>31</v>
      </c>
      <c r="T12" s="280">
        <v>80</v>
      </c>
      <c r="U12" s="280">
        <v>51</v>
      </c>
      <c r="V12" s="280">
        <v>47</v>
      </c>
      <c r="W12" s="277">
        <v>269</v>
      </c>
      <c r="X12" s="282">
        <v>269</v>
      </c>
    </row>
    <row r="13" spans="2:24" ht="21" customHeight="1" x14ac:dyDescent="0.2">
      <c r="B13" s="256" t="s">
        <v>10</v>
      </c>
      <c r="C13" s="280">
        <v>0</v>
      </c>
      <c r="D13" s="280">
        <v>0</v>
      </c>
      <c r="E13" s="277">
        <v>0</v>
      </c>
      <c r="F13" s="279">
        <v>0</v>
      </c>
      <c r="G13" s="280">
        <v>4459</v>
      </c>
      <c r="H13" s="280">
        <v>2344</v>
      </c>
      <c r="I13" s="280">
        <v>1136</v>
      </c>
      <c r="J13" s="280">
        <v>711</v>
      </c>
      <c r="K13" s="280">
        <v>286</v>
      </c>
      <c r="L13" s="277">
        <v>8936</v>
      </c>
      <c r="M13" s="282">
        <v>8936</v>
      </c>
      <c r="N13" s="280">
        <v>0</v>
      </c>
      <c r="O13" s="280">
        <v>4</v>
      </c>
      <c r="P13" s="277">
        <v>4</v>
      </c>
      <c r="Q13" s="279">
        <v>0</v>
      </c>
      <c r="R13" s="280">
        <v>76</v>
      </c>
      <c r="S13" s="280">
        <v>118</v>
      </c>
      <c r="T13" s="280">
        <v>246</v>
      </c>
      <c r="U13" s="280">
        <v>130</v>
      </c>
      <c r="V13" s="280">
        <v>136</v>
      </c>
      <c r="W13" s="277">
        <v>706</v>
      </c>
      <c r="X13" s="282">
        <v>710</v>
      </c>
    </row>
    <row r="14" spans="2:24" ht="21" customHeight="1" x14ac:dyDescent="0.2">
      <c r="B14" s="256" t="s">
        <v>11</v>
      </c>
      <c r="C14" s="280">
        <v>0</v>
      </c>
      <c r="D14" s="280">
        <v>0</v>
      </c>
      <c r="E14" s="277">
        <v>0</v>
      </c>
      <c r="F14" s="279">
        <v>0</v>
      </c>
      <c r="G14" s="280">
        <v>4459</v>
      </c>
      <c r="H14" s="280">
        <v>2418</v>
      </c>
      <c r="I14" s="280">
        <v>1721</v>
      </c>
      <c r="J14" s="280">
        <v>996</v>
      </c>
      <c r="K14" s="280">
        <v>337</v>
      </c>
      <c r="L14" s="277">
        <v>9931</v>
      </c>
      <c r="M14" s="282">
        <v>9931</v>
      </c>
      <c r="N14" s="280">
        <v>0</v>
      </c>
      <c r="O14" s="280">
        <v>8</v>
      </c>
      <c r="P14" s="277">
        <v>8</v>
      </c>
      <c r="Q14" s="279">
        <v>0</v>
      </c>
      <c r="R14" s="280">
        <v>125</v>
      </c>
      <c r="S14" s="280">
        <v>132</v>
      </c>
      <c r="T14" s="280">
        <v>218</v>
      </c>
      <c r="U14" s="280">
        <v>11</v>
      </c>
      <c r="V14" s="280">
        <v>14</v>
      </c>
      <c r="W14" s="277">
        <v>500</v>
      </c>
      <c r="X14" s="282">
        <v>508</v>
      </c>
    </row>
    <row r="15" spans="2:24" ht="21" customHeight="1" x14ac:dyDescent="0.2">
      <c r="B15" s="256" t="s">
        <v>12</v>
      </c>
      <c r="C15" s="280">
        <v>0</v>
      </c>
      <c r="D15" s="280">
        <v>0</v>
      </c>
      <c r="E15" s="277">
        <v>0</v>
      </c>
      <c r="F15" s="279">
        <v>0</v>
      </c>
      <c r="G15" s="280">
        <v>2983</v>
      </c>
      <c r="H15" s="280">
        <v>2143</v>
      </c>
      <c r="I15" s="280">
        <v>1585</v>
      </c>
      <c r="J15" s="280">
        <v>759</v>
      </c>
      <c r="K15" s="280">
        <v>269</v>
      </c>
      <c r="L15" s="277">
        <v>7739</v>
      </c>
      <c r="M15" s="282">
        <v>7739</v>
      </c>
      <c r="N15" s="280">
        <v>0</v>
      </c>
      <c r="O15" s="280">
        <v>0</v>
      </c>
      <c r="P15" s="277">
        <v>0</v>
      </c>
      <c r="Q15" s="279">
        <v>0</v>
      </c>
      <c r="R15" s="280">
        <v>35</v>
      </c>
      <c r="S15" s="280">
        <v>19</v>
      </c>
      <c r="T15" s="280">
        <v>20</v>
      </c>
      <c r="U15" s="280">
        <v>6</v>
      </c>
      <c r="V15" s="280">
        <v>13</v>
      </c>
      <c r="W15" s="277">
        <v>93</v>
      </c>
      <c r="X15" s="282">
        <v>93</v>
      </c>
    </row>
    <row r="16" spans="2:24" ht="21" customHeight="1" x14ac:dyDescent="0.2">
      <c r="B16" s="256" t="s">
        <v>13</v>
      </c>
      <c r="C16" s="280">
        <v>0</v>
      </c>
      <c r="D16" s="280">
        <v>0</v>
      </c>
      <c r="E16" s="277">
        <v>0</v>
      </c>
      <c r="F16" s="279">
        <v>0</v>
      </c>
      <c r="G16" s="280">
        <v>929</v>
      </c>
      <c r="H16" s="280">
        <v>959</v>
      </c>
      <c r="I16" s="280">
        <v>553</v>
      </c>
      <c r="J16" s="280">
        <v>271</v>
      </c>
      <c r="K16" s="280">
        <v>84</v>
      </c>
      <c r="L16" s="277">
        <v>2796</v>
      </c>
      <c r="M16" s="282">
        <v>2796</v>
      </c>
      <c r="N16" s="280">
        <v>0</v>
      </c>
      <c r="O16" s="280">
        <v>0</v>
      </c>
      <c r="P16" s="277">
        <v>0</v>
      </c>
      <c r="Q16" s="279">
        <v>0</v>
      </c>
      <c r="R16" s="280">
        <v>18</v>
      </c>
      <c r="S16" s="280">
        <v>20</v>
      </c>
      <c r="T16" s="280">
        <v>58</v>
      </c>
      <c r="U16" s="280">
        <v>34</v>
      </c>
      <c r="V16" s="280">
        <v>47</v>
      </c>
      <c r="W16" s="277">
        <v>177</v>
      </c>
      <c r="X16" s="282">
        <v>177</v>
      </c>
    </row>
    <row r="17" spans="2:24" ht="21" customHeight="1" x14ac:dyDescent="0.2">
      <c r="B17" s="256" t="s">
        <v>15</v>
      </c>
      <c r="C17" s="280">
        <v>0</v>
      </c>
      <c r="D17" s="280">
        <v>0</v>
      </c>
      <c r="E17" s="277">
        <v>0</v>
      </c>
      <c r="F17" s="279">
        <v>0</v>
      </c>
      <c r="G17" s="280">
        <v>1023</v>
      </c>
      <c r="H17" s="280">
        <v>1296</v>
      </c>
      <c r="I17" s="280">
        <v>665</v>
      </c>
      <c r="J17" s="280">
        <v>396</v>
      </c>
      <c r="K17" s="280">
        <v>90</v>
      </c>
      <c r="L17" s="277">
        <v>3470</v>
      </c>
      <c r="M17" s="282">
        <v>3470</v>
      </c>
      <c r="N17" s="280">
        <v>0</v>
      </c>
      <c r="O17" s="280">
        <v>0</v>
      </c>
      <c r="P17" s="277">
        <v>0</v>
      </c>
      <c r="Q17" s="279">
        <v>0</v>
      </c>
      <c r="R17" s="280">
        <v>27</v>
      </c>
      <c r="S17" s="280">
        <v>62</v>
      </c>
      <c r="T17" s="280">
        <v>84</v>
      </c>
      <c r="U17" s="280">
        <v>3</v>
      </c>
      <c r="V17" s="280">
        <v>18</v>
      </c>
      <c r="W17" s="277">
        <v>194</v>
      </c>
      <c r="X17" s="282">
        <v>194</v>
      </c>
    </row>
    <row r="18" spans="2:24" ht="21" customHeight="1" x14ac:dyDescent="0.2">
      <c r="B18" s="256" t="s">
        <v>16</v>
      </c>
      <c r="C18" s="280">
        <v>0</v>
      </c>
      <c r="D18" s="280">
        <v>0</v>
      </c>
      <c r="E18" s="277">
        <v>0</v>
      </c>
      <c r="F18" s="279">
        <v>0</v>
      </c>
      <c r="G18" s="280">
        <v>1276</v>
      </c>
      <c r="H18" s="280">
        <v>1562</v>
      </c>
      <c r="I18" s="280">
        <v>948</v>
      </c>
      <c r="J18" s="280">
        <v>576</v>
      </c>
      <c r="K18" s="280">
        <v>300</v>
      </c>
      <c r="L18" s="277">
        <v>4662</v>
      </c>
      <c r="M18" s="282">
        <v>4662</v>
      </c>
      <c r="N18" s="280">
        <v>0</v>
      </c>
      <c r="O18" s="280">
        <v>0</v>
      </c>
      <c r="P18" s="277">
        <v>0</v>
      </c>
      <c r="Q18" s="279">
        <v>0</v>
      </c>
      <c r="R18" s="280">
        <v>45</v>
      </c>
      <c r="S18" s="280">
        <v>85</v>
      </c>
      <c r="T18" s="280">
        <v>86</v>
      </c>
      <c r="U18" s="280">
        <v>68</v>
      </c>
      <c r="V18" s="280">
        <v>61</v>
      </c>
      <c r="W18" s="277">
        <v>345</v>
      </c>
      <c r="X18" s="282">
        <v>345</v>
      </c>
    </row>
    <row r="19" spans="2:24" ht="21" customHeight="1" x14ac:dyDescent="0.2">
      <c r="B19" s="256" t="s">
        <v>17</v>
      </c>
      <c r="C19" s="280">
        <v>0</v>
      </c>
      <c r="D19" s="280">
        <v>0</v>
      </c>
      <c r="E19" s="277">
        <v>0</v>
      </c>
      <c r="F19" s="279">
        <v>0</v>
      </c>
      <c r="G19" s="280">
        <v>1959</v>
      </c>
      <c r="H19" s="280">
        <v>2606</v>
      </c>
      <c r="I19" s="280">
        <v>1597</v>
      </c>
      <c r="J19" s="280">
        <v>1391</v>
      </c>
      <c r="K19" s="280">
        <v>858</v>
      </c>
      <c r="L19" s="277">
        <v>8411</v>
      </c>
      <c r="M19" s="282">
        <v>8411</v>
      </c>
      <c r="N19" s="280">
        <v>4</v>
      </c>
      <c r="O19" s="280">
        <v>11</v>
      </c>
      <c r="P19" s="277">
        <v>15</v>
      </c>
      <c r="Q19" s="279">
        <v>0</v>
      </c>
      <c r="R19" s="280">
        <v>191</v>
      </c>
      <c r="S19" s="280">
        <v>195</v>
      </c>
      <c r="T19" s="280">
        <v>204</v>
      </c>
      <c r="U19" s="280">
        <v>184</v>
      </c>
      <c r="V19" s="280">
        <v>40</v>
      </c>
      <c r="W19" s="277">
        <v>814</v>
      </c>
      <c r="X19" s="282">
        <v>829</v>
      </c>
    </row>
    <row r="20" spans="2:24" ht="21" customHeight="1" x14ac:dyDescent="0.2">
      <c r="B20" s="256" t="s">
        <v>18</v>
      </c>
      <c r="C20" s="280">
        <v>0</v>
      </c>
      <c r="D20" s="280">
        <v>0</v>
      </c>
      <c r="E20" s="277">
        <v>0</v>
      </c>
      <c r="F20" s="279">
        <v>0</v>
      </c>
      <c r="G20" s="280">
        <v>1983</v>
      </c>
      <c r="H20" s="280">
        <v>1740</v>
      </c>
      <c r="I20" s="280">
        <v>1259</v>
      </c>
      <c r="J20" s="280">
        <v>407</v>
      </c>
      <c r="K20" s="280">
        <v>113</v>
      </c>
      <c r="L20" s="277">
        <v>5502</v>
      </c>
      <c r="M20" s="282">
        <v>5502</v>
      </c>
      <c r="N20" s="280">
        <v>0</v>
      </c>
      <c r="O20" s="280">
        <v>0</v>
      </c>
      <c r="P20" s="277">
        <v>0</v>
      </c>
      <c r="Q20" s="279">
        <v>0</v>
      </c>
      <c r="R20" s="280">
        <v>100</v>
      </c>
      <c r="S20" s="280">
        <v>31</v>
      </c>
      <c r="T20" s="280">
        <v>126</v>
      </c>
      <c r="U20" s="280">
        <v>76</v>
      </c>
      <c r="V20" s="280">
        <v>163</v>
      </c>
      <c r="W20" s="277">
        <v>496</v>
      </c>
      <c r="X20" s="282">
        <v>496</v>
      </c>
    </row>
    <row r="21" spans="2:24" ht="21" customHeight="1" x14ac:dyDescent="0.2">
      <c r="B21" s="256" t="s">
        <v>19</v>
      </c>
      <c r="C21" s="280">
        <v>0</v>
      </c>
      <c r="D21" s="280">
        <v>0</v>
      </c>
      <c r="E21" s="277">
        <v>0</v>
      </c>
      <c r="F21" s="279">
        <v>0</v>
      </c>
      <c r="G21" s="280">
        <v>1047</v>
      </c>
      <c r="H21" s="280">
        <v>974</v>
      </c>
      <c r="I21" s="280">
        <v>454</v>
      </c>
      <c r="J21" s="280">
        <v>165</v>
      </c>
      <c r="K21" s="280">
        <v>110</v>
      </c>
      <c r="L21" s="277">
        <v>2750</v>
      </c>
      <c r="M21" s="282">
        <v>2750</v>
      </c>
      <c r="N21" s="280">
        <v>0</v>
      </c>
      <c r="O21" s="280">
        <v>0</v>
      </c>
      <c r="P21" s="277">
        <v>0</v>
      </c>
      <c r="Q21" s="279">
        <v>0</v>
      </c>
      <c r="R21" s="280">
        <v>104</v>
      </c>
      <c r="S21" s="280">
        <v>238</v>
      </c>
      <c r="T21" s="280">
        <v>192</v>
      </c>
      <c r="U21" s="280">
        <v>35</v>
      </c>
      <c r="V21" s="280">
        <v>28</v>
      </c>
      <c r="W21" s="277">
        <v>597</v>
      </c>
      <c r="X21" s="282">
        <v>597</v>
      </c>
    </row>
    <row r="22" spans="2:24" ht="21" customHeight="1" x14ac:dyDescent="0.2">
      <c r="B22" s="256" t="s">
        <v>20</v>
      </c>
      <c r="C22" s="280">
        <v>0</v>
      </c>
      <c r="D22" s="280">
        <v>0</v>
      </c>
      <c r="E22" s="277">
        <v>0</v>
      </c>
      <c r="F22" s="279">
        <v>0</v>
      </c>
      <c r="G22" s="280">
        <v>1284</v>
      </c>
      <c r="H22" s="280">
        <v>747</v>
      </c>
      <c r="I22" s="280">
        <v>534</v>
      </c>
      <c r="J22" s="280">
        <v>241</v>
      </c>
      <c r="K22" s="280">
        <v>51</v>
      </c>
      <c r="L22" s="277">
        <v>2857</v>
      </c>
      <c r="M22" s="282">
        <v>2857</v>
      </c>
      <c r="N22" s="280">
        <v>0</v>
      </c>
      <c r="O22" s="280">
        <v>0</v>
      </c>
      <c r="P22" s="277">
        <v>0</v>
      </c>
      <c r="Q22" s="279">
        <v>0</v>
      </c>
      <c r="R22" s="280">
        <v>25</v>
      </c>
      <c r="S22" s="280">
        <v>24</v>
      </c>
      <c r="T22" s="280">
        <v>26</v>
      </c>
      <c r="U22" s="280">
        <v>0</v>
      </c>
      <c r="V22" s="280">
        <v>34</v>
      </c>
      <c r="W22" s="277">
        <v>109</v>
      </c>
      <c r="X22" s="282">
        <v>109</v>
      </c>
    </row>
    <row r="23" spans="2:24" ht="21" customHeight="1" x14ac:dyDescent="0.2">
      <c r="B23" s="256" t="s">
        <v>21</v>
      </c>
      <c r="C23" s="280">
        <v>0</v>
      </c>
      <c r="D23" s="280">
        <v>0</v>
      </c>
      <c r="E23" s="277">
        <v>0</v>
      </c>
      <c r="F23" s="279">
        <v>0</v>
      </c>
      <c r="G23" s="280">
        <v>1338</v>
      </c>
      <c r="H23" s="280">
        <v>1643</v>
      </c>
      <c r="I23" s="280">
        <v>722</v>
      </c>
      <c r="J23" s="280">
        <v>311</v>
      </c>
      <c r="K23" s="280">
        <v>174</v>
      </c>
      <c r="L23" s="277">
        <v>4188</v>
      </c>
      <c r="M23" s="282">
        <v>4188</v>
      </c>
      <c r="N23" s="280">
        <v>0</v>
      </c>
      <c r="O23" s="280">
        <v>0</v>
      </c>
      <c r="P23" s="277">
        <v>0</v>
      </c>
      <c r="Q23" s="279">
        <v>0</v>
      </c>
      <c r="R23" s="280">
        <v>0</v>
      </c>
      <c r="S23" s="280">
        <v>0</v>
      </c>
      <c r="T23" s="280">
        <v>2</v>
      </c>
      <c r="U23" s="280">
        <v>0</v>
      </c>
      <c r="V23" s="280">
        <v>24</v>
      </c>
      <c r="W23" s="277">
        <v>26</v>
      </c>
      <c r="X23" s="282">
        <v>26</v>
      </c>
    </row>
    <row r="24" spans="2:24" ht="21" customHeight="1" x14ac:dyDescent="0.2">
      <c r="B24" s="256" t="s">
        <v>22</v>
      </c>
      <c r="C24" s="280">
        <v>0</v>
      </c>
      <c r="D24" s="280">
        <v>0</v>
      </c>
      <c r="E24" s="277">
        <v>0</v>
      </c>
      <c r="F24" s="279">
        <v>0</v>
      </c>
      <c r="G24" s="280">
        <v>1135</v>
      </c>
      <c r="H24" s="280">
        <v>964</v>
      </c>
      <c r="I24" s="280">
        <v>341</v>
      </c>
      <c r="J24" s="280">
        <v>295</v>
      </c>
      <c r="K24" s="280">
        <v>115</v>
      </c>
      <c r="L24" s="277">
        <v>2850</v>
      </c>
      <c r="M24" s="282">
        <v>2850</v>
      </c>
      <c r="N24" s="280">
        <v>0</v>
      </c>
      <c r="O24" s="280">
        <v>0</v>
      </c>
      <c r="P24" s="277">
        <v>0</v>
      </c>
      <c r="Q24" s="279">
        <v>0</v>
      </c>
      <c r="R24" s="280">
        <v>41</v>
      </c>
      <c r="S24" s="280">
        <v>48</v>
      </c>
      <c r="T24" s="280">
        <v>33</v>
      </c>
      <c r="U24" s="280">
        <v>45</v>
      </c>
      <c r="V24" s="280">
        <v>20</v>
      </c>
      <c r="W24" s="277">
        <v>187</v>
      </c>
      <c r="X24" s="282">
        <v>187</v>
      </c>
    </row>
    <row r="25" spans="2:24" ht="21" customHeight="1" x14ac:dyDescent="0.2">
      <c r="B25" s="256" t="s">
        <v>23</v>
      </c>
      <c r="C25" s="280">
        <v>0</v>
      </c>
      <c r="D25" s="280">
        <v>0</v>
      </c>
      <c r="E25" s="277">
        <v>0</v>
      </c>
      <c r="F25" s="279">
        <v>0</v>
      </c>
      <c r="G25" s="280">
        <v>436</v>
      </c>
      <c r="H25" s="280">
        <v>382</v>
      </c>
      <c r="I25" s="280">
        <v>157</v>
      </c>
      <c r="J25" s="280">
        <v>125</v>
      </c>
      <c r="K25" s="280">
        <v>107</v>
      </c>
      <c r="L25" s="277">
        <v>1207</v>
      </c>
      <c r="M25" s="282">
        <v>1207</v>
      </c>
      <c r="N25" s="280">
        <v>0</v>
      </c>
      <c r="O25" s="280">
        <v>0</v>
      </c>
      <c r="P25" s="277">
        <v>0</v>
      </c>
      <c r="Q25" s="279">
        <v>0</v>
      </c>
      <c r="R25" s="280">
        <v>0</v>
      </c>
      <c r="S25" s="280">
        <v>8</v>
      </c>
      <c r="T25" s="280">
        <v>20</v>
      </c>
      <c r="U25" s="280">
        <v>21</v>
      </c>
      <c r="V25" s="280">
        <v>0</v>
      </c>
      <c r="W25" s="277">
        <v>49</v>
      </c>
      <c r="X25" s="282">
        <v>49</v>
      </c>
    </row>
    <row r="26" spans="2:24" ht="21" customHeight="1" x14ac:dyDescent="0.2">
      <c r="B26" s="256" t="s">
        <v>24</v>
      </c>
      <c r="C26" s="280">
        <v>0</v>
      </c>
      <c r="D26" s="280">
        <v>0</v>
      </c>
      <c r="E26" s="277">
        <v>0</v>
      </c>
      <c r="F26" s="279">
        <v>0</v>
      </c>
      <c r="G26" s="280">
        <v>216</v>
      </c>
      <c r="H26" s="280">
        <v>156</v>
      </c>
      <c r="I26" s="280">
        <v>110</v>
      </c>
      <c r="J26" s="280">
        <v>56</v>
      </c>
      <c r="K26" s="280">
        <v>12</v>
      </c>
      <c r="L26" s="277">
        <v>550</v>
      </c>
      <c r="M26" s="282">
        <v>550</v>
      </c>
      <c r="N26" s="280">
        <v>0</v>
      </c>
      <c r="O26" s="280">
        <v>0</v>
      </c>
      <c r="P26" s="277">
        <v>0</v>
      </c>
      <c r="Q26" s="279">
        <v>0</v>
      </c>
      <c r="R26" s="280">
        <v>60</v>
      </c>
      <c r="S26" s="280">
        <v>43</v>
      </c>
      <c r="T26" s="280">
        <v>65</v>
      </c>
      <c r="U26" s="280">
        <v>11</v>
      </c>
      <c r="V26" s="280">
        <v>19</v>
      </c>
      <c r="W26" s="277">
        <v>198</v>
      </c>
      <c r="X26" s="282">
        <v>198</v>
      </c>
    </row>
    <row r="27" spans="2:24" ht="21" customHeight="1" x14ac:dyDescent="0.2">
      <c r="B27" s="256" t="s">
        <v>25</v>
      </c>
      <c r="C27" s="280">
        <v>0</v>
      </c>
      <c r="D27" s="280">
        <v>0</v>
      </c>
      <c r="E27" s="277">
        <v>0</v>
      </c>
      <c r="F27" s="279">
        <v>0</v>
      </c>
      <c r="G27" s="280">
        <v>680</v>
      </c>
      <c r="H27" s="280">
        <v>325</v>
      </c>
      <c r="I27" s="280">
        <v>135</v>
      </c>
      <c r="J27" s="280">
        <v>59</v>
      </c>
      <c r="K27" s="280">
        <v>12</v>
      </c>
      <c r="L27" s="277">
        <v>1211</v>
      </c>
      <c r="M27" s="282">
        <v>1211</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375</v>
      </c>
      <c r="H28" s="280">
        <v>349</v>
      </c>
      <c r="I28" s="280">
        <v>265</v>
      </c>
      <c r="J28" s="280">
        <v>80</v>
      </c>
      <c r="K28" s="280">
        <v>100</v>
      </c>
      <c r="L28" s="277">
        <v>1169</v>
      </c>
      <c r="M28" s="282">
        <v>1169</v>
      </c>
      <c r="N28" s="280">
        <v>0</v>
      </c>
      <c r="O28" s="280">
        <v>0</v>
      </c>
      <c r="P28" s="277">
        <v>0</v>
      </c>
      <c r="Q28" s="279">
        <v>0</v>
      </c>
      <c r="R28" s="280">
        <v>14</v>
      </c>
      <c r="S28" s="280">
        <v>18</v>
      </c>
      <c r="T28" s="280">
        <v>97</v>
      </c>
      <c r="U28" s="280">
        <v>22</v>
      </c>
      <c r="V28" s="280">
        <v>41</v>
      </c>
      <c r="W28" s="277">
        <v>192</v>
      </c>
      <c r="X28" s="282">
        <v>192</v>
      </c>
    </row>
    <row r="29" spans="2:24" ht="21" customHeight="1" x14ac:dyDescent="0.2">
      <c r="B29" s="256" t="s">
        <v>27</v>
      </c>
      <c r="C29" s="280">
        <v>0</v>
      </c>
      <c r="D29" s="280">
        <v>0</v>
      </c>
      <c r="E29" s="277">
        <v>0</v>
      </c>
      <c r="F29" s="279">
        <v>0</v>
      </c>
      <c r="G29" s="280">
        <v>279</v>
      </c>
      <c r="H29" s="280">
        <v>98</v>
      </c>
      <c r="I29" s="280">
        <v>61</v>
      </c>
      <c r="J29" s="280">
        <v>43</v>
      </c>
      <c r="K29" s="280">
        <v>1</v>
      </c>
      <c r="L29" s="277">
        <v>482</v>
      </c>
      <c r="M29" s="282">
        <v>482</v>
      </c>
      <c r="N29" s="280">
        <v>0</v>
      </c>
      <c r="O29" s="280">
        <v>0</v>
      </c>
      <c r="P29" s="277">
        <v>0</v>
      </c>
      <c r="Q29" s="279">
        <v>0</v>
      </c>
      <c r="R29" s="280">
        <v>32</v>
      </c>
      <c r="S29" s="280">
        <v>5</v>
      </c>
      <c r="T29" s="280">
        <v>8</v>
      </c>
      <c r="U29" s="280">
        <v>37</v>
      </c>
      <c r="V29" s="280">
        <v>44</v>
      </c>
      <c r="W29" s="277">
        <v>126</v>
      </c>
      <c r="X29" s="282">
        <v>126</v>
      </c>
    </row>
    <row r="30" spans="2:24" ht="21" customHeight="1" x14ac:dyDescent="0.2">
      <c r="B30" s="256" t="s">
        <v>28</v>
      </c>
      <c r="C30" s="280">
        <v>0</v>
      </c>
      <c r="D30" s="280">
        <v>0</v>
      </c>
      <c r="E30" s="277">
        <v>0</v>
      </c>
      <c r="F30" s="279">
        <v>0</v>
      </c>
      <c r="G30" s="280">
        <v>162</v>
      </c>
      <c r="H30" s="280">
        <v>131</v>
      </c>
      <c r="I30" s="280">
        <v>13</v>
      </c>
      <c r="J30" s="280">
        <v>17</v>
      </c>
      <c r="K30" s="280">
        <v>4</v>
      </c>
      <c r="L30" s="277">
        <v>327</v>
      </c>
      <c r="M30" s="282">
        <v>327</v>
      </c>
      <c r="N30" s="280">
        <v>0</v>
      </c>
      <c r="O30" s="280">
        <v>0</v>
      </c>
      <c r="P30" s="277">
        <v>0</v>
      </c>
      <c r="Q30" s="279">
        <v>0</v>
      </c>
      <c r="R30" s="280">
        <v>12</v>
      </c>
      <c r="S30" s="280">
        <v>4</v>
      </c>
      <c r="T30" s="280">
        <v>17</v>
      </c>
      <c r="U30" s="280">
        <v>0</v>
      </c>
      <c r="V30" s="280">
        <v>3</v>
      </c>
      <c r="W30" s="277">
        <v>36</v>
      </c>
      <c r="X30" s="282">
        <v>36</v>
      </c>
    </row>
    <row r="31" spans="2:24" ht="21" customHeight="1" x14ac:dyDescent="0.2">
      <c r="B31" s="256" t="s">
        <v>29</v>
      </c>
      <c r="C31" s="280">
        <v>0</v>
      </c>
      <c r="D31" s="280">
        <v>0</v>
      </c>
      <c r="E31" s="277">
        <v>0</v>
      </c>
      <c r="F31" s="279">
        <v>0</v>
      </c>
      <c r="G31" s="280">
        <v>127</v>
      </c>
      <c r="H31" s="280">
        <v>152</v>
      </c>
      <c r="I31" s="280">
        <v>25</v>
      </c>
      <c r="J31" s="280">
        <v>36</v>
      </c>
      <c r="K31" s="280">
        <v>0</v>
      </c>
      <c r="L31" s="277">
        <v>340</v>
      </c>
      <c r="M31" s="282">
        <v>340</v>
      </c>
      <c r="N31" s="280">
        <v>0</v>
      </c>
      <c r="O31" s="280">
        <v>0</v>
      </c>
      <c r="P31" s="277">
        <v>0</v>
      </c>
      <c r="Q31" s="279">
        <v>0</v>
      </c>
      <c r="R31" s="280">
        <v>0</v>
      </c>
      <c r="S31" s="280">
        <v>6</v>
      </c>
      <c r="T31" s="280">
        <v>21</v>
      </c>
      <c r="U31" s="280">
        <v>0</v>
      </c>
      <c r="V31" s="280">
        <v>0</v>
      </c>
      <c r="W31" s="277">
        <v>27</v>
      </c>
      <c r="X31" s="282">
        <v>27</v>
      </c>
    </row>
    <row r="32" spans="2:24" ht="21" customHeight="1" x14ac:dyDescent="0.2">
      <c r="B32" s="256" t="s">
        <v>30</v>
      </c>
      <c r="C32" s="280">
        <v>0</v>
      </c>
      <c r="D32" s="280">
        <v>0</v>
      </c>
      <c r="E32" s="277">
        <v>0</v>
      </c>
      <c r="F32" s="279">
        <v>0</v>
      </c>
      <c r="G32" s="280">
        <v>177</v>
      </c>
      <c r="H32" s="280">
        <v>93</v>
      </c>
      <c r="I32" s="280">
        <v>141</v>
      </c>
      <c r="J32" s="280">
        <v>51</v>
      </c>
      <c r="K32" s="280">
        <v>0</v>
      </c>
      <c r="L32" s="277">
        <v>462</v>
      </c>
      <c r="M32" s="282">
        <v>462</v>
      </c>
      <c r="N32" s="280">
        <v>4</v>
      </c>
      <c r="O32" s="280">
        <v>0</v>
      </c>
      <c r="P32" s="277">
        <v>4</v>
      </c>
      <c r="Q32" s="279">
        <v>0</v>
      </c>
      <c r="R32" s="280">
        <v>8</v>
      </c>
      <c r="S32" s="280">
        <v>17</v>
      </c>
      <c r="T32" s="280">
        <v>11</v>
      </c>
      <c r="U32" s="280">
        <v>0</v>
      </c>
      <c r="V32" s="280">
        <v>0</v>
      </c>
      <c r="W32" s="277">
        <v>36</v>
      </c>
      <c r="X32" s="282">
        <v>40</v>
      </c>
    </row>
    <row r="33" spans="2:24" ht="21" customHeight="1" x14ac:dyDescent="0.2">
      <c r="B33" s="256" t="s">
        <v>31</v>
      </c>
      <c r="C33" s="280">
        <v>0</v>
      </c>
      <c r="D33" s="280">
        <v>0</v>
      </c>
      <c r="E33" s="277">
        <v>0</v>
      </c>
      <c r="F33" s="279">
        <v>0</v>
      </c>
      <c r="G33" s="280">
        <v>242</v>
      </c>
      <c r="H33" s="280">
        <v>120</v>
      </c>
      <c r="I33" s="280">
        <v>89</v>
      </c>
      <c r="J33" s="280">
        <v>13</v>
      </c>
      <c r="K33" s="280">
        <v>4</v>
      </c>
      <c r="L33" s="277">
        <v>468</v>
      </c>
      <c r="M33" s="282">
        <v>468</v>
      </c>
      <c r="N33" s="280">
        <v>0</v>
      </c>
      <c r="O33" s="280">
        <v>0</v>
      </c>
      <c r="P33" s="277">
        <v>0</v>
      </c>
      <c r="Q33" s="279">
        <v>0</v>
      </c>
      <c r="R33" s="280">
        <v>0</v>
      </c>
      <c r="S33" s="280">
        <v>0</v>
      </c>
      <c r="T33" s="280">
        <v>18</v>
      </c>
      <c r="U33" s="280">
        <v>0</v>
      </c>
      <c r="V33" s="280">
        <v>18</v>
      </c>
      <c r="W33" s="277">
        <v>36</v>
      </c>
      <c r="X33" s="282">
        <v>36</v>
      </c>
    </row>
    <row r="34" spans="2:24" ht="21" customHeight="1" x14ac:dyDescent="0.2">
      <c r="B34" s="256" t="s">
        <v>32</v>
      </c>
      <c r="C34" s="280">
        <v>0</v>
      </c>
      <c r="D34" s="280">
        <v>0</v>
      </c>
      <c r="E34" s="277">
        <v>0</v>
      </c>
      <c r="F34" s="279">
        <v>0</v>
      </c>
      <c r="G34" s="280">
        <v>370</v>
      </c>
      <c r="H34" s="280">
        <v>273</v>
      </c>
      <c r="I34" s="280">
        <v>109</v>
      </c>
      <c r="J34" s="280">
        <v>5</v>
      </c>
      <c r="K34" s="280">
        <v>20</v>
      </c>
      <c r="L34" s="277">
        <v>777</v>
      </c>
      <c r="M34" s="282">
        <v>777</v>
      </c>
      <c r="N34" s="280">
        <v>0</v>
      </c>
      <c r="O34" s="280">
        <v>0</v>
      </c>
      <c r="P34" s="277">
        <v>0</v>
      </c>
      <c r="Q34" s="279">
        <v>0</v>
      </c>
      <c r="R34" s="280">
        <v>25</v>
      </c>
      <c r="S34" s="280">
        <v>7</v>
      </c>
      <c r="T34" s="280">
        <v>25</v>
      </c>
      <c r="U34" s="280">
        <v>2</v>
      </c>
      <c r="V34" s="280">
        <v>12</v>
      </c>
      <c r="W34" s="277">
        <v>71</v>
      </c>
      <c r="X34" s="282">
        <v>71</v>
      </c>
    </row>
    <row r="35" spans="2:24" ht="21" customHeight="1" x14ac:dyDescent="0.2">
      <c r="B35" s="256" t="s">
        <v>33</v>
      </c>
      <c r="C35" s="280">
        <v>0</v>
      </c>
      <c r="D35" s="280">
        <v>0</v>
      </c>
      <c r="E35" s="277">
        <v>0</v>
      </c>
      <c r="F35" s="279">
        <v>0</v>
      </c>
      <c r="G35" s="280">
        <v>202</v>
      </c>
      <c r="H35" s="280">
        <v>110</v>
      </c>
      <c r="I35" s="280">
        <v>55</v>
      </c>
      <c r="J35" s="280">
        <v>28</v>
      </c>
      <c r="K35" s="280">
        <v>20</v>
      </c>
      <c r="L35" s="277">
        <v>415</v>
      </c>
      <c r="M35" s="282">
        <v>415</v>
      </c>
      <c r="N35" s="280">
        <v>0</v>
      </c>
      <c r="O35" s="280">
        <v>0</v>
      </c>
      <c r="P35" s="277">
        <v>0</v>
      </c>
      <c r="Q35" s="279">
        <v>0</v>
      </c>
      <c r="R35" s="280">
        <v>0</v>
      </c>
      <c r="S35" s="280">
        <v>0</v>
      </c>
      <c r="T35" s="280">
        <v>40</v>
      </c>
      <c r="U35" s="280">
        <v>0</v>
      </c>
      <c r="V35" s="280">
        <v>0</v>
      </c>
      <c r="W35" s="277">
        <v>40</v>
      </c>
      <c r="X35" s="282">
        <v>40</v>
      </c>
    </row>
    <row r="36" spans="2:24" ht="21" customHeight="1" x14ac:dyDescent="0.2">
      <c r="B36" s="256" t="s">
        <v>34</v>
      </c>
      <c r="C36" s="280">
        <v>0</v>
      </c>
      <c r="D36" s="280">
        <v>0</v>
      </c>
      <c r="E36" s="277">
        <v>0</v>
      </c>
      <c r="F36" s="279">
        <v>0</v>
      </c>
      <c r="G36" s="280">
        <v>123</v>
      </c>
      <c r="H36" s="280">
        <v>47</v>
      </c>
      <c r="I36" s="280">
        <v>11</v>
      </c>
      <c r="J36" s="280">
        <v>7</v>
      </c>
      <c r="K36" s="280">
        <v>0</v>
      </c>
      <c r="L36" s="277">
        <v>188</v>
      </c>
      <c r="M36" s="282">
        <v>188</v>
      </c>
      <c r="N36" s="280">
        <v>0</v>
      </c>
      <c r="O36" s="280">
        <v>0</v>
      </c>
      <c r="P36" s="277">
        <v>0</v>
      </c>
      <c r="Q36" s="279">
        <v>0</v>
      </c>
      <c r="R36" s="280">
        <v>0</v>
      </c>
      <c r="S36" s="280">
        <v>0</v>
      </c>
      <c r="T36" s="280">
        <v>0</v>
      </c>
      <c r="U36" s="280">
        <v>7</v>
      </c>
      <c r="V36" s="280">
        <v>0</v>
      </c>
      <c r="W36" s="277">
        <v>7</v>
      </c>
      <c r="X36" s="282">
        <v>7</v>
      </c>
    </row>
    <row r="37" spans="2:24" ht="21" customHeight="1" x14ac:dyDescent="0.2">
      <c r="B37" s="256" t="s">
        <v>35</v>
      </c>
      <c r="C37" s="280">
        <v>0</v>
      </c>
      <c r="D37" s="280">
        <v>0</v>
      </c>
      <c r="E37" s="277">
        <v>0</v>
      </c>
      <c r="F37" s="279">
        <v>0</v>
      </c>
      <c r="G37" s="280">
        <v>231</v>
      </c>
      <c r="H37" s="280">
        <v>238</v>
      </c>
      <c r="I37" s="280">
        <v>221</v>
      </c>
      <c r="J37" s="280">
        <v>145</v>
      </c>
      <c r="K37" s="280">
        <v>24</v>
      </c>
      <c r="L37" s="277">
        <v>859</v>
      </c>
      <c r="M37" s="282">
        <v>859</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411</v>
      </c>
      <c r="H38" s="280">
        <v>472</v>
      </c>
      <c r="I38" s="280">
        <v>375</v>
      </c>
      <c r="J38" s="280">
        <v>189</v>
      </c>
      <c r="K38" s="280">
        <v>154</v>
      </c>
      <c r="L38" s="277">
        <v>1601</v>
      </c>
      <c r="M38" s="282">
        <v>1601</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121</v>
      </c>
      <c r="H39" s="287">
        <v>68</v>
      </c>
      <c r="I39" s="287">
        <v>98</v>
      </c>
      <c r="J39" s="287">
        <v>0</v>
      </c>
      <c r="K39" s="287">
        <v>20</v>
      </c>
      <c r="L39" s="284">
        <v>307</v>
      </c>
      <c r="M39" s="289">
        <v>307</v>
      </c>
      <c r="N39" s="287">
        <v>0</v>
      </c>
      <c r="O39" s="287">
        <v>0</v>
      </c>
      <c r="P39" s="284">
        <v>0</v>
      </c>
      <c r="Q39" s="286">
        <v>0</v>
      </c>
      <c r="R39" s="287">
        <v>4</v>
      </c>
      <c r="S39" s="287">
        <v>0</v>
      </c>
      <c r="T39" s="287">
        <v>0</v>
      </c>
      <c r="U39" s="287">
        <v>20</v>
      </c>
      <c r="V39" s="287">
        <v>15</v>
      </c>
      <c r="W39" s="284">
        <v>39</v>
      </c>
      <c r="X39" s="289">
        <v>39</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35">
        <f>第１表!F2</f>
        <v>4</v>
      </c>
      <c r="I1" s="535"/>
      <c r="J1" s="248">
        <f>第１表!G2</f>
        <v>12</v>
      </c>
      <c r="K1" s="539">
        <f>IF(J1&lt;3,J1+12-2,J1-2)</f>
        <v>10</v>
      </c>
      <c r="L1" s="539"/>
    </row>
    <row r="2" spans="2:24" ht="24" customHeight="1" thickBot="1" x14ac:dyDescent="0.25">
      <c r="B2" s="290" t="s">
        <v>135</v>
      </c>
    </row>
    <row r="3" spans="2:24" ht="21" customHeight="1" x14ac:dyDescent="0.2">
      <c r="B3" s="551"/>
      <c r="C3" s="547" t="s">
        <v>143</v>
      </c>
      <c r="D3" s="547"/>
      <c r="E3" s="547"/>
      <c r="F3" s="547"/>
      <c r="G3" s="547"/>
      <c r="H3" s="547"/>
      <c r="I3" s="547"/>
      <c r="J3" s="547"/>
      <c r="K3" s="547"/>
      <c r="L3" s="547"/>
      <c r="M3" s="577"/>
      <c r="N3" s="547" t="s">
        <v>113</v>
      </c>
      <c r="O3" s="547"/>
      <c r="P3" s="547"/>
      <c r="Q3" s="547"/>
      <c r="R3" s="547"/>
      <c r="S3" s="547"/>
      <c r="T3" s="547"/>
      <c r="U3" s="547"/>
      <c r="V3" s="547"/>
      <c r="W3" s="547"/>
      <c r="X3" s="577"/>
    </row>
    <row r="4" spans="2:24" ht="21" customHeight="1" x14ac:dyDescent="0.2">
      <c r="B4" s="575"/>
      <c r="C4" s="578" t="s">
        <v>61</v>
      </c>
      <c r="D4" s="578"/>
      <c r="E4" s="579"/>
      <c r="F4" s="580" t="s">
        <v>62</v>
      </c>
      <c r="G4" s="578"/>
      <c r="H4" s="578"/>
      <c r="I4" s="578"/>
      <c r="J4" s="578"/>
      <c r="K4" s="578"/>
      <c r="L4" s="581"/>
      <c r="M4" s="582" t="s">
        <v>52</v>
      </c>
      <c r="N4" s="578" t="s">
        <v>61</v>
      </c>
      <c r="O4" s="578"/>
      <c r="P4" s="579"/>
      <c r="Q4" s="580" t="s">
        <v>62</v>
      </c>
      <c r="R4" s="578"/>
      <c r="S4" s="578"/>
      <c r="T4" s="578"/>
      <c r="U4" s="578"/>
      <c r="V4" s="578"/>
      <c r="W4" s="581"/>
      <c r="X4" s="582" t="s">
        <v>52</v>
      </c>
    </row>
    <row r="5" spans="2:24" ht="30" customHeight="1" thickBot="1" x14ac:dyDescent="0.25">
      <c r="B5" s="576"/>
      <c r="C5" s="259" t="s">
        <v>43</v>
      </c>
      <c r="D5" s="259" t="s">
        <v>44</v>
      </c>
      <c r="E5" s="265" t="s">
        <v>45</v>
      </c>
      <c r="F5" s="267" t="s">
        <v>83</v>
      </c>
      <c r="G5" s="259" t="s">
        <v>47</v>
      </c>
      <c r="H5" s="259" t="s">
        <v>48</v>
      </c>
      <c r="I5" s="259" t="s">
        <v>49</v>
      </c>
      <c r="J5" s="259" t="s">
        <v>50</v>
      </c>
      <c r="K5" s="259" t="s">
        <v>51</v>
      </c>
      <c r="L5" s="265" t="s">
        <v>45</v>
      </c>
      <c r="M5" s="550"/>
      <c r="N5" s="259" t="s">
        <v>43</v>
      </c>
      <c r="O5" s="259" t="s">
        <v>44</v>
      </c>
      <c r="P5" s="265" t="s">
        <v>45</v>
      </c>
      <c r="Q5" s="267" t="s">
        <v>83</v>
      </c>
      <c r="R5" s="259" t="s">
        <v>47</v>
      </c>
      <c r="S5" s="259" t="s">
        <v>48</v>
      </c>
      <c r="T5" s="259" t="s">
        <v>49</v>
      </c>
      <c r="U5" s="259" t="s">
        <v>50</v>
      </c>
      <c r="V5" s="259" t="s">
        <v>51</v>
      </c>
      <c r="W5" s="265" t="s">
        <v>45</v>
      </c>
      <c r="X5" s="550"/>
    </row>
    <row r="6" spans="2:24" ht="21" customHeight="1" x14ac:dyDescent="0.2">
      <c r="B6" s="258" t="s">
        <v>4</v>
      </c>
      <c r="C6" s="273">
        <v>0</v>
      </c>
      <c r="D6" s="273">
        <v>0</v>
      </c>
      <c r="E6" s="270">
        <v>0</v>
      </c>
      <c r="F6" s="272">
        <v>0</v>
      </c>
      <c r="G6" s="273">
        <v>7328</v>
      </c>
      <c r="H6" s="273">
        <v>5639</v>
      </c>
      <c r="I6" s="273">
        <v>3526</v>
      </c>
      <c r="J6" s="273">
        <v>1590</v>
      </c>
      <c r="K6" s="273">
        <v>737</v>
      </c>
      <c r="L6" s="270">
        <v>18820</v>
      </c>
      <c r="M6" s="275">
        <v>18820</v>
      </c>
      <c r="N6" s="273">
        <v>4</v>
      </c>
      <c r="O6" s="273">
        <v>0</v>
      </c>
      <c r="P6" s="270">
        <v>4</v>
      </c>
      <c r="Q6" s="272">
        <v>0</v>
      </c>
      <c r="R6" s="273">
        <v>652</v>
      </c>
      <c r="S6" s="273">
        <v>806</v>
      </c>
      <c r="T6" s="273">
        <v>768</v>
      </c>
      <c r="U6" s="273">
        <v>336</v>
      </c>
      <c r="V6" s="273">
        <v>212</v>
      </c>
      <c r="W6" s="270">
        <v>2774</v>
      </c>
      <c r="X6" s="275">
        <v>2778</v>
      </c>
    </row>
    <row r="7" spans="2:24" ht="21" customHeight="1" x14ac:dyDescent="0.2">
      <c r="B7" s="256" t="s">
        <v>5</v>
      </c>
      <c r="C7" s="280">
        <v>0</v>
      </c>
      <c r="D7" s="280">
        <v>0</v>
      </c>
      <c r="E7" s="277">
        <v>0</v>
      </c>
      <c r="F7" s="279">
        <v>0</v>
      </c>
      <c r="G7" s="280">
        <v>2994</v>
      </c>
      <c r="H7" s="280">
        <v>2721</v>
      </c>
      <c r="I7" s="280">
        <v>1696</v>
      </c>
      <c r="J7" s="280">
        <v>822</v>
      </c>
      <c r="K7" s="280">
        <v>420</v>
      </c>
      <c r="L7" s="277">
        <v>8653</v>
      </c>
      <c r="M7" s="282">
        <v>8653</v>
      </c>
      <c r="N7" s="280">
        <v>0</v>
      </c>
      <c r="O7" s="280">
        <v>0</v>
      </c>
      <c r="P7" s="277">
        <v>0</v>
      </c>
      <c r="Q7" s="279">
        <v>0</v>
      </c>
      <c r="R7" s="280">
        <v>301</v>
      </c>
      <c r="S7" s="280">
        <v>441</v>
      </c>
      <c r="T7" s="280">
        <v>460</v>
      </c>
      <c r="U7" s="280">
        <v>204</v>
      </c>
      <c r="V7" s="280">
        <v>83</v>
      </c>
      <c r="W7" s="277">
        <v>1489</v>
      </c>
      <c r="X7" s="282">
        <v>1489</v>
      </c>
    </row>
    <row r="8" spans="2:24" ht="21" customHeight="1" x14ac:dyDescent="0.2">
      <c r="B8" s="256" t="s">
        <v>6</v>
      </c>
      <c r="C8" s="280">
        <v>0</v>
      </c>
      <c r="D8" s="280">
        <v>0</v>
      </c>
      <c r="E8" s="277">
        <v>0</v>
      </c>
      <c r="F8" s="279">
        <v>0</v>
      </c>
      <c r="G8" s="280">
        <v>786</v>
      </c>
      <c r="H8" s="280">
        <v>462</v>
      </c>
      <c r="I8" s="280">
        <v>319</v>
      </c>
      <c r="J8" s="280">
        <v>222</v>
      </c>
      <c r="K8" s="280">
        <v>66</v>
      </c>
      <c r="L8" s="277">
        <v>1855</v>
      </c>
      <c r="M8" s="282">
        <v>1855</v>
      </c>
      <c r="N8" s="280">
        <v>0</v>
      </c>
      <c r="O8" s="280">
        <v>0</v>
      </c>
      <c r="P8" s="277">
        <v>0</v>
      </c>
      <c r="Q8" s="279">
        <v>0</v>
      </c>
      <c r="R8" s="280">
        <v>150</v>
      </c>
      <c r="S8" s="280">
        <v>137</v>
      </c>
      <c r="T8" s="280">
        <v>99</v>
      </c>
      <c r="U8" s="280">
        <v>50</v>
      </c>
      <c r="V8" s="280">
        <v>91</v>
      </c>
      <c r="W8" s="277">
        <v>527</v>
      </c>
      <c r="X8" s="282">
        <v>527</v>
      </c>
    </row>
    <row r="9" spans="2:24" ht="21" customHeight="1" x14ac:dyDescent="0.2">
      <c r="B9" s="256" t="s">
        <v>14</v>
      </c>
      <c r="C9" s="280">
        <v>0</v>
      </c>
      <c r="D9" s="280">
        <v>0</v>
      </c>
      <c r="E9" s="277">
        <v>0</v>
      </c>
      <c r="F9" s="279">
        <v>0</v>
      </c>
      <c r="G9" s="280">
        <v>584</v>
      </c>
      <c r="H9" s="280">
        <v>559</v>
      </c>
      <c r="I9" s="280">
        <v>389</v>
      </c>
      <c r="J9" s="280">
        <v>102</v>
      </c>
      <c r="K9" s="280">
        <v>81</v>
      </c>
      <c r="L9" s="277">
        <v>1715</v>
      </c>
      <c r="M9" s="282">
        <v>1715</v>
      </c>
      <c r="N9" s="280">
        <v>0</v>
      </c>
      <c r="O9" s="280">
        <v>0</v>
      </c>
      <c r="P9" s="277">
        <v>0</v>
      </c>
      <c r="Q9" s="279">
        <v>0</v>
      </c>
      <c r="R9" s="280">
        <v>5</v>
      </c>
      <c r="S9" s="280">
        <v>33</v>
      </c>
      <c r="T9" s="280">
        <v>5</v>
      </c>
      <c r="U9" s="280">
        <v>9</v>
      </c>
      <c r="V9" s="280">
        <v>0</v>
      </c>
      <c r="W9" s="277">
        <v>52</v>
      </c>
      <c r="X9" s="282">
        <v>52</v>
      </c>
    </row>
    <row r="10" spans="2:24" ht="21" customHeight="1" x14ac:dyDescent="0.2">
      <c r="B10" s="256" t="s">
        <v>7</v>
      </c>
      <c r="C10" s="280">
        <v>0</v>
      </c>
      <c r="D10" s="280">
        <v>0</v>
      </c>
      <c r="E10" s="277">
        <v>0</v>
      </c>
      <c r="F10" s="279">
        <v>0</v>
      </c>
      <c r="G10" s="280">
        <v>695</v>
      </c>
      <c r="H10" s="280">
        <v>320</v>
      </c>
      <c r="I10" s="280">
        <v>207</v>
      </c>
      <c r="J10" s="280">
        <v>43</v>
      </c>
      <c r="K10" s="280">
        <v>44</v>
      </c>
      <c r="L10" s="277">
        <v>1309</v>
      </c>
      <c r="M10" s="282">
        <v>1309</v>
      </c>
      <c r="N10" s="280">
        <v>0</v>
      </c>
      <c r="O10" s="280">
        <v>0</v>
      </c>
      <c r="P10" s="277">
        <v>0</v>
      </c>
      <c r="Q10" s="279">
        <v>0</v>
      </c>
      <c r="R10" s="280">
        <v>86</v>
      </c>
      <c r="S10" s="280">
        <v>109</v>
      </c>
      <c r="T10" s="280">
        <v>70</v>
      </c>
      <c r="U10" s="280">
        <v>23</v>
      </c>
      <c r="V10" s="280">
        <v>12</v>
      </c>
      <c r="W10" s="277">
        <v>300</v>
      </c>
      <c r="X10" s="282">
        <v>300</v>
      </c>
    </row>
    <row r="11" spans="2:24" ht="21" customHeight="1" x14ac:dyDescent="0.2">
      <c r="B11" s="256" t="s">
        <v>8</v>
      </c>
      <c r="C11" s="280">
        <v>0</v>
      </c>
      <c r="D11" s="280">
        <v>0</v>
      </c>
      <c r="E11" s="277">
        <v>0</v>
      </c>
      <c r="F11" s="279">
        <v>0</v>
      </c>
      <c r="G11" s="280">
        <v>304</v>
      </c>
      <c r="H11" s="280">
        <v>195</v>
      </c>
      <c r="I11" s="280">
        <v>98</v>
      </c>
      <c r="J11" s="280">
        <v>29</v>
      </c>
      <c r="K11" s="280">
        <v>17</v>
      </c>
      <c r="L11" s="277">
        <v>643</v>
      </c>
      <c r="M11" s="282">
        <v>643</v>
      </c>
      <c r="N11" s="280">
        <v>0</v>
      </c>
      <c r="O11" s="280">
        <v>0</v>
      </c>
      <c r="P11" s="277">
        <v>0</v>
      </c>
      <c r="Q11" s="279">
        <v>0</v>
      </c>
      <c r="R11" s="280">
        <v>0</v>
      </c>
      <c r="S11" s="280">
        <v>0</v>
      </c>
      <c r="T11" s="280">
        <v>0</v>
      </c>
      <c r="U11" s="280">
        <v>0</v>
      </c>
      <c r="V11" s="280">
        <v>7</v>
      </c>
      <c r="W11" s="277">
        <v>7</v>
      </c>
      <c r="X11" s="282">
        <v>7</v>
      </c>
    </row>
    <row r="12" spans="2:24" ht="21" customHeight="1" x14ac:dyDescent="0.2">
      <c r="B12" s="256" t="s">
        <v>9</v>
      </c>
      <c r="C12" s="280">
        <v>0</v>
      </c>
      <c r="D12" s="280">
        <v>0</v>
      </c>
      <c r="E12" s="277">
        <v>0</v>
      </c>
      <c r="F12" s="279">
        <v>0</v>
      </c>
      <c r="G12" s="280">
        <v>310</v>
      </c>
      <c r="H12" s="280">
        <v>175</v>
      </c>
      <c r="I12" s="280">
        <v>157</v>
      </c>
      <c r="J12" s="280">
        <v>88</v>
      </c>
      <c r="K12" s="280">
        <v>27</v>
      </c>
      <c r="L12" s="277">
        <v>757</v>
      </c>
      <c r="M12" s="282">
        <v>757</v>
      </c>
      <c r="N12" s="280">
        <v>0</v>
      </c>
      <c r="O12" s="280">
        <v>0</v>
      </c>
      <c r="P12" s="277">
        <v>0</v>
      </c>
      <c r="Q12" s="279">
        <v>0</v>
      </c>
      <c r="R12" s="280">
        <v>0</v>
      </c>
      <c r="S12" s="280">
        <v>9</v>
      </c>
      <c r="T12" s="280">
        <v>8</v>
      </c>
      <c r="U12" s="280">
        <v>12</v>
      </c>
      <c r="V12" s="280">
        <v>0</v>
      </c>
      <c r="W12" s="277">
        <v>29</v>
      </c>
      <c r="X12" s="282">
        <v>29</v>
      </c>
    </row>
    <row r="13" spans="2:24" ht="21" customHeight="1" x14ac:dyDescent="0.2">
      <c r="B13" s="256" t="s">
        <v>10</v>
      </c>
      <c r="C13" s="280">
        <v>0</v>
      </c>
      <c r="D13" s="280">
        <v>0</v>
      </c>
      <c r="E13" s="277">
        <v>0</v>
      </c>
      <c r="F13" s="279">
        <v>0</v>
      </c>
      <c r="G13" s="280">
        <v>387</v>
      </c>
      <c r="H13" s="280">
        <v>194</v>
      </c>
      <c r="I13" s="280">
        <v>59</v>
      </c>
      <c r="J13" s="280">
        <v>34</v>
      </c>
      <c r="K13" s="280">
        <v>5</v>
      </c>
      <c r="L13" s="277">
        <v>679</v>
      </c>
      <c r="M13" s="282">
        <v>679</v>
      </c>
      <c r="N13" s="280">
        <v>0</v>
      </c>
      <c r="O13" s="280">
        <v>0</v>
      </c>
      <c r="P13" s="277">
        <v>0</v>
      </c>
      <c r="Q13" s="279">
        <v>0</v>
      </c>
      <c r="R13" s="280">
        <v>22</v>
      </c>
      <c r="S13" s="280">
        <v>22</v>
      </c>
      <c r="T13" s="280">
        <v>15</v>
      </c>
      <c r="U13" s="280">
        <v>0</v>
      </c>
      <c r="V13" s="280">
        <v>4</v>
      </c>
      <c r="W13" s="277">
        <v>63</v>
      </c>
      <c r="X13" s="282">
        <v>63</v>
      </c>
    </row>
    <row r="14" spans="2:24" ht="21" customHeight="1" x14ac:dyDescent="0.2">
      <c r="B14" s="256" t="s">
        <v>11</v>
      </c>
      <c r="C14" s="280">
        <v>0</v>
      </c>
      <c r="D14" s="280">
        <v>0</v>
      </c>
      <c r="E14" s="277">
        <v>0</v>
      </c>
      <c r="F14" s="279">
        <v>0</v>
      </c>
      <c r="G14" s="280">
        <v>166</v>
      </c>
      <c r="H14" s="280">
        <v>72</v>
      </c>
      <c r="I14" s="280">
        <v>117</v>
      </c>
      <c r="J14" s="280">
        <v>45</v>
      </c>
      <c r="K14" s="280">
        <v>22</v>
      </c>
      <c r="L14" s="277">
        <v>422</v>
      </c>
      <c r="M14" s="282">
        <v>422</v>
      </c>
      <c r="N14" s="280">
        <v>0</v>
      </c>
      <c r="O14" s="280">
        <v>0</v>
      </c>
      <c r="P14" s="277">
        <v>0</v>
      </c>
      <c r="Q14" s="279">
        <v>0</v>
      </c>
      <c r="R14" s="280">
        <v>13</v>
      </c>
      <c r="S14" s="280">
        <v>8</v>
      </c>
      <c r="T14" s="280">
        <v>19</v>
      </c>
      <c r="U14" s="280">
        <v>0</v>
      </c>
      <c r="V14" s="280">
        <v>0</v>
      </c>
      <c r="W14" s="277">
        <v>40</v>
      </c>
      <c r="X14" s="282">
        <v>40</v>
      </c>
    </row>
    <row r="15" spans="2:24" ht="21" customHeight="1" x14ac:dyDescent="0.2">
      <c r="B15" s="256" t="s">
        <v>12</v>
      </c>
      <c r="C15" s="280">
        <v>0</v>
      </c>
      <c r="D15" s="280">
        <v>0</v>
      </c>
      <c r="E15" s="277">
        <v>0</v>
      </c>
      <c r="F15" s="279">
        <v>0</v>
      </c>
      <c r="G15" s="280">
        <v>270</v>
      </c>
      <c r="H15" s="280">
        <v>147</v>
      </c>
      <c r="I15" s="280">
        <v>127</v>
      </c>
      <c r="J15" s="280">
        <v>15</v>
      </c>
      <c r="K15" s="280">
        <v>7</v>
      </c>
      <c r="L15" s="277">
        <v>566</v>
      </c>
      <c r="M15" s="282">
        <v>566</v>
      </c>
      <c r="N15" s="280">
        <v>0</v>
      </c>
      <c r="O15" s="280">
        <v>0</v>
      </c>
      <c r="P15" s="277">
        <v>0</v>
      </c>
      <c r="Q15" s="279">
        <v>0</v>
      </c>
      <c r="R15" s="280">
        <v>0</v>
      </c>
      <c r="S15" s="280">
        <v>0</v>
      </c>
      <c r="T15" s="280">
        <v>0</v>
      </c>
      <c r="U15" s="280">
        <v>0</v>
      </c>
      <c r="V15" s="280">
        <v>0</v>
      </c>
      <c r="W15" s="277">
        <v>0</v>
      </c>
      <c r="X15" s="282">
        <v>0</v>
      </c>
    </row>
    <row r="16" spans="2:24" ht="21" customHeight="1" x14ac:dyDescent="0.2">
      <c r="B16" s="256" t="s">
        <v>13</v>
      </c>
      <c r="C16" s="280">
        <v>0</v>
      </c>
      <c r="D16" s="280">
        <v>0</v>
      </c>
      <c r="E16" s="277">
        <v>0</v>
      </c>
      <c r="F16" s="279">
        <v>0</v>
      </c>
      <c r="G16" s="280">
        <v>62</v>
      </c>
      <c r="H16" s="280">
        <v>52</v>
      </c>
      <c r="I16" s="280">
        <v>23</v>
      </c>
      <c r="J16" s="280">
        <v>14</v>
      </c>
      <c r="K16" s="280">
        <v>13</v>
      </c>
      <c r="L16" s="277">
        <v>164</v>
      </c>
      <c r="M16" s="282">
        <v>164</v>
      </c>
      <c r="N16" s="280">
        <v>0</v>
      </c>
      <c r="O16" s="280">
        <v>0</v>
      </c>
      <c r="P16" s="277">
        <v>0</v>
      </c>
      <c r="Q16" s="279">
        <v>0</v>
      </c>
      <c r="R16" s="280">
        <v>0</v>
      </c>
      <c r="S16" s="280">
        <v>4</v>
      </c>
      <c r="T16" s="280">
        <v>13</v>
      </c>
      <c r="U16" s="280">
        <v>2</v>
      </c>
      <c r="V16" s="280">
        <v>4</v>
      </c>
      <c r="W16" s="277">
        <v>23</v>
      </c>
      <c r="X16" s="282">
        <v>23</v>
      </c>
    </row>
    <row r="17" spans="2:24" ht="21" customHeight="1" x14ac:dyDescent="0.2">
      <c r="B17" s="256" t="s">
        <v>15</v>
      </c>
      <c r="C17" s="280">
        <v>0</v>
      </c>
      <c r="D17" s="280">
        <v>0</v>
      </c>
      <c r="E17" s="277">
        <v>0</v>
      </c>
      <c r="F17" s="279">
        <v>0</v>
      </c>
      <c r="G17" s="280">
        <v>21</v>
      </c>
      <c r="H17" s="280">
        <v>70</v>
      </c>
      <c r="I17" s="280">
        <v>12</v>
      </c>
      <c r="J17" s="280">
        <v>8</v>
      </c>
      <c r="K17" s="280">
        <v>9</v>
      </c>
      <c r="L17" s="277">
        <v>120</v>
      </c>
      <c r="M17" s="282">
        <v>120</v>
      </c>
      <c r="N17" s="280">
        <v>0</v>
      </c>
      <c r="O17" s="280">
        <v>0</v>
      </c>
      <c r="P17" s="277">
        <v>0</v>
      </c>
      <c r="Q17" s="279">
        <v>0</v>
      </c>
      <c r="R17" s="280">
        <v>0</v>
      </c>
      <c r="S17" s="280">
        <v>7</v>
      </c>
      <c r="T17" s="280">
        <v>0</v>
      </c>
      <c r="U17" s="280">
        <v>0</v>
      </c>
      <c r="V17" s="280">
        <v>0</v>
      </c>
      <c r="W17" s="277">
        <v>7</v>
      </c>
      <c r="X17" s="282">
        <v>7</v>
      </c>
    </row>
    <row r="18" spans="2:24" ht="21" customHeight="1" x14ac:dyDescent="0.2">
      <c r="B18" s="256" t="s">
        <v>16</v>
      </c>
      <c r="C18" s="280">
        <v>0</v>
      </c>
      <c r="D18" s="280">
        <v>0</v>
      </c>
      <c r="E18" s="277">
        <v>0</v>
      </c>
      <c r="F18" s="279">
        <v>0</v>
      </c>
      <c r="G18" s="280">
        <v>70</v>
      </c>
      <c r="H18" s="280">
        <v>96</v>
      </c>
      <c r="I18" s="280">
        <v>48</v>
      </c>
      <c r="J18" s="280">
        <v>3</v>
      </c>
      <c r="K18" s="280">
        <v>0</v>
      </c>
      <c r="L18" s="277">
        <v>217</v>
      </c>
      <c r="M18" s="282">
        <v>217</v>
      </c>
      <c r="N18" s="280">
        <v>0</v>
      </c>
      <c r="O18" s="280">
        <v>0</v>
      </c>
      <c r="P18" s="277">
        <v>0</v>
      </c>
      <c r="Q18" s="279">
        <v>0</v>
      </c>
      <c r="R18" s="280">
        <v>0</v>
      </c>
      <c r="S18" s="280">
        <v>0</v>
      </c>
      <c r="T18" s="280">
        <v>9</v>
      </c>
      <c r="U18" s="280">
        <v>0</v>
      </c>
      <c r="V18" s="280">
        <v>0</v>
      </c>
      <c r="W18" s="277">
        <v>9</v>
      </c>
      <c r="X18" s="282">
        <v>9</v>
      </c>
    </row>
    <row r="19" spans="2:24" ht="21" customHeight="1" x14ac:dyDescent="0.2">
      <c r="B19" s="256" t="s">
        <v>17</v>
      </c>
      <c r="C19" s="280">
        <v>0</v>
      </c>
      <c r="D19" s="280">
        <v>0</v>
      </c>
      <c r="E19" s="277">
        <v>0</v>
      </c>
      <c r="F19" s="279">
        <v>0</v>
      </c>
      <c r="G19" s="280">
        <v>104</v>
      </c>
      <c r="H19" s="280">
        <v>123</v>
      </c>
      <c r="I19" s="280">
        <v>101</v>
      </c>
      <c r="J19" s="280">
        <v>23</v>
      </c>
      <c r="K19" s="280">
        <v>18</v>
      </c>
      <c r="L19" s="277">
        <v>369</v>
      </c>
      <c r="M19" s="282">
        <v>369</v>
      </c>
      <c r="N19" s="280">
        <v>0</v>
      </c>
      <c r="O19" s="280">
        <v>0</v>
      </c>
      <c r="P19" s="277">
        <v>0</v>
      </c>
      <c r="Q19" s="279">
        <v>0</v>
      </c>
      <c r="R19" s="280">
        <v>31</v>
      </c>
      <c r="S19" s="280">
        <v>0</v>
      </c>
      <c r="T19" s="280">
        <v>13</v>
      </c>
      <c r="U19" s="280">
        <v>0</v>
      </c>
      <c r="V19" s="280">
        <v>0</v>
      </c>
      <c r="W19" s="277">
        <v>44</v>
      </c>
      <c r="X19" s="282">
        <v>44</v>
      </c>
    </row>
    <row r="20" spans="2:24" ht="21" customHeight="1" x14ac:dyDescent="0.2">
      <c r="B20" s="256" t="s">
        <v>18</v>
      </c>
      <c r="C20" s="280">
        <v>0</v>
      </c>
      <c r="D20" s="280">
        <v>0</v>
      </c>
      <c r="E20" s="277">
        <v>0</v>
      </c>
      <c r="F20" s="279">
        <v>0</v>
      </c>
      <c r="G20" s="280">
        <v>136</v>
      </c>
      <c r="H20" s="280">
        <v>87</v>
      </c>
      <c r="I20" s="280">
        <v>44</v>
      </c>
      <c r="J20" s="280">
        <v>24</v>
      </c>
      <c r="K20" s="280">
        <v>0</v>
      </c>
      <c r="L20" s="277">
        <v>291</v>
      </c>
      <c r="M20" s="282">
        <v>291</v>
      </c>
      <c r="N20" s="280">
        <v>0</v>
      </c>
      <c r="O20" s="280">
        <v>0</v>
      </c>
      <c r="P20" s="277">
        <v>0</v>
      </c>
      <c r="Q20" s="279">
        <v>0</v>
      </c>
      <c r="R20" s="280">
        <v>16</v>
      </c>
      <c r="S20" s="280">
        <v>0</v>
      </c>
      <c r="T20" s="280">
        <v>14</v>
      </c>
      <c r="U20" s="280">
        <v>2</v>
      </c>
      <c r="V20" s="280">
        <v>8</v>
      </c>
      <c r="W20" s="277">
        <v>40</v>
      </c>
      <c r="X20" s="282">
        <v>40</v>
      </c>
    </row>
    <row r="21" spans="2:24" ht="21" customHeight="1" x14ac:dyDescent="0.2">
      <c r="B21" s="256" t="s">
        <v>19</v>
      </c>
      <c r="C21" s="280">
        <v>0</v>
      </c>
      <c r="D21" s="280">
        <v>0</v>
      </c>
      <c r="E21" s="277">
        <v>0</v>
      </c>
      <c r="F21" s="279">
        <v>0</v>
      </c>
      <c r="G21" s="280">
        <v>20</v>
      </c>
      <c r="H21" s="280">
        <v>62</v>
      </c>
      <c r="I21" s="280">
        <v>0</v>
      </c>
      <c r="J21" s="280">
        <v>9</v>
      </c>
      <c r="K21" s="280">
        <v>4</v>
      </c>
      <c r="L21" s="277">
        <v>95</v>
      </c>
      <c r="M21" s="282">
        <v>95</v>
      </c>
      <c r="N21" s="280">
        <v>0</v>
      </c>
      <c r="O21" s="280">
        <v>0</v>
      </c>
      <c r="P21" s="277">
        <v>0</v>
      </c>
      <c r="Q21" s="279">
        <v>0</v>
      </c>
      <c r="R21" s="280">
        <v>3</v>
      </c>
      <c r="S21" s="280">
        <v>29</v>
      </c>
      <c r="T21" s="280">
        <v>0</v>
      </c>
      <c r="U21" s="280">
        <v>0</v>
      </c>
      <c r="V21" s="280">
        <v>0</v>
      </c>
      <c r="W21" s="277">
        <v>32</v>
      </c>
      <c r="X21" s="282">
        <v>32</v>
      </c>
    </row>
    <row r="22" spans="2:24" ht="21" customHeight="1" x14ac:dyDescent="0.2">
      <c r="B22" s="256" t="s">
        <v>20</v>
      </c>
      <c r="C22" s="280">
        <v>0</v>
      </c>
      <c r="D22" s="280">
        <v>0</v>
      </c>
      <c r="E22" s="277">
        <v>0</v>
      </c>
      <c r="F22" s="279">
        <v>0</v>
      </c>
      <c r="G22" s="280">
        <v>94</v>
      </c>
      <c r="H22" s="280">
        <v>82</v>
      </c>
      <c r="I22" s="280">
        <v>43</v>
      </c>
      <c r="J22" s="280">
        <v>25</v>
      </c>
      <c r="K22" s="280">
        <v>0</v>
      </c>
      <c r="L22" s="277">
        <v>244</v>
      </c>
      <c r="M22" s="282">
        <v>244</v>
      </c>
      <c r="N22" s="280">
        <v>0</v>
      </c>
      <c r="O22" s="280">
        <v>0</v>
      </c>
      <c r="P22" s="277">
        <v>0</v>
      </c>
      <c r="Q22" s="279">
        <v>0</v>
      </c>
      <c r="R22" s="280">
        <v>0</v>
      </c>
      <c r="S22" s="280">
        <v>0</v>
      </c>
      <c r="T22" s="280">
        <v>4</v>
      </c>
      <c r="U22" s="280">
        <v>0</v>
      </c>
      <c r="V22" s="280">
        <v>0</v>
      </c>
      <c r="W22" s="277">
        <v>4</v>
      </c>
      <c r="X22" s="282">
        <v>4</v>
      </c>
    </row>
    <row r="23" spans="2:24" ht="21" customHeight="1" x14ac:dyDescent="0.2">
      <c r="B23" s="256" t="s">
        <v>21</v>
      </c>
      <c r="C23" s="280">
        <v>0</v>
      </c>
      <c r="D23" s="280">
        <v>0</v>
      </c>
      <c r="E23" s="277">
        <v>0</v>
      </c>
      <c r="F23" s="279">
        <v>0</v>
      </c>
      <c r="G23" s="280">
        <v>66</v>
      </c>
      <c r="H23" s="280">
        <v>84</v>
      </c>
      <c r="I23" s="280">
        <v>14</v>
      </c>
      <c r="J23" s="280">
        <v>19</v>
      </c>
      <c r="K23" s="280">
        <v>0</v>
      </c>
      <c r="L23" s="277">
        <v>183</v>
      </c>
      <c r="M23" s="282">
        <v>183</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33</v>
      </c>
      <c r="H24" s="280">
        <v>49</v>
      </c>
      <c r="I24" s="280">
        <v>4</v>
      </c>
      <c r="J24" s="280">
        <v>34</v>
      </c>
      <c r="K24" s="280">
        <v>0</v>
      </c>
      <c r="L24" s="277">
        <v>120</v>
      </c>
      <c r="M24" s="282">
        <v>120</v>
      </c>
      <c r="N24" s="280">
        <v>0</v>
      </c>
      <c r="O24" s="280">
        <v>0</v>
      </c>
      <c r="P24" s="277">
        <v>0</v>
      </c>
      <c r="Q24" s="279">
        <v>0</v>
      </c>
      <c r="R24" s="280">
        <v>0</v>
      </c>
      <c r="S24" s="280">
        <v>0</v>
      </c>
      <c r="T24" s="280">
        <v>8</v>
      </c>
      <c r="U24" s="280">
        <v>13</v>
      </c>
      <c r="V24" s="280">
        <v>0</v>
      </c>
      <c r="W24" s="277">
        <v>21</v>
      </c>
      <c r="X24" s="282">
        <v>21</v>
      </c>
    </row>
    <row r="25" spans="2:24" ht="21" customHeight="1" x14ac:dyDescent="0.2">
      <c r="B25" s="256" t="s">
        <v>23</v>
      </c>
      <c r="C25" s="280">
        <v>0</v>
      </c>
      <c r="D25" s="280">
        <v>0</v>
      </c>
      <c r="E25" s="277">
        <v>0</v>
      </c>
      <c r="F25" s="279">
        <v>0</v>
      </c>
      <c r="G25" s="280">
        <v>12</v>
      </c>
      <c r="H25" s="280">
        <v>18</v>
      </c>
      <c r="I25" s="280">
        <v>12</v>
      </c>
      <c r="J25" s="280">
        <v>29</v>
      </c>
      <c r="K25" s="280">
        <v>0</v>
      </c>
      <c r="L25" s="277">
        <v>71</v>
      </c>
      <c r="M25" s="282">
        <v>71</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16</v>
      </c>
      <c r="H26" s="280">
        <v>0</v>
      </c>
      <c r="I26" s="280">
        <v>29</v>
      </c>
      <c r="J26" s="280">
        <v>0</v>
      </c>
      <c r="K26" s="280">
        <v>0</v>
      </c>
      <c r="L26" s="277">
        <v>45</v>
      </c>
      <c r="M26" s="282">
        <v>45</v>
      </c>
      <c r="N26" s="280">
        <v>0</v>
      </c>
      <c r="O26" s="280">
        <v>0</v>
      </c>
      <c r="P26" s="277">
        <v>0</v>
      </c>
      <c r="Q26" s="279">
        <v>0</v>
      </c>
      <c r="R26" s="280">
        <v>0</v>
      </c>
      <c r="S26" s="280">
        <v>0</v>
      </c>
      <c r="T26" s="280">
        <v>13</v>
      </c>
      <c r="U26" s="280">
        <v>0</v>
      </c>
      <c r="V26" s="280">
        <v>0</v>
      </c>
      <c r="W26" s="277">
        <v>13</v>
      </c>
      <c r="X26" s="282">
        <v>13</v>
      </c>
    </row>
    <row r="27" spans="2:24" ht="21" customHeight="1" x14ac:dyDescent="0.2">
      <c r="B27" s="256" t="s">
        <v>25</v>
      </c>
      <c r="C27" s="280">
        <v>0</v>
      </c>
      <c r="D27" s="280">
        <v>0</v>
      </c>
      <c r="E27" s="277">
        <v>0</v>
      </c>
      <c r="F27" s="279">
        <v>0</v>
      </c>
      <c r="G27" s="280">
        <v>45</v>
      </c>
      <c r="H27" s="280">
        <v>7</v>
      </c>
      <c r="I27" s="280">
        <v>0</v>
      </c>
      <c r="J27" s="280">
        <v>0</v>
      </c>
      <c r="K27" s="280">
        <v>0</v>
      </c>
      <c r="L27" s="277">
        <v>52</v>
      </c>
      <c r="M27" s="282">
        <v>52</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23</v>
      </c>
      <c r="H28" s="280">
        <v>22</v>
      </c>
      <c r="I28" s="280">
        <v>9</v>
      </c>
      <c r="J28" s="280">
        <v>0</v>
      </c>
      <c r="K28" s="280">
        <v>0</v>
      </c>
      <c r="L28" s="277">
        <v>54</v>
      </c>
      <c r="M28" s="282">
        <v>54</v>
      </c>
      <c r="N28" s="280">
        <v>0</v>
      </c>
      <c r="O28" s="280">
        <v>0</v>
      </c>
      <c r="P28" s="277">
        <v>0</v>
      </c>
      <c r="Q28" s="279">
        <v>0</v>
      </c>
      <c r="R28" s="280">
        <v>0</v>
      </c>
      <c r="S28" s="280">
        <v>7</v>
      </c>
      <c r="T28" s="280">
        <v>0</v>
      </c>
      <c r="U28" s="280">
        <v>0</v>
      </c>
      <c r="V28" s="280">
        <v>0</v>
      </c>
      <c r="W28" s="277">
        <v>7</v>
      </c>
      <c r="X28" s="282">
        <v>7</v>
      </c>
    </row>
    <row r="29" spans="2:24" ht="21" customHeight="1" x14ac:dyDescent="0.2">
      <c r="B29" s="256" t="s">
        <v>27</v>
      </c>
      <c r="C29" s="280">
        <v>0</v>
      </c>
      <c r="D29" s="280">
        <v>0</v>
      </c>
      <c r="E29" s="277">
        <v>0</v>
      </c>
      <c r="F29" s="279">
        <v>0</v>
      </c>
      <c r="G29" s="280">
        <v>3</v>
      </c>
      <c r="H29" s="280">
        <v>0</v>
      </c>
      <c r="I29" s="280">
        <v>0</v>
      </c>
      <c r="J29" s="280">
        <v>0</v>
      </c>
      <c r="K29" s="280">
        <v>0</v>
      </c>
      <c r="L29" s="277">
        <v>3</v>
      </c>
      <c r="M29" s="282">
        <v>3</v>
      </c>
      <c r="N29" s="280">
        <v>0</v>
      </c>
      <c r="O29" s="280">
        <v>0</v>
      </c>
      <c r="P29" s="277">
        <v>0</v>
      </c>
      <c r="Q29" s="279">
        <v>0</v>
      </c>
      <c r="R29" s="280">
        <v>25</v>
      </c>
      <c r="S29" s="280">
        <v>0</v>
      </c>
      <c r="T29" s="280">
        <v>0</v>
      </c>
      <c r="U29" s="280">
        <v>19</v>
      </c>
      <c r="V29" s="280">
        <v>0</v>
      </c>
      <c r="W29" s="277">
        <v>44</v>
      </c>
      <c r="X29" s="282">
        <v>44</v>
      </c>
    </row>
    <row r="30" spans="2:24" ht="21" customHeight="1" x14ac:dyDescent="0.2">
      <c r="B30" s="256" t="s">
        <v>28</v>
      </c>
      <c r="C30" s="280">
        <v>0</v>
      </c>
      <c r="D30" s="280">
        <v>0</v>
      </c>
      <c r="E30" s="277">
        <v>0</v>
      </c>
      <c r="F30" s="279">
        <v>0</v>
      </c>
      <c r="G30" s="280">
        <v>30</v>
      </c>
      <c r="H30" s="280">
        <v>8</v>
      </c>
      <c r="I30" s="280">
        <v>0</v>
      </c>
      <c r="J30" s="280">
        <v>0</v>
      </c>
      <c r="K30" s="280">
        <v>0</v>
      </c>
      <c r="L30" s="277">
        <v>38</v>
      </c>
      <c r="M30" s="282">
        <v>38</v>
      </c>
      <c r="N30" s="280">
        <v>0</v>
      </c>
      <c r="O30" s="280">
        <v>0</v>
      </c>
      <c r="P30" s="277">
        <v>0</v>
      </c>
      <c r="Q30" s="279">
        <v>0</v>
      </c>
      <c r="R30" s="280">
        <v>0</v>
      </c>
      <c r="S30" s="280">
        <v>0</v>
      </c>
      <c r="T30" s="280">
        <v>0</v>
      </c>
      <c r="U30" s="280">
        <v>0</v>
      </c>
      <c r="V30" s="280">
        <v>3</v>
      </c>
      <c r="W30" s="277">
        <v>3</v>
      </c>
      <c r="X30" s="282">
        <v>3</v>
      </c>
    </row>
    <row r="31" spans="2:24" ht="21" customHeight="1" x14ac:dyDescent="0.2">
      <c r="B31" s="256" t="s">
        <v>29</v>
      </c>
      <c r="C31" s="280">
        <v>0</v>
      </c>
      <c r="D31" s="280">
        <v>0</v>
      </c>
      <c r="E31" s="277">
        <v>0</v>
      </c>
      <c r="F31" s="279">
        <v>0</v>
      </c>
      <c r="G31" s="280">
        <v>14</v>
      </c>
      <c r="H31" s="280">
        <v>0</v>
      </c>
      <c r="I31" s="280">
        <v>0</v>
      </c>
      <c r="J31" s="280">
        <v>0</v>
      </c>
      <c r="K31" s="280">
        <v>0</v>
      </c>
      <c r="L31" s="277">
        <v>14</v>
      </c>
      <c r="M31" s="282">
        <v>14</v>
      </c>
      <c r="N31" s="280">
        <v>0</v>
      </c>
      <c r="O31" s="280">
        <v>0</v>
      </c>
      <c r="P31" s="277">
        <v>0</v>
      </c>
      <c r="Q31" s="279">
        <v>0</v>
      </c>
      <c r="R31" s="280">
        <v>0</v>
      </c>
      <c r="S31" s="280">
        <v>0</v>
      </c>
      <c r="T31" s="280">
        <v>0</v>
      </c>
      <c r="U31" s="280">
        <v>0</v>
      </c>
      <c r="V31" s="280">
        <v>0</v>
      </c>
      <c r="W31" s="277">
        <v>0</v>
      </c>
      <c r="X31" s="282">
        <v>0</v>
      </c>
    </row>
    <row r="32" spans="2:24" ht="21" customHeight="1" x14ac:dyDescent="0.2">
      <c r="B32" s="256" t="s">
        <v>30</v>
      </c>
      <c r="C32" s="280">
        <v>0</v>
      </c>
      <c r="D32" s="280">
        <v>0</v>
      </c>
      <c r="E32" s="277">
        <v>0</v>
      </c>
      <c r="F32" s="279">
        <v>0</v>
      </c>
      <c r="G32" s="280">
        <v>6</v>
      </c>
      <c r="H32" s="280">
        <v>0</v>
      </c>
      <c r="I32" s="280">
        <v>18</v>
      </c>
      <c r="J32" s="280">
        <v>0</v>
      </c>
      <c r="K32" s="280">
        <v>0</v>
      </c>
      <c r="L32" s="277">
        <v>24</v>
      </c>
      <c r="M32" s="282">
        <v>24</v>
      </c>
      <c r="N32" s="280">
        <v>4</v>
      </c>
      <c r="O32" s="280">
        <v>0</v>
      </c>
      <c r="P32" s="277">
        <v>4</v>
      </c>
      <c r="Q32" s="279">
        <v>0</v>
      </c>
      <c r="R32" s="280">
        <v>0</v>
      </c>
      <c r="S32" s="280">
        <v>0</v>
      </c>
      <c r="T32" s="280">
        <v>0</v>
      </c>
      <c r="U32" s="280">
        <v>0</v>
      </c>
      <c r="V32" s="280">
        <v>0</v>
      </c>
      <c r="W32" s="277">
        <v>0</v>
      </c>
      <c r="X32" s="282">
        <v>4</v>
      </c>
    </row>
    <row r="33" spans="2:24" ht="21" customHeight="1" x14ac:dyDescent="0.2">
      <c r="B33" s="256" t="s">
        <v>31</v>
      </c>
      <c r="C33" s="280">
        <v>0</v>
      </c>
      <c r="D33" s="280">
        <v>0</v>
      </c>
      <c r="E33" s="277">
        <v>0</v>
      </c>
      <c r="F33" s="279">
        <v>0</v>
      </c>
      <c r="G33" s="280">
        <v>4</v>
      </c>
      <c r="H33" s="280">
        <v>7</v>
      </c>
      <c r="I33" s="280">
        <v>0</v>
      </c>
      <c r="J33" s="280">
        <v>2</v>
      </c>
      <c r="K33" s="280">
        <v>0</v>
      </c>
      <c r="L33" s="277">
        <v>13</v>
      </c>
      <c r="M33" s="282">
        <v>13</v>
      </c>
      <c r="N33" s="280">
        <v>0</v>
      </c>
      <c r="O33" s="280">
        <v>0</v>
      </c>
      <c r="P33" s="277">
        <v>0</v>
      </c>
      <c r="Q33" s="279">
        <v>0</v>
      </c>
      <c r="R33" s="280">
        <v>0</v>
      </c>
      <c r="S33" s="280">
        <v>0</v>
      </c>
      <c r="T33" s="280">
        <v>18</v>
      </c>
      <c r="U33" s="280">
        <v>0</v>
      </c>
      <c r="V33" s="280">
        <v>0</v>
      </c>
      <c r="W33" s="277">
        <v>18</v>
      </c>
      <c r="X33" s="282">
        <v>18</v>
      </c>
    </row>
    <row r="34" spans="2:24" ht="21" customHeight="1" x14ac:dyDescent="0.2">
      <c r="B34" s="256" t="s">
        <v>32</v>
      </c>
      <c r="C34" s="280">
        <v>0</v>
      </c>
      <c r="D34" s="280">
        <v>0</v>
      </c>
      <c r="E34" s="277">
        <v>0</v>
      </c>
      <c r="F34" s="279">
        <v>0</v>
      </c>
      <c r="G34" s="280">
        <v>15</v>
      </c>
      <c r="H34" s="280">
        <v>12</v>
      </c>
      <c r="I34" s="280">
        <v>0</v>
      </c>
      <c r="J34" s="280">
        <v>0</v>
      </c>
      <c r="K34" s="280">
        <v>4</v>
      </c>
      <c r="L34" s="277">
        <v>31</v>
      </c>
      <c r="M34" s="282">
        <v>31</v>
      </c>
      <c r="N34" s="280">
        <v>0</v>
      </c>
      <c r="O34" s="280">
        <v>0</v>
      </c>
      <c r="P34" s="277">
        <v>0</v>
      </c>
      <c r="Q34" s="279">
        <v>0</v>
      </c>
      <c r="R34" s="280">
        <v>0</v>
      </c>
      <c r="S34" s="280">
        <v>0</v>
      </c>
      <c r="T34" s="280">
        <v>0</v>
      </c>
      <c r="U34" s="280">
        <v>2</v>
      </c>
      <c r="V34" s="280">
        <v>0</v>
      </c>
      <c r="W34" s="277">
        <v>2</v>
      </c>
      <c r="X34" s="282">
        <v>2</v>
      </c>
    </row>
    <row r="35" spans="2:24" ht="21" customHeight="1" x14ac:dyDescent="0.2">
      <c r="B35" s="256" t="s">
        <v>33</v>
      </c>
      <c r="C35" s="280">
        <v>0</v>
      </c>
      <c r="D35" s="280">
        <v>0</v>
      </c>
      <c r="E35" s="277">
        <v>0</v>
      </c>
      <c r="F35" s="279">
        <v>0</v>
      </c>
      <c r="G35" s="280">
        <v>5</v>
      </c>
      <c r="H35" s="280">
        <v>0</v>
      </c>
      <c r="I35" s="280">
        <v>0</v>
      </c>
      <c r="J35" s="280">
        <v>0</v>
      </c>
      <c r="K35" s="280">
        <v>0</v>
      </c>
      <c r="L35" s="277">
        <v>5</v>
      </c>
      <c r="M35" s="282">
        <v>5</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21</v>
      </c>
      <c r="H36" s="280">
        <v>0</v>
      </c>
      <c r="I36" s="280">
        <v>0</v>
      </c>
      <c r="J36" s="280">
        <v>0</v>
      </c>
      <c r="K36" s="280">
        <v>0</v>
      </c>
      <c r="L36" s="277">
        <v>21</v>
      </c>
      <c r="M36" s="282">
        <v>21</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0</v>
      </c>
      <c r="H37" s="280">
        <v>0</v>
      </c>
      <c r="I37" s="280">
        <v>0</v>
      </c>
      <c r="J37" s="280">
        <v>0</v>
      </c>
      <c r="K37" s="280">
        <v>0</v>
      </c>
      <c r="L37" s="277">
        <v>0</v>
      </c>
      <c r="M37" s="282">
        <v>0</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32</v>
      </c>
      <c r="H38" s="280">
        <v>15</v>
      </c>
      <c r="I38" s="280">
        <v>0</v>
      </c>
      <c r="J38" s="280">
        <v>0</v>
      </c>
      <c r="K38" s="280">
        <v>0</v>
      </c>
      <c r="L38" s="277">
        <v>47</v>
      </c>
      <c r="M38" s="282">
        <v>47</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0</v>
      </c>
      <c r="L39" s="284">
        <v>0</v>
      </c>
      <c r="M39" s="289">
        <v>0</v>
      </c>
      <c r="N39" s="287">
        <v>0</v>
      </c>
      <c r="O39" s="287">
        <v>0</v>
      </c>
      <c r="P39" s="284">
        <v>0</v>
      </c>
      <c r="Q39" s="286">
        <v>0</v>
      </c>
      <c r="R39" s="287">
        <v>0</v>
      </c>
      <c r="S39" s="287">
        <v>0</v>
      </c>
      <c r="T39" s="287">
        <v>0</v>
      </c>
      <c r="U39" s="287">
        <v>0</v>
      </c>
      <c r="V39" s="287">
        <v>0</v>
      </c>
      <c r="W39" s="284">
        <v>0</v>
      </c>
      <c r="X39" s="289">
        <v>0</v>
      </c>
    </row>
  </sheetData>
  <mergeCells count="11">
    <mergeCell ref="N3:X3"/>
    <mergeCell ref="N4:P4"/>
    <mergeCell ref="Q4:W4"/>
    <mergeCell ref="X4:X5"/>
    <mergeCell ref="H1:I1"/>
    <mergeCell ref="K1:L1"/>
    <mergeCell ref="B3:B5"/>
    <mergeCell ref="C3:M3"/>
    <mergeCell ref="C4:E4"/>
    <mergeCell ref="F4:L4"/>
    <mergeCell ref="M4:M5"/>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X39"/>
  <sheetViews>
    <sheetView zoomScaleNormal="100" workbookViewId="0">
      <pane xSplit="2" ySplit="6" topLeftCell="C7" activePane="bottomRight" state="frozen"/>
      <selection pane="topRight" activeCell="B1" sqref="B1"/>
      <selection pane="bottomLeft" activeCell="A7" sqref="A7"/>
      <selection pane="bottomRight" activeCell="L11" sqref="L11"/>
    </sheetView>
  </sheetViews>
  <sheetFormatPr defaultColWidth="9" defaultRowHeight="13.2" x14ac:dyDescent="0.2"/>
  <cols>
    <col min="1" max="1" width="2.77734375" style="44" customWidth="1"/>
    <col min="2" max="4" width="9" style="255"/>
    <col min="5" max="5" width="10" style="255" customWidth="1"/>
    <col min="6" max="6" width="7.77734375" style="255" customWidth="1"/>
    <col min="7" max="7" width="10.77734375" style="255" customWidth="1"/>
    <col min="8" max="16" width="9" style="255"/>
    <col min="17" max="17" width="7.6640625" style="255" customWidth="1"/>
    <col min="18" max="16384" width="9" style="255"/>
  </cols>
  <sheetData>
    <row r="1" spans="2:24" ht="24" customHeight="1" x14ac:dyDescent="0.2">
      <c r="B1" s="290" t="s">
        <v>125</v>
      </c>
      <c r="H1" s="535">
        <f>第１表!F2</f>
        <v>4</v>
      </c>
      <c r="I1" s="535"/>
      <c r="J1" s="248">
        <f>第１表!G2</f>
        <v>12</v>
      </c>
      <c r="K1" s="539">
        <f>IF(J1&lt;3,J1+12-2,J1-2)</f>
        <v>10</v>
      </c>
      <c r="L1" s="539"/>
    </row>
    <row r="2" spans="2:24" ht="24" customHeight="1" thickBot="1" x14ac:dyDescent="0.25">
      <c r="B2" s="290" t="s">
        <v>155</v>
      </c>
    </row>
    <row r="3" spans="2:24" ht="21" customHeight="1" x14ac:dyDescent="0.2">
      <c r="B3" s="551"/>
      <c r="C3" s="547" t="s">
        <v>142</v>
      </c>
      <c r="D3" s="547"/>
      <c r="E3" s="547"/>
      <c r="F3" s="547"/>
      <c r="G3" s="547"/>
      <c r="H3" s="547"/>
      <c r="I3" s="547"/>
      <c r="J3" s="547"/>
      <c r="K3" s="547"/>
      <c r="L3" s="547"/>
      <c r="M3" s="577"/>
      <c r="N3" s="547" t="s">
        <v>113</v>
      </c>
      <c r="O3" s="547"/>
      <c r="P3" s="547"/>
      <c r="Q3" s="547"/>
      <c r="R3" s="547"/>
      <c r="S3" s="547"/>
      <c r="T3" s="547"/>
      <c r="U3" s="547"/>
      <c r="V3" s="547"/>
      <c r="W3" s="547"/>
      <c r="X3" s="577"/>
    </row>
    <row r="4" spans="2:24" ht="21" customHeight="1" x14ac:dyDescent="0.2">
      <c r="B4" s="575"/>
      <c r="C4" s="578" t="s">
        <v>61</v>
      </c>
      <c r="D4" s="578"/>
      <c r="E4" s="579"/>
      <c r="F4" s="580" t="s">
        <v>62</v>
      </c>
      <c r="G4" s="578"/>
      <c r="H4" s="578"/>
      <c r="I4" s="578"/>
      <c r="J4" s="578"/>
      <c r="K4" s="578"/>
      <c r="L4" s="581"/>
      <c r="M4" s="582" t="s">
        <v>52</v>
      </c>
      <c r="N4" s="578" t="s">
        <v>61</v>
      </c>
      <c r="O4" s="578"/>
      <c r="P4" s="579"/>
      <c r="Q4" s="580" t="s">
        <v>62</v>
      </c>
      <c r="R4" s="578"/>
      <c r="S4" s="578"/>
      <c r="T4" s="578"/>
      <c r="U4" s="578"/>
      <c r="V4" s="578"/>
      <c r="W4" s="581"/>
      <c r="X4" s="582" t="s">
        <v>52</v>
      </c>
    </row>
    <row r="5" spans="2:24" ht="30" customHeight="1" thickBot="1" x14ac:dyDescent="0.25">
      <c r="B5" s="576"/>
      <c r="C5" s="259" t="s">
        <v>43</v>
      </c>
      <c r="D5" s="259" t="s">
        <v>44</v>
      </c>
      <c r="E5" s="265" t="s">
        <v>45</v>
      </c>
      <c r="F5" s="267" t="s">
        <v>83</v>
      </c>
      <c r="G5" s="259" t="s">
        <v>47</v>
      </c>
      <c r="H5" s="259" t="s">
        <v>48</v>
      </c>
      <c r="I5" s="259" t="s">
        <v>49</v>
      </c>
      <c r="J5" s="259" t="s">
        <v>50</v>
      </c>
      <c r="K5" s="259" t="s">
        <v>51</v>
      </c>
      <c r="L5" s="265" t="s">
        <v>45</v>
      </c>
      <c r="M5" s="550"/>
      <c r="N5" s="259" t="s">
        <v>43</v>
      </c>
      <c r="O5" s="259" t="s">
        <v>44</v>
      </c>
      <c r="P5" s="265" t="s">
        <v>45</v>
      </c>
      <c r="Q5" s="267" t="s">
        <v>83</v>
      </c>
      <c r="R5" s="259" t="s">
        <v>47</v>
      </c>
      <c r="S5" s="259" t="s">
        <v>48</v>
      </c>
      <c r="T5" s="259" t="s">
        <v>49</v>
      </c>
      <c r="U5" s="259" t="s">
        <v>50</v>
      </c>
      <c r="V5" s="259" t="s">
        <v>51</v>
      </c>
      <c r="W5" s="265" t="s">
        <v>45</v>
      </c>
      <c r="X5" s="550"/>
    </row>
    <row r="6" spans="2:24" ht="21" customHeight="1" x14ac:dyDescent="0.2">
      <c r="B6" s="258" t="s">
        <v>4</v>
      </c>
      <c r="C6" s="273">
        <v>0</v>
      </c>
      <c r="D6" s="273">
        <v>0</v>
      </c>
      <c r="E6" s="270">
        <v>0</v>
      </c>
      <c r="F6" s="272">
        <v>0</v>
      </c>
      <c r="G6" s="273">
        <v>5395</v>
      </c>
      <c r="H6" s="273">
        <v>4613</v>
      </c>
      <c r="I6" s="273">
        <v>2776</v>
      </c>
      <c r="J6" s="273">
        <v>1413</v>
      </c>
      <c r="K6" s="273">
        <v>348</v>
      </c>
      <c r="L6" s="270">
        <v>14545</v>
      </c>
      <c r="M6" s="275">
        <v>14545</v>
      </c>
      <c r="N6" s="273">
        <v>9</v>
      </c>
      <c r="O6" s="273">
        <v>0</v>
      </c>
      <c r="P6" s="270">
        <v>9</v>
      </c>
      <c r="Q6" s="272">
        <v>0</v>
      </c>
      <c r="R6" s="273">
        <v>436</v>
      </c>
      <c r="S6" s="273">
        <v>677</v>
      </c>
      <c r="T6" s="273">
        <v>717</v>
      </c>
      <c r="U6" s="273">
        <v>316</v>
      </c>
      <c r="V6" s="273">
        <v>296</v>
      </c>
      <c r="W6" s="270">
        <v>2442</v>
      </c>
      <c r="X6" s="275">
        <v>2451</v>
      </c>
    </row>
    <row r="7" spans="2:24" ht="21" customHeight="1" x14ac:dyDescent="0.2">
      <c r="B7" s="256" t="s">
        <v>5</v>
      </c>
      <c r="C7" s="280">
        <v>0</v>
      </c>
      <c r="D7" s="280">
        <v>0</v>
      </c>
      <c r="E7" s="277">
        <v>0</v>
      </c>
      <c r="F7" s="279">
        <v>0</v>
      </c>
      <c r="G7" s="280">
        <v>1939</v>
      </c>
      <c r="H7" s="280">
        <v>2500</v>
      </c>
      <c r="I7" s="280">
        <v>1102</v>
      </c>
      <c r="J7" s="280">
        <v>767</v>
      </c>
      <c r="K7" s="280">
        <v>135</v>
      </c>
      <c r="L7" s="277">
        <v>6443</v>
      </c>
      <c r="M7" s="282">
        <v>6443</v>
      </c>
      <c r="N7" s="280">
        <v>9</v>
      </c>
      <c r="O7" s="280">
        <v>0</v>
      </c>
      <c r="P7" s="277">
        <v>9</v>
      </c>
      <c r="Q7" s="279">
        <v>0</v>
      </c>
      <c r="R7" s="280">
        <v>217</v>
      </c>
      <c r="S7" s="280">
        <v>354</v>
      </c>
      <c r="T7" s="280">
        <v>391</v>
      </c>
      <c r="U7" s="280">
        <v>167</v>
      </c>
      <c r="V7" s="280">
        <v>167</v>
      </c>
      <c r="W7" s="277">
        <v>1296</v>
      </c>
      <c r="X7" s="282">
        <v>1305</v>
      </c>
    </row>
    <row r="8" spans="2:24" ht="21" customHeight="1" x14ac:dyDescent="0.2">
      <c r="B8" s="256" t="s">
        <v>6</v>
      </c>
      <c r="C8" s="280">
        <v>0</v>
      </c>
      <c r="D8" s="280">
        <v>0</v>
      </c>
      <c r="E8" s="277">
        <v>0</v>
      </c>
      <c r="F8" s="279">
        <v>0</v>
      </c>
      <c r="G8" s="280">
        <v>924</v>
      </c>
      <c r="H8" s="280">
        <v>457</v>
      </c>
      <c r="I8" s="280">
        <v>460</v>
      </c>
      <c r="J8" s="280">
        <v>125</v>
      </c>
      <c r="K8" s="280">
        <v>68</v>
      </c>
      <c r="L8" s="277">
        <v>2034</v>
      </c>
      <c r="M8" s="282">
        <v>2034</v>
      </c>
      <c r="N8" s="280">
        <v>0</v>
      </c>
      <c r="O8" s="280">
        <v>0</v>
      </c>
      <c r="P8" s="277">
        <v>0</v>
      </c>
      <c r="Q8" s="279">
        <v>0</v>
      </c>
      <c r="R8" s="280">
        <v>127</v>
      </c>
      <c r="S8" s="280">
        <v>140</v>
      </c>
      <c r="T8" s="280">
        <v>181</v>
      </c>
      <c r="U8" s="280">
        <v>86</v>
      </c>
      <c r="V8" s="280">
        <v>45</v>
      </c>
      <c r="W8" s="277">
        <v>579</v>
      </c>
      <c r="X8" s="282">
        <v>579</v>
      </c>
    </row>
    <row r="9" spans="2:24" ht="21" customHeight="1" x14ac:dyDescent="0.2">
      <c r="B9" s="256" t="s">
        <v>14</v>
      </c>
      <c r="C9" s="280">
        <v>0</v>
      </c>
      <c r="D9" s="280">
        <v>0</v>
      </c>
      <c r="E9" s="277">
        <v>0</v>
      </c>
      <c r="F9" s="279">
        <v>0</v>
      </c>
      <c r="G9" s="280">
        <v>392</v>
      </c>
      <c r="H9" s="280">
        <v>365</v>
      </c>
      <c r="I9" s="280">
        <v>260</v>
      </c>
      <c r="J9" s="280">
        <v>41</v>
      </c>
      <c r="K9" s="280">
        <v>32</v>
      </c>
      <c r="L9" s="277">
        <v>1090</v>
      </c>
      <c r="M9" s="282">
        <v>1090</v>
      </c>
      <c r="N9" s="280">
        <v>0</v>
      </c>
      <c r="O9" s="280">
        <v>0</v>
      </c>
      <c r="P9" s="277">
        <v>0</v>
      </c>
      <c r="Q9" s="279">
        <v>0</v>
      </c>
      <c r="R9" s="280">
        <v>0</v>
      </c>
      <c r="S9" s="280">
        <v>13</v>
      </c>
      <c r="T9" s="280">
        <v>1</v>
      </c>
      <c r="U9" s="280">
        <v>3</v>
      </c>
      <c r="V9" s="280">
        <v>20</v>
      </c>
      <c r="W9" s="277">
        <v>37</v>
      </c>
      <c r="X9" s="282">
        <v>37</v>
      </c>
    </row>
    <row r="10" spans="2:24" ht="21" customHeight="1" x14ac:dyDescent="0.2">
      <c r="B10" s="256" t="s">
        <v>7</v>
      </c>
      <c r="C10" s="280">
        <v>0</v>
      </c>
      <c r="D10" s="280">
        <v>0</v>
      </c>
      <c r="E10" s="277">
        <v>0</v>
      </c>
      <c r="F10" s="279">
        <v>0</v>
      </c>
      <c r="G10" s="280">
        <v>201</v>
      </c>
      <c r="H10" s="280">
        <v>182</v>
      </c>
      <c r="I10" s="280">
        <v>103</v>
      </c>
      <c r="J10" s="280">
        <v>66</v>
      </c>
      <c r="K10" s="280">
        <v>8</v>
      </c>
      <c r="L10" s="277">
        <v>560</v>
      </c>
      <c r="M10" s="282">
        <v>560</v>
      </c>
      <c r="N10" s="280">
        <v>0</v>
      </c>
      <c r="O10" s="280">
        <v>0</v>
      </c>
      <c r="P10" s="277">
        <v>0</v>
      </c>
      <c r="Q10" s="279">
        <v>0</v>
      </c>
      <c r="R10" s="280">
        <v>13</v>
      </c>
      <c r="S10" s="280">
        <v>44</v>
      </c>
      <c r="T10" s="280">
        <v>52</v>
      </c>
      <c r="U10" s="280">
        <v>31</v>
      </c>
      <c r="V10" s="280">
        <v>9</v>
      </c>
      <c r="W10" s="277">
        <v>149</v>
      </c>
      <c r="X10" s="282">
        <v>149</v>
      </c>
    </row>
    <row r="11" spans="2:24" ht="21" customHeight="1" x14ac:dyDescent="0.2">
      <c r="B11" s="256" t="s">
        <v>8</v>
      </c>
      <c r="C11" s="280">
        <v>0</v>
      </c>
      <c r="D11" s="280">
        <v>0</v>
      </c>
      <c r="E11" s="277">
        <v>0</v>
      </c>
      <c r="F11" s="279">
        <v>0</v>
      </c>
      <c r="G11" s="280">
        <v>252</v>
      </c>
      <c r="H11" s="280">
        <v>138</v>
      </c>
      <c r="I11" s="280">
        <v>84</v>
      </c>
      <c r="J11" s="280">
        <v>30</v>
      </c>
      <c r="K11" s="280">
        <v>9</v>
      </c>
      <c r="L11" s="277">
        <v>513</v>
      </c>
      <c r="M11" s="282">
        <v>513</v>
      </c>
      <c r="N11" s="280">
        <v>0</v>
      </c>
      <c r="O11" s="280">
        <v>0</v>
      </c>
      <c r="P11" s="277">
        <v>0</v>
      </c>
      <c r="Q11" s="279">
        <v>0</v>
      </c>
      <c r="R11" s="280">
        <v>0</v>
      </c>
      <c r="S11" s="280">
        <v>11</v>
      </c>
      <c r="T11" s="280">
        <v>0</v>
      </c>
      <c r="U11" s="280">
        <v>0</v>
      </c>
      <c r="V11" s="280">
        <v>0</v>
      </c>
      <c r="W11" s="277">
        <v>11</v>
      </c>
      <c r="X11" s="282">
        <v>11</v>
      </c>
    </row>
    <row r="12" spans="2:24" ht="21" customHeight="1" x14ac:dyDescent="0.2">
      <c r="B12" s="256" t="s">
        <v>9</v>
      </c>
      <c r="C12" s="280">
        <v>0</v>
      </c>
      <c r="D12" s="280">
        <v>0</v>
      </c>
      <c r="E12" s="277">
        <v>0</v>
      </c>
      <c r="F12" s="279">
        <v>0</v>
      </c>
      <c r="G12" s="280">
        <v>314</v>
      </c>
      <c r="H12" s="280">
        <v>186</v>
      </c>
      <c r="I12" s="280">
        <v>177</v>
      </c>
      <c r="J12" s="280">
        <v>50</v>
      </c>
      <c r="K12" s="280">
        <v>33</v>
      </c>
      <c r="L12" s="277">
        <v>760</v>
      </c>
      <c r="M12" s="282">
        <v>760</v>
      </c>
      <c r="N12" s="280">
        <v>0</v>
      </c>
      <c r="O12" s="280">
        <v>0</v>
      </c>
      <c r="P12" s="277">
        <v>0</v>
      </c>
      <c r="Q12" s="279">
        <v>0</v>
      </c>
      <c r="R12" s="280">
        <v>8</v>
      </c>
      <c r="S12" s="280">
        <v>0</v>
      </c>
      <c r="T12" s="280">
        <v>17</v>
      </c>
      <c r="U12" s="280">
        <v>17</v>
      </c>
      <c r="V12" s="280">
        <v>9</v>
      </c>
      <c r="W12" s="277">
        <v>51</v>
      </c>
      <c r="X12" s="282">
        <v>51</v>
      </c>
    </row>
    <row r="13" spans="2:24" ht="21" customHeight="1" x14ac:dyDescent="0.2">
      <c r="B13" s="256" t="s">
        <v>10</v>
      </c>
      <c r="C13" s="280">
        <v>0</v>
      </c>
      <c r="D13" s="280">
        <v>0</v>
      </c>
      <c r="E13" s="277">
        <v>0</v>
      </c>
      <c r="F13" s="279">
        <v>0</v>
      </c>
      <c r="G13" s="280">
        <v>240</v>
      </c>
      <c r="H13" s="280">
        <v>117</v>
      </c>
      <c r="I13" s="280">
        <v>52</v>
      </c>
      <c r="J13" s="280">
        <v>8</v>
      </c>
      <c r="K13" s="280">
        <v>0</v>
      </c>
      <c r="L13" s="277">
        <v>417</v>
      </c>
      <c r="M13" s="282">
        <v>417</v>
      </c>
      <c r="N13" s="280">
        <v>0</v>
      </c>
      <c r="O13" s="280">
        <v>0</v>
      </c>
      <c r="P13" s="277">
        <v>0</v>
      </c>
      <c r="Q13" s="279">
        <v>0</v>
      </c>
      <c r="R13" s="280">
        <v>4</v>
      </c>
      <c r="S13" s="280">
        <v>40</v>
      </c>
      <c r="T13" s="280">
        <v>23</v>
      </c>
      <c r="U13" s="280">
        <v>0</v>
      </c>
      <c r="V13" s="280">
        <v>1</v>
      </c>
      <c r="W13" s="277">
        <v>68</v>
      </c>
      <c r="X13" s="282">
        <v>68</v>
      </c>
    </row>
    <row r="14" spans="2:24" ht="21" customHeight="1" x14ac:dyDescent="0.2">
      <c r="B14" s="256" t="s">
        <v>11</v>
      </c>
      <c r="C14" s="280">
        <v>0</v>
      </c>
      <c r="D14" s="280">
        <v>0</v>
      </c>
      <c r="E14" s="277">
        <v>0</v>
      </c>
      <c r="F14" s="279">
        <v>0</v>
      </c>
      <c r="G14" s="280">
        <v>149</v>
      </c>
      <c r="H14" s="280">
        <v>62</v>
      </c>
      <c r="I14" s="280">
        <v>59</v>
      </c>
      <c r="J14" s="280">
        <v>24</v>
      </c>
      <c r="K14" s="280">
        <v>9</v>
      </c>
      <c r="L14" s="277">
        <v>303</v>
      </c>
      <c r="M14" s="282">
        <v>303</v>
      </c>
      <c r="N14" s="280">
        <v>0</v>
      </c>
      <c r="O14" s="280">
        <v>0</v>
      </c>
      <c r="P14" s="277">
        <v>0</v>
      </c>
      <c r="Q14" s="279">
        <v>0</v>
      </c>
      <c r="R14" s="280">
        <v>0</v>
      </c>
      <c r="S14" s="280">
        <v>0</v>
      </c>
      <c r="T14" s="280">
        <v>13</v>
      </c>
      <c r="U14" s="280">
        <v>0</v>
      </c>
      <c r="V14" s="280">
        <v>0</v>
      </c>
      <c r="W14" s="277">
        <v>13</v>
      </c>
      <c r="X14" s="282">
        <v>13</v>
      </c>
    </row>
    <row r="15" spans="2:24" ht="21" customHeight="1" x14ac:dyDescent="0.2">
      <c r="B15" s="256" t="s">
        <v>12</v>
      </c>
      <c r="C15" s="280">
        <v>0</v>
      </c>
      <c r="D15" s="280">
        <v>0</v>
      </c>
      <c r="E15" s="277">
        <v>0</v>
      </c>
      <c r="F15" s="279">
        <v>0</v>
      </c>
      <c r="G15" s="280">
        <v>130</v>
      </c>
      <c r="H15" s="280">
        <v>104</v>
      </c>
      <c r="I15" s="280">
        <v>68</v>
      </c>
      <c r="J15" s="280">
        <v>45</v>
      </c>
      <c r="K15" s="280">
        <v>0</v>
      </c>
      <c r="L15" s="277">
        <v>347</v>
      </c>
      <c r="M15" s="282">
        <v>347</v>
      </c>
      <c r="N15" s="280">
        <v>0</v>
      </c>
      <c r="O15" s="280">
        <v>0</v>
      </c>
      <c r="P15" s="277">
        <v>0</v>
      </c>
      <c r="Q15" s="279">
        <v>0</v>
      </c>
      <c r="R15" s="280">
        <v>0</v>
      </c>
      <c r="S15" s="280">
        <v>4</v>
      </c>
      <c r="T15" s="280">
        <v>0</v>
      </c>
      <c r="U15" s="280">
        <v>0</v>
      </c>
      <c r="V15" s="280">
        <v>0</v>
      </c>
      <c r="W15" s="277">
        <v>4</v>
      </c>
      <c r="X15" s="282">
        <v>4</v>
      </c>
    </row>
    <row r="16" spans="2:24" ht="21" customHeight="1" x14ac:dyDescent="0.2">
      <c r="B16" s="256" t="s">
        <v>13</v>
      </c>
      <c r="C16" s="280">
        <v>0</v>
      </c>
      <c r="D16" s="280">
        <v>0</v>
      </c>
      <c r="E16" s="277">
        <v>0</v>
      </c>
      <c r="F16" s="279">
        <v>0</v>
      </c>
      <c r="G16" s="280">
        <v>74</v>
      </c>
      <c r="H16" s="280">
        <v>60</v>
      </c>
      <c r="I16" s="280">
        <v>45</v>
      </c>
      <c r="J16" s="280">
        <v>9</v>
      </c>
      <c r="K16" s="280">
        <v>0</v>
      </c>
      <c r="L16" s="277">
        <v>188</v>
      </c>
      <c r="M16" s="282">
        <v>188</v>
      </c>
      <c r="N16" s="280">
        <v>0</v>
      </c>
      <c r="O16" s="280">
        <v>0</v>
      </c>
      <c r="P16" s="277">
        <v>0</v>
      </c>
      <c r="Q16" s="279">
        <v>0</v>
      </c>
      <c r="R16" s="280">
        <v>0</v>
      </c>
      <c r="S16" s="280">
        <v>0</v>
      </c>
      <c r="T16" s="280">
        <v>0</v>
      </c>
      <c r="U16" s="280">
        <v>0</v>
      </c>
      <c r="V16" s="280">
        <v>0</v>
      </c>
      <c r="W16" s="277">
        <v>0</v>
      </c>
      <c r="X16" s="282">
        <v>0</v>
      </c>
    </row>
    <row r="17" spans="2:24" ht="21" customHeight="1" x14ac:dyDescent="0.2">
      <c r="B17" s="256" t="s">
        <v>15</v>
      </c>
      <c r="C17" s="280">
        <v>0</v>
      </c>
      <c r="D17" s="280">
        <v>0</v>
      </c>
      <c r="E17" s="277">
        <v>0</v>
      </c>
      <c r="F17" s="279">
        <v>0</v>
      </c>
      <c r="G17" s="280">
        <v>35</v>
      </c>
      <c r="H17" s="280">
        <v>55</v>
      </c>
      <c r="I17" s="280">
        <v>8</v>
      </c>
      <c r="J17" s="280">
        <v>0</v>
      </c>
      <c r="K17" s="280">
        <v>4</v>
      </c>
      <c r="L17" s="277">
        <v>102</v>
      </c>
      <c r="M17" s="282">
        <v>102</v>
      </c>
      <c r="N17" s="280">
        <v>0</v>
      </c>
      <c r="O17" s="280">
        <v>0</v>
      </c>
      <c r="P17" s="277">
        <v>0</v>
      </c>
      <c r="Q17" s="279">
        <v>0</v>
      </c>
      <c r="R17" s="280">
        <v>0</v>
      </c>
      <c r="S17" s="280">
        <v>0</v>
      </c>
      <c r="T17" s="280">
        <v>0</v>
      </c>
      <c r="U17" s="280">
        <v>0</v>
      </c>
      <c r="V17" s="280">
        <v>0</v>
      </c>
      <c r="W17" s="277">
        <v>0</v>
      </c>
      <c r="X17" s="282">
        <v>0</v>
      </c>
    </row>
    <row r="18" spans="2:24" ht="21" customHeight="1" x14ac:dyDescent="0.2">
      <c r="B18" s="256" t="s">
        <v>16</v>
      </c>
      <c r="C18" s="280">
        <v>0</v>
      </c>
      <c r="D18" s="280">
        <v>0</v>
      </c>
      <c r="E18" s="277">
        <v>0</v>
      </c>
      <c r="F18" s="279">
        <v>0</v>
      </c>
      <c r="G18" s="280">
        <v>65</v>
      </c>
      <c r="H18" s="280">
        <v>41</v>
      </c>
      <c r="I18" s="280">
        <v>46</v>
      </c>
      <c r="J18" s="280">
        <v>0</v>
      </c>
      <c r="K18" s="280">
        <v>6</v>
      </c>
      <c r="L18" s="277">
        <v>158</v>
      </c>
      <c r="M18" s="282">
        <v>158</v>
      </c>
      <c r="N18" s="280">
        <v>0</v>
      </c>
      <c r="O18" s="280">
        <v>0</v>
      </c>
      <c r="P18" s="277">
        <v>0</v>
      </c>
      <c r="Q18" s="279">
        <v>0</v>
      </c>
      <c r="R18" s="280">
        <v>13</v>
      </c>
      <c r="S18" s="280">
        <v>4</v>
      </c>
      <c r="T18" s="280">
        <v>1</v>
      </c>
      <c r="U18" s="280">
        <v>0</v>
      </c>
      <c r="V18" s="280">
        <v>0</v>
      </c>
      <c r="W18" s="277">
        <v>18</v>
      </c>
      <c r="X18" s="282">
        <v>18</v>
      </c>
    </row>
    <row r="19" spans="2:24" ht="21" customHeight="1" x14ac:dyDescent="0.2">
      <c r="B19" s="256" t="s">
        <v>17</v>
      </c>
      <c r="C19" s="280">
        <v>0</v>
      </c>
      <c r="D19" s="280">
        <v>0</v>
      </c>
      <c r="E19" s="277">
        <v>0</v>
      </c>
      <c r="F19" s="279">
        <v>0</v>
      </c>
      <c r="G19" s="280">
        <v>62</v>
      </c>
      <c r="H19" s="280">
        <v>106</v>
      </c>
      <c r="I19" s="280">
        <v>91</v>
      </c>
      <c r="J19" s="280">
        <v>152</v>
      </c>
      <c r="K19" s="280">
        <v>13</v>
      </c>
      <c r="L19" s="277">
        <v>424</v>
      </c>
      <c r="M19" s="282">
        <v>424</v>
      </c>
      <c r="N19" s="280">
        <v>0</v>
      </c>
      <c r="O19" s="280">
        <v>0</v>
      </c>
      <c r="P19" s="277">
        <v>0</v>
      </c>
      <c r="Q19" s="279">
        <v>0</v>
      </c>
      <c r="R19" s="280">
        <v>0</v>
      </c>
      <c r="S19" s="280">
        <v>0</v>
      </c>
      <c r="T19" s="280">
        <v>0</v>
      </c>
      <c r="U19" s="280">
        <v>0</v>
      </c>
      <c r="V19" s="280">
        <v>0</v>
      </c>
      <c r="W19" s="277">
        <v>0</v>
      </c>
      <c r="X19" s="282">
        <v>0</v>
      </c>
    </row>
    <row r="20" spans="2:24" ht="21" customHeight="1" x14ac:dyDescent="0.2">
      <c r="B20" s="256" t="s">
        <v>18</v>
      </c>
      <c r="C20" s="280">
        <v>0</v>
      </c>
      <c r="D20" s="280">
        <v>0</v>
      </c>
      <c r="E20" s="277">
        <v>0</v>
      </c>
      <c r="F20" s="279">
        <v>0</v>
      </c>
      <c r="G20" s="280">
        <v>185</v>
      </c>
      <c r="H20" s="280">
        <v>62</v>
      </c>
      <c r="I20" s="280">
        <v>107</v>
      </c>
      <c r="J20" s="280">
        <v>12</v>
      </c>
      <c r="K20" s="280">
        <v>0</v>
      </c>
      <c r="L20" s="277">
        <v>366</v>
      </c>
      <c r="M20" s="282">
        <v>366</v>
      </c>
      <c r="N20" s="280">
        <v>0</v>
      </c>
      <c r="O20" s="280">
        <v>0</v>
      </c>
      <c r="P20" s="277">
        <v>0</v>
      </c>
      <c r="Q20" s="279">
        <v>0</v>
      </c>
      <c r="R20" s="280">
        <v>12</v>
      </c>
      <c r="S20" s="280">
        <v>0</v>
      </c>
      <c r="T20" s="280">
        <v>13</v>
      </c>
      <c r="U20" s="280">
        <v>12</v>
      </c>
      <c r="V20" s="280">
        <v>0</v>
      </c>
      <c r="W20" s="277">
        <v>37</v>
      </c>
      <c r="X20" s="282">
        <v>37</v>
      </c>
    </row>
    <row r="21" spans="2:24" ht="21" customHeight="1" x14ac:dyDescent="0.2">
      <c r="B21" s="256" t="s">
        <v>19</v>
      </c>
      <c r="C21" s="280">
        <v>0</v>
      </c>
      <c r="D21" s="280">
        <v>0</v>
      </c>
      <c r="E21" s="277">
        <v>0</v>
      </c>
      <c r="F21" s="279">
        <v>0</v>
      </c>
      <c r="G21" s="280">
        <v>75</v>
      </c>
      <c r="H21" s="280">
        <v>33</v>
      </c>
      <c r="I21" s="280">
        <v>18</v>
      </c>
      <c r="J21" s="280">
        <v>26</v>
      </c>
      <c r="K21" s="280">
        <v>0</v>
      </c>
      <c r="L21" s="277">
        <v>152</v>
      </c>
      <c r="M21" s="282">
        <v>152</v>
      </c>
      <c r="N21" s="280">
        <v>0</v>
      </c>
      <c r="O21" s="280">
        <v>0</v>
      </c>
      <c r="P21" s="277">
        <v>0</v>
      </c>
      <c r="Q21" s="279">
        <v>0</v>
      </c>
      <c r="R21" s="280">
        <v>4</v>
      </c>
      <c r="S21" s="280">
        <v>49</v>
      </c>
      <c r="T21" s="280">
        <v>0</v>
      </c>
      <c r="U21" s="280">
        <v>0</v>
      </c>
      <c r="V21" s="280">
        <v>0</v>
      </c>
      <c r="W21" s="277">
        <v>53</v>
      </c>
      <c r="X21" s="282">
        <v>53</v>
      </c>
    </row>
    <row r="22" spans="2:24" ht="21" customHeight="1" x14ac:dyDescent="0.2">
      <c r="B22" s="256" t="s">
        <v>20</v>
      </c>
      <c r="C22" s="280">
        <v>0</v>
      </c>
      <c r="D22" s="280">
        <v>0</v>
      </c>
      <c r="E22" s="277">
        <v>0</v>
      </c>
      <c r="F22" s="279">
        <v>0</v>
      </c>
      <c r="G22" s="280">
        <v>46</v>
      </c>
      <c r="H22" s="280">
        <v>54</v>
      </c>
      <c r="I22" s="280">
        <v>7</v>
      </c>
      <c r="J22" s="280">
        <v>0</v>
      </c>
      <c r="K22" s="280">
        <v>1</v>
      </c>
      <c r="L22" s="277">
        <v>108</v>
      </c>
      <c r="M22" s="282">
        <v>108</v>
      </c>
      <c r="N22" s="280">
        <v>0</v>
      </c>
      <c r="O22" s="280">
        <v>0</v>
      </c>
      <c r="P22" s="277">
        <v>0</v>
      </c>
      <c r="Q22" s="279">
        <v>0</v>
      </c>
      <c r="R22" s="280">
        <v>25</v>
      </c>
      <c r="S22" s="280">
        <v>0</v>
      </c>
      <c r="T22" s="280">
        <v>0</v>
      </c>
      <c r="U22" s="280">
        <v>0</v>
      </c>
      <c r="V22" s="280">
        <v>26</v>
      </c>
      <c r="W22" s="277">
        <v>51</v>
      </c>
      <c r="X22" s="282">
        <v>51</v>
      </c>
    </row>
    <row r="23" spans="2:24" ht="21" customHeight="1" x14ac:dyDescent="0.2">
      <c r="B23" s="256" t="s">
        <v>21</v>
      </c>
      <c r="C23" s="280">
        <v>0</v>
      </c>
      <c r="D23" s="280">
        <v>0</v>
      </c>
      <c r="E23" s="277">
        <v>0</v>
      </c>
      <c r="F23" s="279">
        <v>0</v>
      </c>
      <c r="G23" s="280">
        <v>92</v>
      </c>
      <c r="H23" s="280">
        <v>27</v>
      </c>
      <c r="I23" s="280">
        <v>17</v>
      </c>
      <c r="J23" s="280">
        <v>9</v>
      </c>
      <c r="K23" s="280">
        <v>0</v>
      </c>
      <c r="L23" s="277">
        <v>145</v>
      </c>
      <c r="M23" s="282">
        <v>145</v>
      </c>
      <c r="N23" s="280">
        <v>0</v>
      </c>
      <c r="O23" s="280">
        <v>0</v>
      </c>
      <c r="P23" s="277">
        <v>0</v>
      </c>
      <c r="Q23" s="279">
        <v>0</v>
      </c>
      <c r="R23" s="280">
        <v>0</v>
      </c>
      <c r="S23" s="280">
        <v>0</v>
      </c>
      <c r="T23" s="280">
        <v>0</v>
      </c>
      <c r="U23" s="280">
        <v>0</v>
      </c>
      <c r="V23" s="280">
        <v>0</v>
      </c>
      <c r="W23" s="277">
        <v>0</v>
      </c>
      <c r="X23" s="282">
        <v>0</v>
      </c>
    </row>
    <row r="24" spans="2:24" ht="21" customHeight="1" x14ac:dyDescent="0.2">
      <c r="B24" s="256" t="s">
        <v>22</v>
      </c>
      <c r="C24" s="280">
        <v>0</v>
      </c>
      <c r="D24" s="280">
        <v>0</v>
      </c>
      <c r="E24" s="277">
        <v>0</v>
      </c>
      <c r="F24" s="279">
        <v>0</v>
      </c>
      <c r="G24" s="280">
        <v>63</v>
      </c>
      <c r="H24" s="280">
        <v>7</v>
      </c>
      <c r="I24" s="280">
        <v>0</v>
      </c>
      <c r="J24" s="280">
        <v>9</v>
      </c>
      <c r="K24" s="280">
        <v>0</v>
      </c>
      <c r="L24" s="277">
        <v>79</v>
      </c>
      <c r="M24" s="282">
        <v>79</v>
      </c>
      <c r="N24" s="280">
        <v>0</v>
      </c>
      <c r="O24" s="280">
        <v>0</v>
      </c>
      <c r="P24" s="277">
        <v>0</v>
      </c>
      <c r="Q24" s="279">
        <v>0</v>
      </c>
      <c r="R24" s="280">
        <v>0</v>
      </c>
      <c r="S24" s="280">
        <v>0</v>
      </c>
      <c r="T24" s="280">
        <v>9</v>
      </c>
      <c r="U24" s="280">
        <v>0</v>
      </c>
      <c r="V24" s="280">
        <v>0</v>
      </c>
      <c r="W24" s="277">
        <v>9</v>
      </c>
      <c r="X24" s="282">
        <v>9</v>
      </c>
    </row>
    <row r="25" spans="2:24" ht="21" customHeight="1" x14ac:dyDescent="0.2">
      <c r="B25" s="256" t="s">
        <v>23</v>
      </c>
      <c r="C25" s="280">
        <v>0</v>
      </c>
      <c r="D25" s="280">
        <v>0</v>
      </c>
      <c r="E25" s="277">
        <v>0</v>
      </c>
      <c r="F25" s="279">
        <v>0</v>
      </c>
      <c r="G25" s="280">
        <v>7</v>
      </c>
      <c r="H25" s="280">
        <v>14</v>
      </c>
      <c r="I25" s="280">
        <v>11</v>
      </c>
      <c r="J25" s="280">
        <v>0</v>
      </c>
      <c r="K25" s="280">
        <v>20</v>
      </c>
      <c r="L25" s="277">
        <v>52</v>
      </c>
      <c r="M25" s="282">
        <v>52</v>
      </c>
      <c r="N25" s="280">
        <v>0</v>
      </c>
      <c r="O25" s="280">
        <v>0</v>
      </c>
      <c r="P25" s="277">
        <v>0</v>
      </c>
      <c r="Q25" s="279">
        <v>0</v>
      </c>
      <c r="R25" s="280">
        <v>0</v>
      </c>
      <c r="S25" s="280">
        <v>0</v>
      </c>
      <c r="T25" s="280">
        <v>0</v>
      </c>
      <c r="U25" s="280">
        <v>0</v>
      </c>
      <c r="V25" s="280">
        <v>0</v>
      </c>
      <c r="W25" s="277">
        <v>0</v>
      </c>
      <c r="X25" s="282">
        <v>0</v>
      </c>
    </row>
    <row r="26" spans="2:24" ht="21" customHeight="1" x14ac:dyDescent="0.2">
      <c r="B26" s="256" t="s">
        <v>24</v>
      </c>
      <c r="C26" s="280">
        <v>0</v>
      </c>
      <c r="D26" s="280">
        <v>0</v>
      </c>
      <c r="E26" s="277">
        <v>0</v>
      </c>
      <c r="F26" s="279">
        <v>0</v>
      </c>
      <c r="G26" s="280">
        <v>0</v>
      </c>
      <c r="H26" s="280">
        <v>0</v>
      </c>
      <c r="I26" s="280">
        <v>7</v>
      </c>
      <c r="J26" s="280">
        <v>0</v>
      </c>
      <c r="K26" s="280">
        <v>0</v>
      </c>
      <c r="L26" s="277">
        <v>7</v>
      </c>
      <c r="M26" s="282">
        <v>7</v>
      </c>
      <c r="N26" s="280">
        <v>0</v>
      </c>
      <c r="O26" s="280">
        <v>0</v>
      </c>
      <c r="P26" s="277">
        <v>0</v>
      </c>
      <c r="Q26" s="279">
        <v>0</v>
      </c>
      <c r="R26" s="280">
        <v>0</v>
      </c>
      <c r="S26" s="280">
        <v>8</v>
      </c>
      <c r="T26" s="280">
        <v>0</v>
      </c>
      <c r="U26" s="280">
        <v>0</v>
      </c>
      <c r="V26" s="280">
        <v>19</v>
      </c>
      <c r="W26" s="277">
        <v>27</v>
      </c>
      <c r="X26" s="282">
        <v>27</v>
      </c>
    </row>
    <row r="27" spans="2:24" ht="21" customHeight="1" x14ac:dyDescent="0.2">
      <c r="B27" s="256" t="s">
        <v>25</v>
      </c>
      <c r="C27" s="280">
        <v>0</v>
      </c>
      <c r="D27" s="280">
        <v>0</v>
      </c>
      <c r="E27" s="277">
        <v>0</v>
      </c>
      <c r="F27" s="279">
        <v>0</v>
      </c>
      <c r="G27" s="280">
        <v>19</v>
      </c>
      <c r="H27" s="280">
        <v>4</v>
      </c>
      <c r="I27" s="280">
        <v>4</v>
      </c>
      <c r="J27" s="280">
        <v>0</v>
      </c>
      <c r="K27" s="280">
        <v>0</v>
      </c>
      <c r="L27" s="277">
        <v>27</v>
      </c>
      <c r="M27" s="282">
        <v>27</v>
      </c>
      <c r="N27" s="280">
        <v>0</v>
      </c>
      <c r="O27" s="280">
        <v>0</v>
      </c>
      <c r="P27" s="277">
        <v>0</v>
      </c>
      <c r="Q27" s="279">
        <v>0</v>
      </c>
      <c r="R27" s="280">
        <v>0</v>
      </c>
      <c r="S27" s="280">
        <v>0</v>
      </c>
      <c r="T27" s="280">
        <v>0</v>
      </c>
      <c r="U27" s="280">
        <v>0</v>
      </c>
      <c r="V27" s="280">
        <v>0</v>
      </c>
      <c r="W27" s="277">
        <v>0</v>
      </c>
      <c r="X27" s="282">
        <v>0</v>
      </c>
    </row>
    <row r="28" spans="2:24" ht="21" customHeight="1" x14ac:dyDescent="0.2">
      <c r="B28" s="256" t="s">
        <v>26</v>
      </c>
      <c r="C28" s="280">
        <v>0</v>
      </c>
      <c r="D28" s="280">
        <v>0</v>
      </c>
      <c r="E28" s="277">
        <v>0</v>
      </c>
      <c r="F28" s="279">
        <v>0</v>
      </c>
      <c r="G28" s="280">
        <v>34</v>
      </c>
      <c r="H28" s="280">
        <v>0</v>
      </c>
      <c r="I28" s="280">
        <v>24</v>
      </c>
      <c r="J28" s="280">
        <v>0</v>
      </c>
      <c r="K28" s="280">
        <v>0</v>
      </c>
      <c r="L28" s="277">
        <v>58</v>
      </c>
      <c r="M28" s="282">
        <v>58</v>
      </c>
      <c r="N28" s="280">
        <v>0</v>
      </c>
      <c r="O28" s="280">
        <v>0</v>
      </c>
      <c r="P28" s="277">
        <v>0</v>
      </c>
      <c r="Q28" s="279">
        <v>0</v>
      </c>
      <c r="R28" s="280">
        <v>0</v>
      </c>
      <c r="S28" s="280">
        <v>0</v>
      </c>
      <c r="T28" s="280">
        <v>0</v>
      </c>
      <c r="U28" s="280">
        <v>0</v>
      </c>
      <c r="V28" s="280">
        <v>0</v>
      </c>
      <c r="W28" s="277">
        <v>0</v>
      </c>
      <c r="X28" s="282">
        <v>0</v>
      </c>
    </row>
    <row r="29" spans="2:24" ht="21" customHeight="1" x14ac:dyDescent="0.2">
      <c r="B29" s="256" t="s">
        <v>27</v>
      </c>
      <c r="C29" s="280">
        <v>0</v>
      </c>
      <c r="D29" s="280">
        <v>0</v>
      </c>
      <c r="E29" s="277">
        <v>0</v>
      </c>
      <c r="F29" s="279">
        <v>0</v>
      </c>
      <c r="G29" s="280">
        <v>12</v>
      </c>
      <c r="H29" s="280">
        <v>4</v>
      </c>
      <c r="I29" s="280">
        <v>0</v>
      </c>
      <c r="J29" s="280">
        <v>0</v>
      </c>
      <c r="K29" s="280">
        <v>0</v>
      </c>
      <c r="L29" s="277">
        <v>16</v>
      </c>
      <c r="M29" s="282">
        <v>16</v>
      </c>
      <c r="N29" s="280">
        <v>0</v>
      </c>
      <c r="O29" s="280">
        <v>0</v>
      </c>
      <c r="P29" s="277">
        <v>0</v>
      </c>
      <c r="Q29" s="279">
        <v>0</v>
      </c>
      <c r="R29" s="280">
        <v>0</v>
      </c>
      <c r="S29" s="280">
        <v>5</v>
      </c>
      <c r="T29" s="280">
        <v>8</v>
      </c>
      <c r="U29" s="280">
        <v>0</v>
      </c>
      <c r="V29" s="280">
        <v>0</v>
      </c>
      <c r="W29" s="277">
        <v>13</v>
      </c>
      <c r="X29" s="282">
        <v>13</v>
      </c>
    </row>
    <row r="30" spans="2:24" ht="21" customHeight="1" x14ac:dyDescent="0.2">
      <c r="B30" s="256" t="s">
        <v>28</v>
      </c>
      <c r="C30" s="280">
        <v>0</v>
      </c>
      <c r="D30" s="280">
        <v>0</v>
      </c>
      <c r="E30" s="277">
        <v>0</v>
      </c>
      <c r="F30" s="279">
        <v>0</v>
      </c>
      <c r="G30" s="280">
        <v>40</v>
      </c>
      <c r="H30" s="280">
        <v>8</v>
      </c>
      <c r="I30" s="280">
        <v>0</v>
      </c>
      <c r="J30" s="280">
        <v>0</v>
      </c>
      <c r="K30" s="280">
        <v>0</v>
      </c>
      <c r="L30" s="277">
        <v>48</v>
      </c>
      <c r="M30" s="282">
        <v>48</v>
      </c>
      <c r="N30" s="280">
        <v>0</v>
      </c>
      <c r="O30" s="280">
        <v>0</v>
      </c>
      <c r="P30" s="277">
        <v>0</v>
      </c>
      <c r="Q30" s="279">
        <v>0</v>
      </c>
      <c r="R30" s="280">
        <v>0</v>
      </c>
      <c r="S30" s="280">
        <v>0</v>
      </c>
      <c r="T30" s="280">
        <v>0</v>
      </c>
      <c r="U30" s="280">
        <v>0</v>
      </c>
      <c r="V30" s="280">
        <v>0</v>
      </c>
      <c r="W30" s="277">
        <v>0</v>
      </c>
      <c r="X30" s="282">
        <v>0</v>
      </c>
    </row>
    <row r="31" spans="2:24" ht="21" customHeight="1" x14ac:dyDescent="0.2">
      <c r="B31" s="256" t="s">
        <v>29</v>
      </c>
      <c r="C31" s="280">
        <v>0</v>
      </c>
      <c r="D31" s="280">
        <v>0</v>
      </c>
      <c r="E31" s="277">
        <v>0</v>
      </c>
      <c r="F31" s="279">
        <v>0</v>
      </c>
      <c r="G31" s="280">
        <v>0</v>
      </c>
      <c r="H31" s="280">
        <v>4</v>
      </c>
      <c r="I31" s="280">
        <v>0</v>
      </c>
      <c r="J31" s="280">
        <v>0</v>
      </c>
      <c r="K31" s="280">
        <v>0</v>
      </c>
      <c r="L31" s="277">
        <v>4</v>
      </c>
      <c r="M31" s="282">
        <v>4</v>
      </c>
      <c r="N31" s="280">
        <v>0</v>
      </c>
      <c r="O31" s="280">
        <v>0</v>
      </c>
      <c r="P31" s="277">
        <v>0</v>
      </c>
      <c r="Q31" s="279">
        <v>0</v>
      </c>
      <c r="R31" s="280">
        <v>0</v>
      </c>
      <c r="S31" s="280">
        <v>0</v>
      </c>
      <c r="T31" s="280">
        <v>8</v>
      </c>
      <c r="U31" s="280">
        <v>0</v>
      </c>
      <c r="V31" s="280">
        <v>0</v>
      </c>
      <c r="W31" s="277">
        <v>8</v>
      </c>
      <c r="X31" s="282">
        <v>8</v>
      </c>
    </row>
    <row r="32" spans="2:24" ht="21" customHeight="1" x14ac:dyDescent="0.2">
      <c r="B32" s="256" t="s">
        <v>30</v>
      </c>
      <c r="C32" s="280">
        <v>0</v>
      </c>
      <c r="D32" s="280">
        <v>0</v>
      </c>
      <c r="E32" s="277">
        <v>0</v>
      </c>
      <c r="F32" s="279">
        <v>0</v>
      </c>
      <c r="G32" s="280">
        <v>13</v>
      </c>
      <c r="H32" s="280">
        <v>0</v>
      </c>
      <c r="I32" s="280">
        <v>0</v>
      </c>
      <c r="J32" s="280">
        <v>9</v>
      </c>
      <c r="K32" s="280">
        <v>0</v>
      </c>
      <c r="L32" s="277">
        <v>22</v>
      </c>
      <c r="M32" s="282">
        <v>22</v>
      </c>
      <c r="N32" s="280">
        <v>0</v>
      </c>
      <c r="O32" s="280">
        <v>0</v>
      </c>
      <c r="P32" s="277">
        <v>0</v>
      </c>
      <c r="Q32" s="279">
        <v>0</v>
      </c>
      <c r="R32" s="280">
        <v>0</v>
      </c>
      <c r="S32" s="280">
        <v>5</v>
      </c>
      <c r="T32" s="280">
        <v>0</v>
      </c>
      <c r="U32" s="280">
        <v>0</v>
      </c>
      <c r="V32" s="280">
        <v>0</v>
      </c>
      <c r="W32" s="277">
        <v>5</v>
      </c>
      <c r="X32" s="282">
        <v>5</v>
      </c>
    </row>
    <row r="33" spans="2:24" ht="21" customHeight="1" x14ac:dyDescent="0.2">
      <c r="B33" s="256" t="s">
        <v>31</v>
      </c>
      <c r="C33" s="280">
        <v>0</v>
      </c>
      <c r="D33" s="280">
        <v>0</v>
      </c>
      <c r="E33" s="277">
        <v>0</v>
      </c>
      <c r="F33" s="279">
        <v>0</v>
      </c>
      <c r="G33" s="280">
        <v>8</v>
      </c>
      <c r="H33" s="280">
        <v>2</v>
      </c>
      <c r="I33" s="280">
        <v>8</v>
      </c>
      <c r="J33" s="280">
        <v>0</v>
      </c>
      <c r="K33" s="280">
        <v>0</v>
      </c>
      <c r="L33" s="277">
        <v>18</v>
      </c>
      <c r="M33" s="282">
        <v>18</v>
      </c>
      <c r="N33" s="280">
        <v>0</v>
      </c>
      <c r="O33" s="280">
        <v>0</v>
      </c>
      <c r="P33" s="277">
        <v>0</v>
      </c>
      <c r="Q33" s="279">
        <v>0</v>
      </c>
      <c r="R33" s="280">
        <v>0</v>
      </c>
      <c r="S33" s="280">
        <v>0</v>
      </c>
      <c r="T33" s="280">
        <v>0</v>
      </c>
      <c r="U33" s="280">
        <v>0</v>
      </c>
      <c r="V33" s="280">
        <v>0</v>
      </c>
      <c r="W33" s="277">
        <v>0</v>
      </c>
      <c r="X33" s="282">
        <v>0</v>
      </c>
    </row>
    <row r="34" spans="2:24" ht="21" customHeight="1" x14ac:dyDescent="0.2">
      <c r="B34" s="256" t="s">
        <v>32</v>
      </c>
      <c r="C34" s="280">
        <v>0</v>
      </c>
      <c r="D34" s="280">
        <v>0</v>
      </c>
      <c r="E34" s="277">
        <v>0</v>
      </c>
      <c r="F34" s="279">
        <v>0</v>
      </c>
      <c r="G34" s="280">
        <v>0</v>
      </c>
      <c r="H34" s="280">
        <v>6</v>
      </c>
      <c r="I34" s="280">
        <v>8</v>
      </c>
      <c r="J34" s="280">
        <v>5</v>
      </c>
      <c r="K34" s="280">
        <v>0</v>
      </c>
      <c r="L34" s="277">
        <v>19</v>
      </c>
      <c r="M34" s="282">
        <v>19</v>
      </c>
      <c r="N34" s="280">
        <v>0</v>
      </c>
      <c r="O34" s="280">
        <v>0</v>
      </c>
      <c r="P34" s="277">
        <v>0</v>
      </c>
      <c r="Q34" s="279">
        <v>0</v>
      </c>
      <c r="R34" s="280">
        <v>13</v>
      </c>
      <c r="S34" s="280">
        <v>0</v>
      </c>
      <c r="T34" s="280">
        <v>0</v>
      </c>
      <c r="U34" s="280">
        <v>0</v>
      </c>
      <c r="V34" s="280">
        <v>0</v>
      </c>
      <c r="W34" s="277">
        <v>13</v>
      </c>
      <c r="X34" s="282">
        <v>13</v>
      </c>
    </row>
    <row r="35" spans="2:24" ht="21" customHeight="1" x14ac:dyDescent="0.2">
      <c r="B35" s="256" t="s">
        <v>33</v>
      </c>
      <c r="C35" s="280">
        <v>0</v>
      </c>
      <c r="D35" s="280">
        <v>0</v>
      </c>
      <c r="E35" s="277">
        <v>0</v>
      </c>
      <c r="F35" s="279">
        <v>0</v>
      </c>
      <c r="G35" s="280">
        <v>8</v>
      </c>
      <c r="H35" s="280">
        <v>0</v>
      </c>
      <c r="I35" s="280">
        <v>10</v>
      </c>
      <c r="J35" s="280">
        <v>0</v>
      </c>
      <c r="K35" s="280">
        <v>0</v>
      </c>
      <c r="L35" s="277">
        <v>18</v>
      </c>
      <c r="M35" s="282">
        <v>18</v>
      </c>
      <c r="N35" s="280">
        <v>0</v>
      </c>
      <c r="O35" s="280">
        <v>0</v>
      </c>
      <c r="P35" s="277">
        <v>0</v>
      </c>
      <c r="Q35" s="279">
        <v>0</v>
      </c>
      <c r="R35" s="280">
        <v>0</v>
      </c>
      <c r="S35" s="280">
        <v>0</v>
      </c>
      <c r="T35" s="280">
        <v>0</v>
      </c>
      <c r="U35" s="280">
        <v>0</v>
      </c>
      <c r="V35" s="280">
        <v>0</v>
      </c>
      <c r="W35" s="277">
        <v>0</v>
      </c>
      <c r="X35" s="282">
        <v>0</v>
      </c>
    </row>
    <row r="36" spans="2:24" ht="21" customHeight="1" x14ac:dyDescent="0.2">
      <c r="B36" s="256" t="s">
        <v>34</v>
      </c>
      <c r="C36" s="280">
        <v>0</v>
      </c>
      <c r="D36" s="280">
        <v>0</v>
      </c>
      <c r="E36" s="277">
        <v>0</v>
      </c>
      <c r="F36" s="279">
        <v>0</v>
      </c>
      <c r="G36" s="280">
        <v>0</v>
      </c>
      <c r="H36" s="280">
        <v>0</v>
      </c>
      <c r="I36" s="280">
        <v>0</v>
      </c>
      <c r="J36" s="280">
        <v>0</v>
      </c>
      <c r="K36" s="280">
        <v>0</v>
      </c>
      <c r="L36" s="277">
        <v>0</v>
      </c>
      <c r="M36" s="282">
        <v>0</v>
      </c>
      <c r="N36" s="280">
        <v>0</v>
      </c>
      <c r="O36" s="280">
        <v>0</v>
      </c>
      <c r="P36" s="277">
        <v>0</v>
      </c>
      <c r="Q36" s="279">
        <v>0</v>
      </c>
      <c r="R36" s="280">
        <v>0</v>
      </c>
      <c r="S36" s="280">
        <v>0</v>
      </c>
      <c r="T36" s="280">
        <v>0</v>
      </c>
      <c r="U36" s="280">
        <v>0</v>
      </c>
      <c r="V36" s="280">
        <v>0</v>
      </c>
      <c r="W36" s="277">
        <v>0</v>
      </c>
      <c r="X36" s="282">
        <v>0</v>
      </c>
    </row>
    <row r="37" spans="2:24" ht="21" customHeight="1" x14ac:dyDescent="0.2">
      <c r="B37" s="256" t="s">
        <v>35</v>
      </c>
      <c r="C37" s="280">
        <v>0</v>
      </c>
      <c r="D37" s="280">
        <v>0</v>
      </c>
      <c r="E37" s="277">
        <v>0</v>
      </c>
      <c r="F37" s="279">
        <v>0</v>
      </c>
      <c r="G37" s="280">
        <v>8</v>
      </c>
      <c r="H37" s="280">
        <v>14</v>
      </c>
      <c r="I37" s="280">
        <v>0</v>
      </c>
      <c r="J37" s="280">
        <v>0</v>
      </c>
      <c r="K37" s="280">
        <v>0</v>
      </c>
      <c r="L37" s="277">
        <v>22</v>
      </c>
      <c r="M37" s="282">
        <v>22</v>
      </c>
      <c r="N37" s="280">
        <v>0</v>
      </c>
      <c r="O37" s="280">
        <v>0</v>
      </c>
      <c r="P37" s="277">
        <v>0</v>
      </c>
      <c r="Q37" s="279">
        <v>0</v>
      </c>
      <c r="R37" s="280">
        <v>0</v>
      </c>
      <c r="S37" s="280">
        <v>0</v>
      </c>
      <c r="T37" s="280">
        <v>0</v>
      </c>
      <c r="U37" s="280">
        <v>0</v>
      </c>
      <c r="V37" s="280">
        <v>0</v>
      </c>
      <c r="W37" s="277">
        <v>0</v>
      </c>
      <c r="X37" s="282">
        <v>0</v>
      </c>
    </row>
    <row r="38" spans="2:24" ht="21" customHeight="1" x14ac:dyDescent="0.2">
      <c r="B38" s="256" t="s">
        <v>36</v>
      </c>
      <c r="C38" s="280">
        <v>0</v>
      </c>
      <c r="D38" s="280">
        <v>0</v>
      </c>
      <c r="E38" s="277">
        <v>0</v>
      </c>
      <c r="F38" s="279">
        <v>0</v>
      </c>
      <c r="G38" s="280">
        <v>8</v>
      </c>
      <c r="H38" s="280">
        <v>1</v>
      </c>
      <c r="I38" s="280">
        <v>0</v>
      </c>
      <c r="J38" s="280">
        <v>26</v>
      </c>
      <c r="K38" s="280">
        <v>0</v>
      </c>
      <c r="L38" s="277">
        <v>35</v>
      </c>
      <c r="M38" s="282">
        <v>35</v>
      </c>
      <c r="N38" s="280">
        <v>0</v>
      </c>
      <c r="O38" s="280">
        <v>0</v>
      </c>
      <c r="P38" s="277">
        <v>0</v>
      </c>
      <c r="Q38" s="279">
        <v>0</v>
      </c>
      <c r="R38" s="280">
        <v>0</v>
      </c>
      <c r="S38" s="280">
        <v>0</v>
      </c>
      <c r="T38" s="280">
        <v>0</v>
      </c>
      <c r="U38" s="280">
        <v>0</v>
      </c>
      <c r="V38" s="280">
        <v>0</v>
      </c>
      <c r="W38" s="277">
        <v>0</v>
      </c>
      <c r="X38" s="282">
        <v>0</v>
      </c>
    </row>
    <row r="39" spans="2:24" ht="21" customHeight="1" thickBot="1" x14ac:dyDescent="0.25">
      <c r="B39" s="257" t="s">
        <v>37</v>
      </c>
      <c r="C39" s="287">
        <v>0</v>
      </c>
      <c r="D39" s="287">
        <v>0</v>
      </c>
      <c r="E39" s="284">
        <v>0</v>
      </c>
      <c r="F39" s="286">
        <v>0</v>
      </c>
      <c r="G39" s="287">
        <v>0</v>
      </c>
      <c r="H39" s="287">
        <v>0</v>
      </c>
      <c r="I39" s="287">
        <v>0</v>
      </c>
      <c r="J39" s="287">
        <v>0</v>
      </c>
      <c r="K39" s="287">
        <v>10</v>
      </c>
      <c r="L39" s="284">
        <v>10</v>
      </c>
      <c r="M39" s="289">
        <v>10</v>
      </c>
      <c r="N39" s="287">
        <v>0</v>
      </c>
      <c r="O39" s="287">
        <v>0</v>
      </c>
      <c r="P39" s="284">
        <v>0</v>
      </c>
      <c r="Q39" s="286">
        <v>0</v>
      </c>
      <c r="R39" s="287">
        <v>0</v>
      </c>
      <c r="S39" s="287">
        <v>0</v>
      </c>
      <c r="T39" s="287">
        <v>0</v>
      </c>
      <c r="U39" s="287">
        <v>0</v>
      </c>
      <c r="V39" s="287">
        <v>0</v>
      </c>
      <c r="W39" s="284">
        <v>0</v>
      </c>
      <c r="X39" s="289">
        <v>0</v>
      </c>
    </row>
  </sheetData>
  <mergeCells count="11">
    <mergeCell ref="X4:X5"/>
    <mergeCell ref="H1:I1"/>
    <mergeCell ref="K1:L1"/>
    <mergeCell ref="B3:B5"/>
    <mergeCell ref="C3:M3"/>
    <mergeCell ref="N3:X3"/>
    <mergeCell ref="C4:E4"/>
    <mergeCell ref="F4:L4"/>
    <mergeCell ref="M4:M5"/>
    <mergeCell ref="N4:P4"/>
    <mergeCell ref="Q4:W4"/>
  </mergeCells>
  <phoneticPr fontId="4"/>
  <pageMargins left="0.70866141732283472" right="0.70866141732283472" top="0.74803149606299213" bottom="0.74803149606299213" header="0.31496062992125984" footer="0.31496062992125984"/>
  <pageSetup paperSize="9" scale="80" orientation="portrait" r:id="rId1"/>
  <headerFooter>
    <oddFooter>&amp;L&amp;20&amp;A&amp;C&amp;P/&amp;N</oddFooter>
  </headerFooter>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EC219"/>
  <sheetViews>
    <sheetView zoomScaleNormal="100" zoomScaleSheetLayoutView="55"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3" width="9" style="1" customWidth="1"/>
    <col min="4" max="4" width="8.109375" style="1" customWidth="1"/>
    <col min="5" max="5" width="10.109375" style="1" bestFit="1" customWidth="1"/>
    <col min="6" max="9" width="9" style="1"/>
    <col min="10" max="10" width="9.6640625" style="1" bestFit="1" customWidth="1"/>
    <col min="11" max="11" width="9" style="1"/>
    <col min="12" max="12" width="9.6640625" style="1" customWidth="1"/>
    <col min="13" max="15" width="8.109375" style="1" customWidth="1"/>
    <col min="16" max="21" width="9.21875" style="1" customWidth="1"/>
    <col min="22" max="22" width="7.77734375" style="1" customWidth="1"/>
    <col min="23" max="25" width="8.33203125" style="1" customWidth="1"/>
    <col min="26" max="30" width="8.44140625" style="1" customWidth="1"/>
    <col min="31" max="32" width="7.109375" style="1" customWidth="1"/>
    <col min="33" max="42" width="8.77734375" style="1" customWidth="1"/>
    <col min="43" max="52" width="8.44140625" style="1" customWidth="1"/>
    <col min="53" max="132" width="9.6640625" style="1" customWidth="1"/>
    <col min="133" max="16384" width="9" style="1"/>
  </cols>
  <sheetData>
    <row r="1" spans="2:133" ht="24" customHeight="1" x14ac:dyDescent="0.2">
      <c r="B1" s="20" t="s">
        <v>56</v>
      </c>
      <c r="H1" s="535">
        <f>第１表!F2</f>
        <v>4</v>
      </c>
      <c r="I1" s="535"/>
      <c r="J1" s="248">
        <f>第１表!G2</f>
        <v>12</v>
      </c>
      <c r="K1" s="565">
        <f>IF(J1&lt;3,J1-2+12,J1-2)</f>
        <v>10</v>
      </c>
      <c r="L1" s="565"/>
    </row>
    <row r="2" spans="2:133" ht="24" customHeight="1" thickBot="1" x14ac:dyDescent="0.25"/>
    <row r="3" spans="2:133" ht="21" customHeight="1" thickBot="1" x14ac:dyDescent="0.25">
      <c r="B3" s="611"/>
      <c r="C3" s="601" t="s">
        <v>57</v>
      </c>
      <c r="D3" s="602"/>
      <c r="E3" s="602"/>
      <c r="F3" s="602"/>
      <c r="G3" s="602"/>
      <c r="H3" s="602"/>
      <c r="I3" s="602"/>
      <c r="J3" s="602"/>
      <c r="K3" s="602"/>
      <c r="L3" s="602"/>
      <c r="M3" s="602"/>
      <c r="N3" s="602"/>
      <c r="O3" s="602"/>
      <c r="P3" s="602"/>
      <c r="Q3" s="602"/>
      <c r="R3" s="602"/>
      <c r="S3" s="602"/>
      <c r="T3" s="602"/>
      <c r="U3" s="602"/>
      <c r="V3" s="602"/>
      <c r="W3" s="602"/>
      <c r="X3" s="602"/>
      <c r="Y3" s="602"/>
      <c r="Z3" s="602"/>
      <c r="AA3" s="602"/>
      <c r="AB3" s="602"/>
      <c r="AC3" s="602"/>
      <c r="AD3" s="602"/>
      <c r="AE3" s="602"/>
      <c r="AF3" s="603"/>
      <c r="AG3" s="601" t="s">
        <v>58</v>
      </c>
      <c r="AH3" s="614"/>
      <c r="AI3" s="614"/>
      <c r="AJ3" s="614"/>
      <c r="AK3" s="614"/>
      <c r="AL3" s="614"/>
      <c r="AM3" s="614"/>
      <c r="AN3" s="614"/>
      <c r="AO3" s="614"/>
      <c r="AP3" s="614"/>
      <c r="AQ3" s="614"/>
      <c r="AR3" s="614"/>
      <c r="AS3" s="614"/>
      <c r="AT3" s="614"/>
      <c r="AU3" s="614"/>
      <c r="AV3" s="614"/>
      <c r="AW3" s="614"/>
      <c r="AX3" s="614"/>
      <c r="AY3" s="614"/>
      <c r="AZ3" s="614"/>
      <c r="BA3" s="614"/>
      <c r="BB3" s="614"/>
      <c r="BC3" s="614"/>
      <c r="BD3" s="614"/>
      <c r="BE3" s="614"/>
      <c r="BF3" s="614"/>
      <c r="BG3" s="614"/>
      <c r="BH3" s="614"/>
      <c r="BI3" s="614"/>
      <c r="BJ3" s="615"/>
      <c r="BK3" s="601" t="s">
        <v>59</v>
      </c>
      <c r="BL3" s="602"/>
      <c r="BM3" s="602"/>
      <c r="BN3" s="602"/>
      <c r="BO3" s="602"/>
      <c r="BP3" s="602"/>
      <c r="BQ3" s="602"/>
      <c r="BR3" s="602"/>
      <c r="BS3" s="602"/>
      <c r="BT3" s="602"/>
      <c r="BU3" s="602"/>
      <c r="BV3" s="602"/>
      <c r="BW3" s="602"/>
      <c r="BX3" s="602"/>
      <c r="BY3" s="602"/>
      <c r="BZ3" s="602"/>
      <c r="CA3" s="602"/>
      <c r="CB3" s="602"/>
      <c r="CC3" s="602"/>
      <c r="CD3" s="602"/>
      <c r="CE3" s="602"/>
      <c r="CF3" s="602"/>
      <c r="CG3" s="602"/>
      <c r="CH3" s="602"/>
      <c r="CI3" s="602"/>
      <c r="CJ3" s="602"/>
      <c r="CK3" s="602"/>
      <c r="CL3" s="602"/>
      <c r="CM3" s="602"/>
      <c r="CN3" s="603"/>
      <c r="CO3" s="610" t="s">
        <v>151</v>
      </c>
      <c r="CP3" s="602"/>
      <c r="CQ3" s="602"/>
      <c r="CR3" s="602"/>
      <c r="CS3" s="602"/>
      <c r="CT3" s="602"/>
      <c r="CU3" s="602"/>
      <c r="CV3" s="602"/>
      <c r="CW3" s="602"/>
      <c r="CX3" s="602"/>
      <c r="CY3" s="602"/>
      <c r="CZ3" s="602"/>
      <c r="DA3" s="602"/>
      <c r="DB3" s="602"/>
      <c r="DC3" s="602"/>
      <c r="DD3" s="602"/>
      <c r="DE3" s="602"/>
      <c r="DF3" s="602"/>
      <c r="DG3" s="602"/>
      <c r="DH3" s="602"/>
      <c r="DI3" s="602"/>
      <c r="DJ3" s="602"/>
      <c r="DK3" s="602"/>
      <c r="DL3" s="602"/>
      <c r="DM3" s="602"/>
      <c r="DN3" s="602"/>
      <c r="DO3" s="602"/>
      <c r="DP3" s="602"/>
      <c r="DQ3" s="602"/>
      <c r="DR3" s="603"/>
      <c r="DS3" s="604" t="s">
        <v>60</v>
      </c>
      <c r="DT3" s="514"/>
      <c r="DU3" s="514"/>
      <c r="DV3" s="514"/>
      <c r="DW3" s="514"/>
      <c r="DX3" s="514"/>
      <c r="DY3" s="514"/>
      <c r="DZ3" s="514"/>
      <c r="EA3" s="514"/>
      <c r="EB3" s="515"/>
    </row>
    <row r="4" spans="2:133" ht="21" customHeight="1" thickBot="1" x14ac:dyDescent="0.25">
      <c r="B4" s="612"/>
      <c r="C4" s="605"/>
      <c r="D4" s="596"/>
      <c r="E4" s="596"/>
      <c r="F4" s="596"/>
      <c r="G4" s="596"/>
      <c r="H4" s="596"/>
      <c r="I4" s="596"/>
      <c r="J4" s="596"/>
      <c r="K4" s="596"/>
      <c r="L4" s="596"/>
      <c r="M4" s="607" t="s">
        <v>39</v>
      </c>
      <c r="N4" s="608"/>
      <c r="O4" s="608"/>
      <c r="P4" s="608"/>
      <c r="Q4" s="608"/>
      <c r="R4" s="608"/>
      <c r="S4" s="608"/>
      <c r="T4" s="608"/>
      <c r="U4" s="608"/>
      <c r="V4" s="609"/>
      <c r="W4" s="607" t="s">
        <v>40</v>
      </c>
      <c r="X4" s="608"/>
      <c r="Y4" s="608"/>
      <c r="Z4" s="608"/>
      <c r="AA4" s="608"/>
      <c r="AB4" s="608"/>
      <c r="AC4" s="608"/>
      <c r="AD4" s="608"/>
      <c r="AE4" s="608"/>
      <c r="AF4" s="609"/>
      <c r="AG4" s="605"/>
      <c r="AH4" s="596"/>
      <c r="AI4" s="596"/>
      <c r="AJ4" s="596"/>
      <c r="AK4" s="596"/>
      <c r="AL4" s="596"/>
      <c r="AM4" s="596"/>
      <c r="AN4" s="596"/>
      <c r="AO4" s="596"/>
      <c r="AP4" s="596"/>
      <c r="AQ4" s="607" t="s">
        <v>39</v>
      </c>
      <c r="AR4" s="608"/>
      <c r="AS4" s="608"/>
      <c r="AT4" s="608"/>
      <c r="AU4" s="608"/>
      <c r="AV4" s="608"/>
      <c r="AW4" s="608"/>
      <c r="AX4" s="608"/>
      <c r="AY4" s="608"/>
      <c r="AZ4" s="609"/>
      <c r="BA4" s="607" t="s">
        <v>40</v>
      </c>
      <c r="BB4" s="608"/>
      <c r="BC4" s="608"/>
      <c r="BD4" s="608"/>
      <c r="BE4" s="608"/>
      <c r="BF4" s="608"/>
      <c r="BG4" s="608"/>
      <c r="BH4" s="608"/>
      <c r="BI4" s="608"/>
      <c r="BJ4" s="609"/>
      <c r="BK4" s="605"/>
      <c r="BL4" s="596"/>
      <c r="BM4" s="596"/>
      <c r="BN4" s="596"/>
      <c r="BO4" s="596"/>
      <c r="BP4" s="596"/>
      <c r="BQ4" s="596"/>
      <c r="BR4" s="596"/>
      <c r="BS4" s="596"/>
      <c r="BT4" s="596"/>
      <c r="BU4" s="607" t="s">
        <v>39</v>
      </c>
      <c r="BV4" s="608"/>
      <c r="BW4" s="608"/>
      <c r="BX4" s="608"/>
      <c r="BY4" s="608"/>
      <c r="BZ4" s="608"/>
      <c r="CA4" s="608"/>
      <c r="CB4" s="608"/>
      <c r="CC4" s="608"/>
      <c r="CD4" s="609"/>
      <c r="CE4" s="607" t="s">
        <v>40</v>
      </c>
      <c r="CF4" s="608"/>
      <c r="CG4" s="608"/>
      <c r="CH4" s="608"/>
      <c r="CI4" s="608"/>
      <c r="CJ4" s="608"/>
      <c r="CK4" s="608"/>
      <c r="CL4" s="608"/>
      <c r="CM4" s="608"/>
      <c r="CN4" s="609"/>
      <c r="CO4" s="605"/>
      <c r="CP4" s="596"/>
      <c r="CQ4" s="596"/>
      <c r="CR4" s="596"/>
      <c r="CS4" s="596"/>
      <c r="CT4" s="596"/>
      <c r="CU4" s="596"/>
      <c r="CV4" s="596"/>
      <c r="CW4" s="596"/>
      <c r="CX4" s="596"/>
      <c r="CY4" s="607" t="s">
        <v>39</v>
      </c>
      <c r="CZ4" s="608"/>
      <c r="DA4" s="608"/>
      <c r="DB4" s="608"/>
      <c r="DC4" s="608"/>
      <c r="DD4" s="608"/>
      <c r="DE4" s="608"/>
      <c r="DF4" s="608"/>
      <c r="DG4" s="608"/>
      <c r="DH4" s="609"/>
      <c r="DI4" s="607" t="s">
        <v>40</v>
      </c>
      <c r="DJ4" s="608"/>
      <c r="DK4" s="608"/>
      <c r="DL4" s="608"/>
      <c r="DM4" s="608"/>
      <c r="DN4" s="608"/>
      <c r="DO4" s="608"/>
      <c r="DP4" s="608"/>
      <c r="DQ4" s="608"/>
      <c r="DR4" s="609"/>
      <c r="DS4" s="605"/>
      <c r="DT4" s="596"/>
      <c r="DU4" s="596"/>
      <c r="DV4" s="596"/>
      <c r="DW4" s="596"/>
      <c r="DX4" s="596"/>
      <c r="DY4" s="596"/>
      <c r="DZ4" s="596"/>
      <c r="EA4" s="596"/>
      <c r="EB4" s="606"/>
    </row>
    <row r="5" spans="2:133" ht="21" customHeight="1" x14ac:dyDescent="0.2">
      <c r="B5" s="613"/>
      <c r="C5" s="583" t="s">
        <v>61</v>
      </c>
      <c r="D5" s="584"/>
      <c r="E5" s="585"/>
      <c r="F5" s="586" t="s">
        <v>62</v>
      </c>
      <c r="G5" s="587"/>
      <c r="H5" s="587"/>
      <c r="I5" s="587"/>
      <c r="J5" s="587"/>
      <c r="K5" s="588"/>
      <c r="L5" s="598" t="s">
        <v>52</v>
      </c>
      <c r="M5" s="600" t="s">
        <v>61</v>
      </c>
      <c r="N5" s="593"/>
      <c r="O5" s="594"/>
      <c r="P5" s="595" t="s">
        <v>62</v>
      </c>
      <c r="Q5" s="596"/>
      <c r="R5" s="596"/>
      <c r="S5" s="596"/>
      <c r="T5" s="596"/>
      <c r="U5" s="597"/>
      <c r="V5" s="591" t="s">
        <v>52</v>
      </c>
      <c r="W5" s="592" t="s">
        <v>61</v>
      </c>
      <c r="X5" s="593"/>
      <c r="Y5" s="594"/>
      <c r="Z5" s="595" t="s">
        <v>62</v>
      </c>
      <c r="AA5" s="596"/>
      <c r="AB5" s="596"/>
      <c r="AC5" s="596"/>
      <c r="AD5" s="596"/>
      <c r="AE5" s="597"/>
      <c r="AF5" s="591" t="s">
        <v>52</v>
      </c>
      <c r="AG5" s="583" t="s">
        <v>61</v>
      </c>
      <c r="AH5" s="584"/>
      <c r="AI5" s="585"/>
      <c r="AJ5" s="586" t="s">
        <v>62</v>
      </c>
      <c r="AK5" s="587"/>
      <c r="AL5" s="587"/>
      <c r="AM5" s="587"/>
      <c r="AN5" s="587"/>
      <c r="AO5" s="588"/>
      <c r="AP5" s="589" t="s">
        <v>52</v>
      </c>
      <c r="AQ5" s="600" t="s">
        <v>61</v>
      </c>
      <c r="AR5" s="593"/>
      <c r="AS5" s="594"/>
      <c r="AT5" s="595" t="s">
        <v>62</v>
      </c>
      <c r="AU5" s="596"/>
      <c r="AV5" s="596"/>
      <c r="AW5" s="596"/>
      <c r="AX5" s="596"/>
      <c r="AY5" s="597"/>
      <c r="AZ5" s="616" t="s">
        <v>52</v>
      </c>
      <c r="BA5" s="600" t="s">
        <v>61</v>
      </c>
      <c r="BB5" s="593"/>
      <c r="BC5" s="594"/>
      <c r="BD5" s="595" t="s">
        <v>62</v>
      </c>
      <c r="BE5" s="596"/>
      <c r="BF5" s="596"/>
      <c r="BG5" s="596"/>
      <c r="BH5" s="596"/>
      <c r="BI5" s="597"/>
      <c r="BJ5" s="591" t="s">
        <v>52</v>
      </c>
      <c r="BK5" s="583" t="s">
        <v>61</v>
      </c>
      <c r="BL5" s="584"/>
      <c r="BM5" s="585"/>
      <c r="BN5" s="586" t="s">
        <v>62</v>
      </c>
      <c r="BO5" s="587"/>
      <c r="BP5" s="587"/>
      <c r="BQ5" s="587"/>
      <c r="BR5" s="587"/>
      <c r="BS5" s="588"/>
      <c r="BT5" s="598" t="s">
        <v>52</v>
      </c>
      <c r="BU5" s="600" t="s">
        <v>61</v>
      </c>
      <c r="BV5" s="593"/>
      <c r="BW5" s="594"/>
      <c r="BX5" s="595" t="s">
        <v>62</v>
      </c>
      <c r="BY5" s="596"/>
      <c r="BZ5" s="596"/>
      <c r="CA5" s="596"/>
      <c r="CB5" s="596"/>
      <c r="CC5" s="597"/>
      <c r="CD5" s="591" t="s">
        <v>52</v>
      </c>
      <c r="CE5" s="592" t="s">
        <v>61</v>
      </c>
      <c r="CF5" s="593"/>
      <c r="CG5" s="594"/>
      <c r="CH5" s="595" t="s">
        <v>62</v>
      </c>
      <c r="CI5" s="596"/>
      <c r="CJ5" s="596"/>
      <c r="CK5" s="596"/>
      <c r="CL5" s="596"/>
      <c r="CM5" s="597"/>
      <c r="CN5" s="591" t="s">
        <v>52</v>
      </c>
      <c r="CO5" s="583" t="s">
        <v>61</v>
      </c>
      <c r="CP5" s="584"/>
      <c r="CQ5" s="585"/>
      <c r="CR5" s="586" t="s">
        <v>62</v>
      </c>
      <c r="CS5" s="587"/>
      <c r="CT5" s="587"/>
      <c r="CU5" s="587"/>
      <c r="CV5" s="587"/>
      <c r="CW5" s="588"/>
      <c r="CX5" s="598" t="s">
        <v>52</v>
      </c>
      <c r="CY5" s="600" t="s">
        <v>61</v>
      </c>
      <c r="CZ5" s="593"/>
      <c r="DA5" s="594"/>
      <c r="DB5" s="595" t="s">
        <v>62</v>
      </c>
      <c r="DC5" s="596"/>
      <c r="DD5" s="596"/>
      <c r="DE5" s="596"/>
      <c r="DF5" s="596"/>
      <c r="DG5" s="597"/>
      <c r="DH5" s="591" t="s">
        <v>52</v>
      </c>
      <c r="DI5" s="592" t="s">
        <v>61</v>
      </c>
      <c r="DJ5" s="593"/>
      <c r="DK5" s="594"/>
      <c r="DL5" s="595" t="s">
        <v>62</v>
      </c>
      <c r="DM5" s="596"/>
      <c r="DN5" s="596"/>
      <c r="DO5" s="596"/>
      <c r="DP5" s="596"/>
      <c r="DQ5" s="597"/>
      <c r="DR5" s="591" t="s">
        <v>52</v>
      </c>
      <c r="DS5" s="583" t="s">
        <v>61</v>
      </c>
      <c r="DT5" s="584"/>
      <c r="DU5" s="585"/>
      <c r="DV5" s="586" t="s">
        <v>62</v>
      </c>
      <c r="DW5" s="587"/>
      <c r="DX5" s="587"/>
      <c r="DY5" s="587"/>
      <c r="DZ5" s="587"/>
      <c r="EA5" s="588"/>
      <c r="EB5" s="589" t="s">
        <v>52</v>
      </c>
    </row>
    <row r="6" spans="2:133" ht="30" customHeight="1" thickBot="1" x14ac:dyDescent="0.25">
      <c r="B6" s="313" t="s">
        <v>42</v>
      </c>
      <c r="C6" s="31" t="s">
        <v>43</v>
      </c>
      <c r="D6" s="32" t="s">
        <v>44</v>
      </c>
      <c r="E6" s="32" t="s">
        <v>45</v>
      </c>
      <c r="F6" s="33" t="s">
        <v>47</v>
      </c>
      <c r="G6" s="34" t="s">
        <v>48</v>
      </c>
      <c r="H6" s="34" t="s">
        <v>49</v>
      </c>
      <c r="I6" s="35" t="s">
        <v>50</v>
      </c>
      <c r="J6" s="32" t="s">
        <v>51</v>
      </c>
      <c r="K6" s="36" t="s">
        <v>95</v>
      </c>
      <c r="L6" s="599"/>
      <c r="M6" s="31" t="s">
        <v>43</v>
      </c>
      <c r="N6" s="32" t="s">
        <v>44</v>
      </c>
      <c r="O6" s="36" t="s">
        <v>45</v>
      </c>
      <c r="P6" s="33" t="s">
        <v>47</v>
      </c>
      <c r="Q6" s="34" t="s">
        <v>48</v>
      </c>
      <c r="R6" s="34" t="s">
        <v>49</v>
      </c>
      <c r="S6" s="35" t="s">
        <v>50</v>
      </c>
      <c r="T6" s="32" t="s">
        <v>51</v>
      </c>
      <c r="U6" s="36" t="s">
        <v>45</v>
      </c>
      <c r="V6" s="590"/>
      <c r="W6" s="15" t="s">
        <v>43</v>
      </c>
      <c r="X6" s="32" t="s">
        <v>44</v>
      </c>
      <c r="Y6" s="36" t="s">
        <v>45</v>
      </c>
      <c r="Z6" s="15" t="s">
        <v>47</v>
      </c>
      <c r="AA6" s="34" t="s">
        <v>48</v>
      </c>
      <c r="AB6" s="34" t="s">
        <v>49</v>
      </c>
      <c r="AC6" s="35" t="s">
        <v>50</v>
      </c>
      <c r="AD6" s="32" t="s">
        <v>51</v>
      </c>
      <c r="AE6" s="36" t="s">
        <v>45</v>
      </c>
      <c r="AF6" s="590"/>
      <c r="AG6" s="31" t="s">
        <v>43</v>
      </c>
      <c r="AH6" s="32" t="s">
        <v>44</v>
      </c>
      <c r="AI6" s="36" t="s">
        <v>45</v>
      </c>
      <c r="AJ6" s="15" t="s">
        <v>47</v>
      </c>
      <c r="AK6" s="34" t="s">
        <v>48</v>
      </c>
      <c r="AL6" s="34" t="s">
        <v>49</v>
      </c>
      <c r="AM6" s="35" t="s">
        <v>50</v>
      </c>
      <c r="AN6" s="32" t="s">
        <v>51</v>
      </c>
      <c r="AO6" s="36" t="s">
        <v>45</v>
      </c>
      <c r="AP6" s="590"/>
      <c r="AQ6" s="31" t="s">
        <v>43</v>
      </c>
      <c r="AR6" s="32" t="s">
        <v>44</v>
      </c>
      <c r="AS6" s="36" t="s">
        <v>45</v>
      </c>
      <c r="AT6" s="33" t="s">
        <v>47</v>
      </c>
      <c r="AU6" s="34" t="s">
        <v>48</v>
      </c>
      <c r="AV6" s="34" t="s">
        <v>49</v>
      </c>
      <c r="AW6" s="35" t="s">
        <v>50</v>
      </c>
      <c r="AX6" s="32" t="s">
        <v>51</v>
      </c>
      <c r="AY6" s="36" t="s">
        <v>45</v>
      </c>
      <c r="AZ6" s="599"/>
      <c r="BA6" s="31" t="s">
        <v>43</v>
      </c>
      <c r="BB6" s="32" t="s">
        <v>44</v>
      </c>
      <c r="BC6" s="32" t="s">
        <v>45</v>
      </c>
      <c r="BD6" s="33" t="s">
        <v>47</v>
      </c>
      <c r="BE6" s="34" t="s">
        <v>48</v>
      </c>
      <c r="BF6" s="34" t="s">
        <v>49</v>
      </c>
      <c r="BG6" s="35" t="s">
        <v>50</v>
      </c>
      <c r="BH6" s="32" t="s">
        <v>51</v>
      </c>
      <c r="BI6" s="36" t="s">
        <v>45</v>
      </c>
      <c r="BJ6" s="590"/>
      <c r="BK6" s="31" t="s">
        <v>43</v>
      </c>
      <c r="BL6" s="32" t="s">
        <v>44</v>
      </c>
      <c r="BM6" s="32" t="s">
        <v>45</v>
      </c>
      <c r="BN6" s="33" t="s">
        <v>47</v>
      </c>
      <c r="BO6" s="34" t="s">
        <v>48</v>
      </c>
      <c r="BP6" s="34" t="s">
        <v>49</v>
      </c>
      <c r="BQ6" s="35" t="s">
        <v>50</v>
      </c>
      <c r="BR6" s="32" t="s">
        <v>51</v>
      </c>
      <c r="BS6" s="36" t="s">
        <v>45</v>
      </c>
      <c r="BT6" s="599"/>
      <c r="BU6" s="31" t="s">
        <v>43</v>
      </c>
      <c r="BV6" s="32" t="s">
        <v>44</v>
      </c>
      <c r="BW6" s="32" t="s">
        <v>45</v>
      </c>
      <c r="BX6" s="33" t="s">
        <v>47</v>
      </c>
      <c r="BY6" s="34" t="s">
        <v>48</v>
      </c>
      <c r="BZ6" s="34" t="s">
        <v>49</v>
      </c>
      <c r="CA6" s="35" t="s">
        <v>50</v>
      </c>
      <c r="CB6" s="32" t="s">
        <v>51</v>
      </c>
      <c r="CC6" s="36" t="s">
        <v>45</v>
      </c>
      <c r="CD6" s="590"/>
      <c r="CE6" s="15" t="s">
        <v>43</v>
      </c>
      <c r="CF6" s="32" t="s">
        <v>44</v>
      </c>
      <c r="CG6" s="32" t="s">
        <v>45</v>
      </c>
      <c r="CH6" s="33" t="s">
        <v>47</v>
      </c>
      <c r="CI6" s="34" t="s">
        <v>48</v>
      </c>
      <c r="CJ6" s="34" t="s">
        <v>49</v>
      </c>
      <c r="CK6" s="35" t="s">
        <v>50</v>
      </c>
      <c r="CL6" s="32" t="s">
        <v>51</v>
      </c>
      <c r="CM6" s="36" t="s">
        <v>45</v>
      </c>
      <c r="CN6" s="590"/>
      <c r="CO6" s="31" t="s">
        <v>43</v>
      </c>
      <c r="CP6" s="32" t="s">
        <v>44</v>
      </c>
      <c r="CQ6" s="32" t="s">
        <v>45</v>
      </c>
      <c r="CR6" s="33" t="s">
        <v>47</v>
      </c>
      <c r="CS6" s="34" t="s">
        <v>48</v>
      </c>
      <c r="CT6" s="34" t="s">
        <v>49</v>
      </c>
      <c r="CU6" s="35" t="s">
        <v>50</v>
      </c>
      <c r="CV6" s="32" t="s">
        <v>51</v>
      </c>
      <c r="CW6" s="36" t="s">
        <v>45</v>
      </c>
      <c r="CX6" s="599"/>
      <c r="CY6" s="31" t="s">
        <v>43</v>
      </c>
      <c r="CZ6" s="32" t="s">
        <v>44</v>
      </c>
      <c r="DA6" s="32" t="s">
        <v>45</v>
      </c>
      <c r="DB6" s="33" t="s">
        <v>47</v>
      </c>
      <c r="DC6" s="34" t="s">
        <v>48</v>
      </c>
      <c r="DD6" s="34" t="s">
        <v>49</v>
      </c>
      <c r="DE6" s="35" t="s">
        <v>50</v>
      </c>
      <c r="DF6" s="32" t="s">
        <v>51</v>
      </c>
      <c r="DG6" s="36" t="s">
        <v>45</v>
      </c>
      <c r="DH6" s="590"/>
      <c r="DI6" s="15" t="s">
        <v>43</v>
      </c>
      <c r="DJ6" s="32" t="s">
        <v>44</v>
      </c>
      <c r="DK6" s="32" t="s">
        <v>45</v>
      </c>
      <c r="DL6" s="33" t="s">
        <v>47</v>
      </c>
      <c r="DM6" s="34" t="s">
        <v>48</v>
      </c>
      <c r="DN6" s="34" t="s">
        <v>49</v>
      </c>
      <c r="DO6" s="35" t="s">
        <v>50</v>
      </c>
      <c r="DP6" s="32" t="s">
        <v>51</v>
      </c>
      <c r="DQ6" s="36" t="s">
        <v>45</v>
      </c>
      <c r="DR6" s="590"/>
      <c r="DS6" s="31" t="s">
        <v>43</v>
      </c>
      <c r="DT6" s="32" t="s">
        <v>44</v>
      </c>
      <c r="DU6" s="32" t="s">
        <v>45</v>
      </c>
      <c r="DV6" s="33" t="s">
        <v>47</v>
      </c>
      <c r="DW6" s="34" t="s">
        <v>48</v>
      </c>
      <c r="DX6" s="34" t="s">
        <v>49</v>
      </c>
      <c r="DY6" s="35" t="s">
        <v>50</v>
      </c>
      <c r="DZ6" s="32" t="s">
        <v>51</v>
      </c>
      <c r="EA6" s="36" t="s">
        <v>45</v>
      </c>
      <c r="EB6" s="590"/>
    </row>
    <row r="7" spans="2:133" ht="21" customHeight="1" x14ac:dyDescent="0.2">
      <c r="B7" s="312" t="s">
        <v>4</v>
      </c>
      <c r="C7" s="185">
        <v>0</v>
      </c>
      <c r="D7" s="186">
        <v>0</v>
      </c>
      <c r="E7" s="186">
        <v>0</v>
      </c>
      <c r="F7" s="187">
        <v>433</v>
      </c>
      <c r="G7" s="188">
        <v>1492</v>
      </c>
      <c r="H7" s="188">
        <v>9872</v>
      </c>
      <c r="I7" s="188">
        <v>14533</v>
      </c>
      <c r="J7" s="186">
        <v>10357</v>
      </c>
      <c r="K7" s="189">
        <v>36687</v>
      </c>
      <c r="L7" s="190">
        <v>36687</v>
      </c>
      <c r="M7" s="185">
        <v>0</v>
      </c>
      <c r="N7" s="186">
        <v>0</v>
      </c>
      <c r="O7" s="189">
        <v>0</v>
      </c>
      <c r="P7" s="187">
        <v>429</v>
      </c>
      <c r="Q7" s="188">
        <v>1482</v>
      </c>
      <c r="R7" s="188">
        <v>9795</v>
      </c>
      <c r="S7" s="188">
        <v>14403</v>
      </c>
      <c r="T7" s="186">
        <v>10211</v>
      </c>
      <c r="U7" s="189">
        <v>36320</v>
      </c>
      <c r="V7" s="191">
        <v>36320</v>
      </c>
      <c r="W7" s="192">
        <v>0</v>
      </c>
      <c r="X7" s="186">
        <v>0</v>
      </c>
      <c r="Y7" s="189">
        <v>0</v>
      </c>
      <c r="Z7" s="192">
        <v>4</v>
      </c>
      <c r="AA7" s="188">
        <v>10</v>
      </c>
      <c r="AB7" s="188">
        <v>77</v>
      </c>
      <c r="AC7" s="188">
        <v>130</v>
      </c>
      <c r="AD7" s="186">
        <v>146</v>
      </c>
      <c r="AE7" s="189">
        <v>367</v>
      </c>
      <c r="AF7" s="193">
        <v>367</v>
      </c>
      <c r="AG7" s="192">
        <v>0</v>
      </c>
      <c r="AH7" s="186">
        <v>0</v>
      </c>
      <c r="AI7" s="189">
        <v>0</v>
      </c>
      <c r="AJ7" s="192">
        <v>1705</v>
      </c>
      <c r="AK7" s="188">
        <v>3478</v>
      </c>
      <c r="AL7" s="188">
        <v>4685</v>
      </c>
      <c r="AM7" s="188">
        <v>5673</v>
      </c>
      <c r="AN7" s="186">
        <v>2914</v>
      </c>
      <c r="AO7" s="189">
        <v>18455</v>
      </c>
      <c r="AP7" s="193">
        <v>18455</v>
      </c>
      <c r="AQ7" s="192">
        <v>0</v>
      </c>
      <c r="AR7" s="186">
        <v>0</v>
      </c>
      <c r="AS7" s="189">
        <v>0</v>
      </c>
      <c r="AT7" s="187">
        <v>1676</v>
      </c>
      <c r="AU7" s="188">
        <v>3439</v>
      </c>
      <c r="AV7" s="188">
        <v>4605</v>
      </c>
      <c r="AW7" s="188">
        <v>5556</v>
      </c>
      <c r="AX7" s="186">
        <v>2835</v>
      </c>
      <c r="AY7" s="189">
        <v>18111</v>
      </c>
      <c r="AZ7" s="190">
        <v>18111</v>
      </c>
      <c r="BA7" s="185">
        <v>0</v>
      </c>
      <c r="BB7" s="186">
        <v>0</v>
      </c>
      <c r="BC7" s="186">
        <v>0</v>
      </c>
      <c r="BD7" s="187">
        <v>29</v>
      </c>
      <c r="BE7" s="188">
        <v>39</v>
      </c>
      <c r="BF7" s="188">
        <v>80</v>
      </c>
      <c r="BG7" s="188">
        <v>117</v>
      </c>
      <c r="BH7" s="186">
        <v>79</v>
      </c>
      <c r="BI7" s="189">
        <v>344</v>
      </c>
      <c r="BJ7" s="191">
        <v>344</v>
      </c>
      <c r="BK7" s="192">
        <v>0</v>
      </c>
      <c r="BL7" s="186">
        <v>0</v>
      </c>
      <c r="BM7" s="186">
        <v>0</v>
      </c>
      <c r="BN7" s="187">
        <v>0</v>
      </c>
      <c r="BO7" s="188">
        <v>0</v>
      </c>
      <c r="BP7" s="188">
        <v>12</v>
      </c>
      <c r="BQ7" s="188">
        <v>152</v>
      </c>
      <c r="BR7" s="186">
        <v>230</v>
      </c>
      <c r="BS7" s="189">
        <v>394</v>
      </c>
      <c r="BT7" s="190">
        <v>394</v>
      </c>
      <c r="BU7" s="185">
        <v>0</v>
      </c>
      <c r="BV7" s="186">
        <v>0</v>
      </c>
      <c r="BW7" s="186">
        <v>0</v>
      </c>
      <c r="BX7" s="187">
        <v>0</v>
      </c>
      <c r="BY7" s="188">
        <v>0</v>
      </c>
      <c r="BZ7" s="188">
        <v>12</v>
      </c>
      <c r="CA7" s="188">
        <v>151</v>
      </c>
      <c r="CB7" s="186">
        <v>228</v>
      </c>
      <c r="CC7" s="189">
        <v>391</v>
      </c>
      <c r="CD7" s="191">
        <v>391</v>
      </c>
      <c r="CE7" s="192">
        <v>0</v>
      </c>
      <c r="CF7" s="186">
        <v>0</v>
      </c>
      <c r="CG7" s="186">
        <v>0</v>
      </c>
      <c r="CH7" s="187">
        <v>0</v>
      </c>
      <c r="CI7" s="188">
        <v>0</v>
      </c>
      <c r="CJ7" s="188">
        <v>0</v>
      </c>
      <c r="CK7" s="188">
        <v>1</v>
      </c>
      <c r="CL7" s="186">
        <v>2</v>
      </c>
      <c r="CM7" s="189">
        <v>3</v>
      </c>
      <c r="CN7" s="191">
        <v>3</v>
      </c>
      <c r="CO7" s="192">
        <v>0</v>
      </c>
      <c r="CP7" s="186">
        <v>0</v>
      </c>
      <c r="CQ7" s="186">
        <v>0</v>
      </c>
      <c r="CR7" s="187">
        <v>14</v>
      </c>
      <c r="CS7" s="188">
        <v>26</v>
      </c>
      <c r="CT7" s="188">
        <v>52</v>
      </c>
      <c r="CU7" s="188">
        <v>312</v>
      </c>
      <c r="CV7" s="186">
        <v>436</v>
      </c>
      <c r="CW7" s="189">
        <v>840</v>
      </c>
      <c r="CX7" s="190">
        <v>840</v>
      </c>
      <c r="CY7" s="185">
        <v>0</v>
      </c>
      <c r="CZ7" s="186">
        <v>0</v>
      </c>
      <c r="DA7" s="186">
        <v>0</v>
      </c>
      <c r="DB7" s="187">
        <v>13</v>
      </c>
      <c r="DC7" s="188">
        <v>25</v>
      </c>
      <c r="DD7" s="188">
        <v>52</v>
      </c>
      <c r="DE7" s="188">
        <v>307</v>
      </c>
      <c r="DF7" s="186">
        <v>420</v>
      </c>
      <c r="DG7" s="189">
        <v>817</v>
      </c>
      <c r="DH7" s="191">
        <v>817</v>
      </c>
      <c r="DI7" s="192">
        <v>0</v>
      </c>
      <c r="DJ7" s="186">
        <v>0</v>
      </c>
      <c r="DK7" s="186">
        <v>0</v>
      </c>
      <c r="DL7" s="187">
        <v>1</v>
      </c>
      <c r="DM7" s="188">
        <v>1</v>
      </c>
      <c r="DN7" s="188">
        <v>0</v>
      </c>
      <c r="DO7" s="188">
        <v>5</v>
      </c>
      <c r="DP7" s="186">
        <v>16</v>
      </c>
      <c r="DQ7" s="189">
        <v>23</v>
      </c>
      <c r="DR7" s="191">
        <v>23</v>
      </c>
      <c r="DS7" s="192">
        <v>0</v>
      </c>
      <c r="DT7" s="186">
        <v>0</v>
      </c>
      <c r="DU7" s="186">
        <v>0</v>
      </c>
      <c r="DV7" s="187">
        <v>2152</v>
      </c>
      <c r="DW7" s="188">
        <v>4996</v>
      </c>
      <c r="DX7" s="188">
        <v>14604</v>
      </c>
      <c r="DY7" s="188">
        <v>20644</v>
      </c>
      <c r="DZ7" s="186">
        <v>13914</v>
      </c>
      <c r="EA7" s="189">
        <v>56310</v>
      </c>
      <c r="EB7" s="191">
        <v>56310</v>
      </c>
      <c r="EC7" s="37"/>
    </row>
    <row r="8" spans="2:133" ht="21" customHeight="1" x14ac:dyDescent="0.2">
      <c r="B8" s="62" t="s">
        <v>5</v>
      </c>
      <c r="C8" s="194">
        <v>0</v>
      </c>
      <c r="D8" s="195">
        <v>0</v>
      </c>
      <c r="E8" s="195">
        <v>0</v>
      </c>
      <c r="F8" s="196">
        <v>232</v>
      </c>
      <c r="G8" s="197">
        <v>922</v>
      </c>
      <c r="H8" s="197">
        <v>4179</v>
      </c>
      <c r="I8" s="197">
        <v>6010</v>
      </c>
      <c r="J8" s="195">
        <v>4420</v>
      </c>
      <c r="K8" s="198">
        <v>15763</v>
      </c>
      <c r="L8" s="199">
        <v>15763</v>
      </c>
      <c r="M8" s="194">
        <v>0</v>
      </c>
      <c r="N8" s="195">
        <v>0</v>
      </c>
      <c r="O8" s="198">
        <v>0</v>
      </c>
      <c r="P8" s="196">
        <v>228</v>
      </c>
      <c r="Q8" s="197">
        <v>915</v>
      </c>
      <c r="R8" s="197">
        <v>4144</v>
      </c>
      <c r="S8" s="197">
        <v>5947</v>
      </c>
      <c r="T8" s="195">
        <v>4348</v>
      </c>
      <c r="U8" s="198">
        <v>15582</v>
      </c>
      <c r="V8" s="200">
        <v>15582</v>
      </c>
      <c r="W8" s="201">
        <v>0</v>
      </c>
      <c r="X8" s="195">
        <v>0</v>
      </c>
      <c r="Y8" s="198">
        <v>0</v>
      </c>
      <c r="Z8" s="201">
        <v>4</v>
      </c>
      <c r="AA8" s="197">
        <v>7</v>
      </c>
      <c r="AB8" s="197">
        <v>35</v>
      </c>
      <c r="AC8" s="197">
        <v>63</v>
      </c>
      <c r="AD8" s="195">
        <v>72</v>
      </c>
      <c r="AE8" s="198">
        <v>181</v>
      </c>
      <c r="AF8" s="202">
        <v>181</v>
      </c>
      <c r="AG8" s="201">
        <v>0</v>
      </c>
      <c r="AH8" s="195">
        <v>0</v>
      </c>
      <c r="AI8" s="198">
        <v>0</v>
      </c>
      <c r="AJ8" s="201">
        <v>634</v>
      </c>
      <c r="AK8" s="197">
        <v>1589</v>
      </c>
      <c r="AL8" s="197">
        <v>2066</v>
      </c>
      <c r="AM8" s="197">
        <v>2531</v>
      </c>
      <c r="AN8" s="195">
        <v>1437</v>
      </c>
      <c r="AO8" s="198">
        <v>8257</v>
      </c>
      <c r="AP8" s="202">
        <v>8257</v>
      </c>
      <c r="AQ8" s="201">
        <v>0</v>
      </c>
      <c r="AR8" s="195">
        <v>0</v>
      </c>
      <c r="AS8" s="198">
        <v>0</v>
      </c>
      <c r="AT8" s="196">
        <v>626</v>
      </c>
      <c r="AU8" s="197">
        <v>1568</v>
      </c>
      <c r="AV8" s="197">
        <v>2035</v>
      </c>
      <c r="AW8" s="197">
        <v>2482</v>
      </c>
      <c r="AX8" s="195">
        <v>1404</v>
      </c>
      <c r="AY8" s="198">
        <v>8115</v>
      </c>
      <c r="AZ8" s="199">
        <v>8115</v>
      </c>
      <c r="BA8" s="194">
        <v>0</v>
      </c>
      <c r="BB8" s="195">
        <v>0</v>
      </c>
      <c r="BC8" s="195">
        <v>0</v>
      </c>
      <c r="BD8" s="196">
        <v>8</v>
      </c>
      <c r="BE8" s="197">
        <v>21</v>
      </c>
      <c r="BF8" s="197">
        <v>31</v>
      </c>
      <c r="BG8" s="197">
        <v>49</v>
      </c>
      <c r="BH8" s="195">
        <v>33</v>
      </c>
      <c r="BI8" s="198">
        <v>142</v>
      </c>
      <c r="BJ8" s="200">
        <v>142</v>
      </c>
      <c r="BK8" s="201">
        <v>0</v>
      </c>
      <c r="BL8" s="195">
        <v>0</v>
      </c>
      <c r="BM8" s="195">
        <v>0</v>
      </c>
      <c r="BN8" s="196">
        <v>0</v>
      </c>
      <c r="BO8" s="197">
        <v>0</v>
      </c>
      <c r="BP8" s="197">
        <v>2</v>
      </c>
      <c r="BQ8" s="197">
        <v>53</v>
      </c>
      <c r="BR8" s="195">
        <v>89</v>
      </c>
      <c r="BS8" s="198">
        <v>144</v>
      </c>
      <c r="BT8" s="199">
        <v>144</v>
      </c>
      <c r="BU8" s="194">
        <v>0</v>
      </c>
      <c r="BV8" s="195">
        <v>0</v>
      </c>
      <c r="BW8" s="195">
        <v>0</v>
      </c>
      <c r="BX8" s="196">
        <v>0</v>
      </c>
      <c r="BY8" s="197">
        <v>0</v>
      </c>
      <c r="BZ8" s="197">
        <v>2</v>
      </c>
      <c r="CA8" s="197">
        <v>53</v>
      </c>
      <c r="CB8" s="195">
        <v>89</v>
      </c>
      <c r="CC8" s="198">
        <v>144</v>
      </c>
      <c r="CD8" s="200">
        <v>144</v>
      </c>
      <c r="CE8" s="201">
        <v>0</v>
      </c>
      <c r="CF8" s="195">
        <v>0</v>
      </c>
      <c r="CG8" s="195">
        <v>0</v>
      </c>
      <c r="CH8" s="196">
        <v>0</v>
      </c>
      <c r="CI8" s="197">
        <v>0</v>
      </c>
      <c r="CJ8" s="197">
        <v>0</v>
      </c>
      <c r="CK8" s="197">
        <v>0</v>
      </c>
      <c r="CL8" s="195">
        <v>0</v>
      </c>
      <c r="CM8" s="198">
        <v>0</v>
      </c>
      <c r="CN8" s="200">
        <v>0</v>
      </c>
      <c r="CO8" s="201">
        <v>0</v>
      </c>
      <c r="CP8" s="195">
        <v>0</v>
      </c>
      <c r="CQ8" s="195">
        <v>0</v>
      </c>
      <c r="CR8" s="196">
        <v>1</v>
      </c>
      <c r="CS8" s="197">
        <v>5</v>
      </c>
      <c r="CT8" s="197">
        <v>15</v>
      </c>
      <c r="CU8" s="197">
        <v>85</v>
      </c>
      <c r="CV8" s="195">
        <v>106</v>
      </c>
      <c r="CW8" s="198">
        <v>212</v>
      </c>
      <c r="CX8" s="199">
        <v>212</v>
      </c>
      <c r="CY8" s="194">
        <v>0</v>
      </c>
      <c r="CZ8" s="195">
        <v>0</v>
      </c>
      <c r="DA8" s="195">
        <v>0</v>
      </c>
      <c r="DB8" s="196">
        <v>1</v>
      </c>
      <c r="DC8" s="197">
        <v>5</v>
      </c>
      <c r="DD8" s="197">
        <v>15</v>
      </c>
      <c r="DE8" s="197">
        <v>83</v>
      </c>
      <c r="DF8" s="195">
        <v>104</v>
      </c>
      <c r="DG8" s="198">
        <v>208</v>
      </c>
      <c r="DH8" s="200">
        <v>208</v>
      </c>
      <c r="DI8" s="201">
        <v>0</v>
      </c>
      <c r="DJ8" s="195">
        <v>0</v>
      </c>
      <c r="DK8" s="195">
        <v>0</v>
      </c>
      <c r="DL8" s="196">
        <v>0</v>
      </c>
      <c r="DM8" s="197">
        <v>0</v>
      </c>
      <c r="DN8" s="197">
        <v>0</v>
      </c>
      <c r="DO8" s="197">
        <v>2</v>
      </c>
      <c r="DP8" s="195">
        <v>2</v>
      </c>
      <c r="DQ8" s="198">
        <v>4</v>
      </c>
      <c r="DR8" s="200">
        <v>4</v>
      </c>
      <c r="DS8" s="201">
        <v>0</v>
      </c>
      <c r="DT8" s="195">
        <v>0</v>
      </c>
      <c r="DU8" s="195">
        <v>0</v>
      </c>
      <c r="DV8" s="196">
        <v>867</v>
      </c>
      <c r="DW8" s="197">
        <v>2516</v>
      </c>
      <c r="DX8" s="197">
        <v>6262</v>
      </c>
      <c r="DY8" s="197">
        <v>8679</v>
      </c>
      <c r="DZ8" s="195">
        <v>6052</v>
      </c>
      <c r="EA8" s="198">
        <v>24376</v>
      </c>
      <c r="EB8" s="200">
        <v>24376</v>
      </c>
      <c r="EC8" s="37"/>
    </row>
    <row r="9" spans="2:133" ht="21" customHeight="1" x14ac:dyDescent="0.2">
      <c r="B9" s="62" t="s">
        <v>6</v>
      </c>
      <c r="C9" s="194">
        <v>0</v>
      </c>
      <c r="D9" s="195">
        <v>0</v>
      </c>
      <c r="E9" s="195">
        <v>0</v>
      </c>
      <c r="F9" s="196">
        <v>83</v>
      </c>
      <c r="G9" s="197">
        <v>166</v>
      </c>
      <c r="H9" s="197">
        <v>1314</v>
      </c>
      <c r="I9" s="197">
        <v>1825</v>
      </c>
      <c r="J9" s="195">
        <v>1296</v>
      </c>
      <c r="K9" s="198">
        <v>4684</v>
      </c>
      <c r="L9" s="199">
        <v>4684</v>
      </c>
      <c r="M9" s="194">
        <v>0</v>
      </c>
      <c r="N9" s="195">
        <v>0</v>
      </c>
      <c r="O9" s="198">
        <v>0</v>
      </c>
      <c r="P9" s="196">
        <v>83</v>
      </c>
      <c r="Q9" s="197">
        <v>166</v>
      </c>
      <c r="R9" s="197">
        <v>1299</v>
      </c>
      <c r="S9" s="197">
        <v>1806</v>
      </c>
      <c r="T9" s="195">
        <v>1284</v>
      </c>
      <c r="U9" s="198">
        <v>4638</v>
      </c>
      <c r="V9" s="200">
        <v>4638</v>
      </c>
      <c r="W9" s="201">
        <v>0</v>
      </c>
      <c r="X9" s="195">
        <v>0</v>
      </c>
      <c r="Y9" s="198">
        <v>0</v>
      </c>
      <c r="Z9" s="201">
        <v>0</v>
      </c>
      <c r="AA9" s="197">
        <v>0</v>
      </c>
      <c r="AB9" s="197">
        <v>15</v>
      </c>
      <c r="AC9" s="197">
        <v>19</v>
      </c>
      <c r="AD9" s="195">
        <v>12</v>
      </c>
      <c r="AE9" s="198">
        <v>46</v>
      </c>
      <c r="AF9" s="202">
        <v>46</v>
      </c>
      <c r="AG9" s="201">
        <v>0</v>
      </c>
      <c r="AH9" s="195">
        <v>0</v>
      </c>
      <c r="AI9" s="198">
        <v>0</v>
      </c>
      <c r="AJ9" s="201">
        <v>202</v>
      </c>
      <c r="AK9" s="197">
        <v>317</v>
      </c>
      <c r="AL9" s="197">
        <v>451</v>
      </c>
      <c r="AM9" s="197">
        <v>689</v>
      </c>
      <c r="AN9" s="195">
        <v>326</v>
      </c>
      <c r="AO9" s="198">
        <v>1985</v>
      </c>
      <c r="AP9" s="202">
        <v>1985</v>
      </c>
      <c r="AQ9" s="201">
        <v>0</v>
      </c>
      <c r="AR9" s="195">
        <v>0</v>
      </c>
      <c r="AS9" s="198">
        <v>0</v>
      </c>
      <c r="AT9" s="196">
        <v>197</v>
      </c>
      <c r="AU9" s="197">
        <v>315</v>
      </c>
      <c r="AV9" s="197">
        <v>442</v>
      </c>
      <c r="AW9" s="197">
        <v>668</v>
      </c>
      <c r="AX9" s="195">
        <v>306</v>
      </c>
      <c r="AY9" s="198">
        <v>1928</v>
      </c>
      <c r="AZ9" s="199">
        <v>1928</v>
      </c>
      <c r="BA9" s="194">
        <v>0</v>
      </c>
      <c r="BB9" s="195">
        <v>0</v>
      </c>
      <c r="BC9" s="195">
        <v>0</v>
      </c>
      <c r="BD9" s="196">
        <v>5</v>
      </c>
      <c r="BE9" s="197">
        <v>2</v>
      </c>
      <c r="BF9" s="197">
        <v>9</v>
      </c>
      <c r="BG9" s="197">
        <v>21</v>
      </c>
      <c r="BH9" s="195">
        <v>20</v>
      </c>
      <c r="BI9" s="198">
        <v>57</v>
      </c>
      <c r="BJ9" s="200">
        <v>57</v>
      </c>
      <c r="BK9" s="201">
        <v>0</v>
      </c>
      <c r="BL9" s="195">
        <v>0</v>
      </c>
      <c r="BM9" s="195">
        <v>0</v>
      </c>
      <c r="BN9" s="196">
        <v>0</v>
      </c>
      <c r="BO9" s="197">
        <v>0</v>
      </c>
      <c r="BP9" s="197">
        <v>8</v>
      </c>
      <c r="BQ9" s="197">
        <v>62</v>
      </c>
      <c r="BR9" s="195">
        <v>91</v>
      </c>
      <c r="BS9" s="198">
        <v>161</v>
      </c>
      <c r="BT9" s="199">
        <v>161</v>
      </c>
      <c r="BU9" s="194">
        <v>0</v>
      </c>
      <c r="BV9" s="195">
        <v>0</v>
      </c>
      <c r="BW9" s="195">
        <v>0</v>
      </c>
      <c r="BX9" s="196">
        <v>0</v>
      </c>
      <c r="BY9" s="197">
        <v>0</v>
      </c>
      <c r="BZ9" s="197">
        <v>8</v>
      </c>
      <c r="CA9" s="197">
        <v>61</v>
      </c>
      <c r="CB9" s="195">
        <v>89</v>
      </c>
      <c r="CC9" s="198">
        <v>158</v>
      </c>
      <c r="CD9" s="200">
        <v>158</v>
      </c>
      <c r="CE9" s="201">
        <v>0</v>
      </c>
      <c r="CF9" s="195">
        <v>0</v>
      </c>
      <c r="CG9" s="195">
        <v>0</v>
      </c>
      <c r="CH9" s="196">
        <v>0</v>
      </c>
      <c r="CI9" s="197">
        <v>0</v>
      </c>
      <c r="CJ9" s="197">
        <v>0</v>
      </c>
      <c r="CK9" s="197">
        <v>1</v>
      </c>
      <c r="CL9" s="195">
        <v>2</v>
      </c>
      <c r="CM9" s="198">
        <v>3</v>
      </c>
      <c r="CN9" s="200">
        <v>3</v>
      </c>
      <c r="CO9" s="201">
        <v>0</v>
      </c>
      <c r="CP9" s="195">
        <v>0</v>
      </c>
      <c r="CQ9" s="195">
        <v>0</v>
      </c>
      <c r="CR9" s="196">
        <v>0</v>
      </c>
      <c r="CS9" s="197">
        <v>1</v>
      </c>
      <c r="CT9" s="197">
        <v>3</v>
      </c>
      <c r="CU9" s="197">
        <v>42</v>
      </c>
      <c r="CV9" s="195">
        <v>61</v>
      </c>
      <c r="CW9" s="198">
        <v>107</v>
      </c>
      <c r="CX9" s="199">
        <v>107</v>
      </c>
      <c r="CY9" s="194">
        <v>0</v>
      </c>
      <c r="CZ9" s="195">
        <v>0</v>
      </c>
      <c r="DA9" s="195">
        <v>0</v>
      </c>
      <c r="DB9" s="196">
        <v>0</v>
      </c>
      <c r="DC9" s="197">
        <v>1</v>
      </c>
      <c r="DD9" s="197">
        <v>3</v>
      </c>
      <c r="DE9" s="197">
        <v>41</v>
      </c>
      <c r="DF9" s="195">
        <v>60</v>
      </c>
      <c r="DG9" s="198">
        <v>105</v>
      </c>
      <c r="DH9" s="200">
        <v>105</v>
      </c>
      <c r="DI9" s="201">
        <v>0</v>
      </c>
      <c r="DJ9" s="195">
        <v>0</v>
      </c>
      <c r="DK9" s="195">
        <v>0</v>
      </c>
      <c r="DL9" s="196">
        <v>0</v>
      </c>
      <c r="DM9" s="197">
        <v>0</v>
      </c>
      <c r="DN9" s="197">
        <v>0</v>
      </c>
      <c r="DO9" s="197">
        <v>1</v>
      </c>
      <c r="DP9" s="195">
        <v>1</v>
      </c>
      <c r="DQ9" s="198">
        <v>2</v>
      </c>
      <c r="DR9" s="200">
        <v>2</v>
      </c>
      <c r="DS9" s="201">
        <v>0</v>
      </c>
      <c r="DT9" s="195">
        <v>0</v>
      </c>
      <c r="DU9" s="195">
        <v>0</v>
      </c>
      <c r="DV9" s="196">
        <v>285</v>
      </c>
      <c r="DW9" s="197">
        <v>484</v>
      </c>
      <c r="DX9" s="197">
        <v>1776</v>
      </c>
      <c r="DY9" s="197">
        <v>2618</v>
      </c>
      <c r="DZ9" s="195">
        <v>1774</v>
      </c>
      <c r="EA9" s="198">
        <v>6937</v>
      </c>
      <c r="EB9" s="200">
        <v>6937</v>
      </c>
      <c r="EC9" s="37"/>
    </row>
    <row r="10" spans="2:133" ht="21" customHeight="1" x14ac:dyDescent="0.2">
      <c r="B10" s="62" t="s">
        <v>14</v>
      </c>
      <c r="C10" s="194">
        <v>0</v>
      </c>
      <c r="D10" s="195">
        <v>0</v>
      </c>
      <c r="E10" s="195">
        <v>0</v>
      </c>
      <c r="F10" s="196">
        <v>9</v>
      </c>
      <c r="G10" s="197">
        <v>53</v>
      </c>
      <c r="H10" s="197">
        <v>820</v>
      </c>
      <c r="I10" s="197">
        <v>1253</v>
      </c>
      <c r="J10" s="195">
        <v>803</v>
      </c>
      <c r="K10" s="198">
        <v>2938</v>
      </c>
      <c r="L10" s="199">
        <v>2938</v>
      </c>
      <c r="M10" s="194">
        <v>0</v>
      </c>
      <c r="N10" s="195">
        <v>0</v>
      </c>
      <c r="O10" s="198">
        <v>0</v>
      </c>
      <c r="P10" s="196">
        <v>9</v>
      </c>
      <c r="Q10" s="197">
        <v>52</v>
      </c>
      <c r="R10" s="197">
        <v>816</v>
      </c>
      <c r="S10" s="197">
        <v>1245</v>
      </c>
      <c r="T10" s="195">
        <v>793</v>
      </c>
      <c r="U10" s="198">
        <v>2915</v>
      </c>
      <c r="V10" s="200">
        <v>2915</v>
      </c>
      <c r="W10" s="201">
        <v>0</v>
      </c>
      <c r="X10" s="195">
        <v>0</v>
      </c>
      <c r="Y10" s="198">
        <v>0</v>
      </c>
      <c r="Z10" s="201">
        <v>0</v>
      </c>
      <c r="AA10" s="197">
        <v>1</v>
      </c>
      <c r="AB10" s="197">
        <v>4</v>
      </c>
      <c r="AC10" s="197">
        <v>8</v>
      </c>
      <c r="AD10" s="195">
        <v>10</v>
      </c>
      <c r="AE10" s="198">
        <v>23</v>
      </c>
      <c r="AF10" s="202">
        <v>23</v>
      </c>
      <c r="AG10" s="201">
        <v>0</v>
      </c>
      <c r="AH10" s="195">
        <v>0</v>
      </c>
      <c r="AI10" s="198">
        <v>0</v>
      </c>
      <c r="AJ10" s="201">
        <v>78</v>
      </c>
      <c r="AK10" s="197">
        <v>202</v>
      </c>
      <c r="AL10" s="197">
        <v>297</v>
      </c>
      <c r="AM10" s="197">
        <v>373</v>
      </c>
      <c r="AN10" s="195">
        <v>193</v>
      </c>
      <c r="AO10" s="198">
        <v>1143</v>
      </c>
      <c r="AP10" s="202">
        <v>1143</v>
      </c>
      <c r="AQ10" s="201">
        <v>0</v>
      </c>
      <c r="AR10" s="195">
        <v>0</v>
      </c>
      <c r="AS10" s="198">
        <v>0</v>
      </c>
      <c r="AT10" s="196">
        <v>75</v>
      </c>
      <c r="AU10" s="197">
        <v>201</v>
      </c>
      <c r="AV10" s="197">
        <v>291</v>
      </c>
      <c r="AW10" s="197">
        <v>366</v>
      </c>
      <c r="AX10" s="195">
        <v>191</v>
      </c>
      <c r="AY10" s="198">
        <v>1124</v>
      </c>
      <c r="AZ10" s="199">
        <v>1124</v>
      </c>
      <c r="BA10" s="194">
        <v>0</v>
      </c>
      <c r="BB10" s="195">
        <v>0</v>
      </c>
      <c r="BC10" s="195">
        <v>0</v>
      </c>
      <c r="BD10" s="196">
        <v>3</v>
      </c>
      <c r="BE10" s="197">
        <v>1</v>
      </c>
      <c r="BF10" s="197">
        <v>6</v>
      </c>
      <c r="BG10" s="197">
        <v>7</v>
      </c>
      <c r="BH10" s="195">
        <v>2</v>
      </c>
      <c r="BI10" s="198">
        <v>19</v>
      </c>
      <c r="BJ10" s="200">
        <v>19</v>
      </c>
      <c r="BK10" s="201">
        <v>0</v>
      </c>
      <c r="BL10" s="195">
        <v>0</v>
      </c>
      <c r="BM10" s="195">
        <v>0</v>
      </c>
      <c r="BN10" s="196">
        <v>0</v>
      </c>
      <c r="BO10" s="197">
        <v>0</v>
      </c>
      <c r="BP10" s="197">
        <v>1</v>
      </c>
      <c r="BQ10" s="197">
        <v>24</v>
      </c>
      <c r="BR10" s="195">
        <v>24</v>
      </c>
      <c r="BS10" s="198">
        <v>49</v>
      </c>
      <c r="BT10" s="199">
        <v>49</v>
      </c>
      <c r="BU10" s="194">
        <v>0</v>
      </c>
      <c r="BV10" s="195">
        <v>0</v>
      </c>
      <c r="BW10" s="195">
        <v>0</v>
      </c>
      <c r="BX10" s="196">
        <v>0</v>
      </c>
      <c r="BY10" s="197">
        <v>0</v>
      </c>
      <c r="BZ10" s="197">
        <v>1</v>
      </c>
      <c r="CA10" s="197">
        <v>24</v>
      </c>
      <c r="CB10" s="195">
        <v>24</v>
      </c>
      <c r="CC10" s="198">
        <v>49</v>
      </c>
      <c r="CD10" s="200">
        <v>49</v>
      </c>
      <c r="CE10" s="201">
        <v>0</v>
      </c>
      <c r="CF10" s="195">
        <v>0</v>
      </c>
      <c r="CG10" s="195">
        <v>0</v>
      </c>
      <c r="CH10" s="196">
        <v>0</v>
      </c>
      <c r="CI10" s="197">
        <v>0</v>
      </c>
      <c r="CJ10" s="197">
        <v>0</v>
      </c>
      <c r="CK10" s="197">
        <v>0</v>
      </c>
      <c r="CL10" s="195">
        <v>0</v>
      </c>
      <c r="CM10" s="198">
        <v>0</v>
      </c>
      <c r="CN10" s="200">
        <v>0</v>
      </c>
      <c r="CO10" s="201">
        <v>0</v>
      </c>
      <c r="CP10" s="195">
        <v>0</v>
      </c>
      <c r="CQ10" s="195">
        <v>0</v>
      </c>
      <c r="CR10" s="196">
        <v>0</v>
      </c>
      <c r="CS10" s="197">
        <v>0</v>
      </c>
      <c r="CT10" s="197">
        <v>5</v>
      </c>
      <c r="CU10" s="197">
        <v>79</v>
      </c>
      <c r="CV10" s="195">
        <v>79</v>
      </c>
      <c r="CW10" s="198">
        <v>163</v>
      </c>
      <c r="CX10" s="199">
        <v>163</v>
      </c>
      <c r="CY10" s="194">
        <v>0</v>
      </c>
      <c r="CZ10" s="195">
        <v>0</v>
      </c>
      <c r="DA10" s="195">
        <v>0</v>
      </c>
      <c r="DB10" s="196">
        <v>0</v>
      </c>
      <c r="DC10" s="197">
        <v>0</v>
      </c>
      <c r="DD10" s="197">
        <v>5</v>
      </c>
      <c r="DE10" s="197">
        <v>78</v>
      </c>
      <c r="DF10" s="195">
        <v>75</v>
      </c>
      <c r="DG10" s="198">
        <v>158</v>
      </c>
      <c r="DH10" s="200">
        <v>158</v>
      </c>
      <c r="DI10" s="201">
        <v>0</v>
      </c>
      <c r="DJ10" s="195">
        <v>0</v>
      </c>
      <c r="DK10" s="195">
        <v>0</v>
      </c>
      <c r="DL10" s="196">
        <v>0</v>
      </c>
      <c r="DM10" s="197">
        <v>0</v>
      </c>
      <c r="DN10" s="197">
        <v>0</v>
      </c>
      <c r="DO10" s="197">
        <v>1</v>
      </c>
      <c r="DP10" s="195">
        <v>4</v>
      </c>
      <c r="DQ10" s="198">
        <v>5</v>
      </c>
      <c r="DR10" s="200">
        <v>5</v>
      </c>
      <c r="DS10" s="201">
        <v>0</v>
      </c>
      <c r="DT10" s="195">
        <v>0</v>
      </c>
      <c r="DU10" s="195">
        <v>0</v>
      </c>
      <c r="DV10" s="196">
        <v>87</v>
      </c>
      <c r="DW10" s="197">
        <v>255</v>
      </c>
      <c r="DX10" s="197">
        <v>1122</v>
      </c>
      <c r="DY10" s="197">
        <v>1726</v>
      </c>
      <c r="DZ10" s="195">
        <v>1095</v>
      </c>
      <c r="EA10" s="198">
        <v>4285</v>
      </c>
      <c r="EB10" s="200">
        <v>4285</v>
      </c>
      <c r="EC10" s="37"/>
    </row>
    <row r="11" spans="2:133" ht="21" customHeight="1" x14ac:dyDescent="0.2">
      <c r="B11" s="62" t="s">
        <v>7</v>
      </c>
      <c r="C11" s="194">
        <v>0</v>
      </c>
      <c r="D11" s="195">
        <v>0</v>
      </c>
      <c r="E11" s="195">
        <v>0</v>
      </c>
      <c r="F11" s="196">
        <v>19</v>
      </c>
      <c r="G11" s="197">
        <v>48</v>
      </c>
      <c r="H11" s="197">
        <v>556</v>
      </c>
      <c r="I11" s="197">
        <v>939</v>
      </c>
      <c r="J11" s="195">
        <v>600</v>
      </c>
      <c r="K11" s="198">
        <v>2162</v>
      </c>
      <c r="L11" s="199">
        <v>2162</v>
      </c>
      <c r="M11" s="194">
        <v>0</v>
      </c>
      <c r="N11" s="195">
        <v>0</v>
      </c>
      <c r="O11" s="198">
        <v>0</v>
      </c>
      <c r="P11" s="196">
        <v>19</v>
      </c>
      <c r="Q11" s="197">
        <v>48</v>
      </c>
      <c r="R11" s="197">
        <v>551</v>
      </c>
      <c r="S11" s="197">
        <v>929</v>
      </c>
      <c r="T11" s="195">
        <v>590</v>
      </c>
      <c r="U11" s="198">
        <v>2137</v>
      </c>
      <c r="V11" s="200">
        <v>2137</v>
      </c>
      <c r="W11" s="201">
        <v>0</v>
      </c>
      <c r="X11" s="195">
        <v>0</v>
      </c>
      <c r="Y11" s="198">
        <v>0</v>
      </c>
      <c r="Z11" s="201">
        <v>0</v>
      </c>
      <c r="AA11" s="197">
        <v>0</v>
      </c>
      <c r="AB11" s="197">
        <v>5</v>
      </c>
      <c r="AC11" s="197">
        <v>10</v>
      </c>
      <c r="AD11" s="195">
        <v>10</v>
      </c>
      <c r="AE11" s="198">
        <v>25</v>
      </c>
      <c r="AF11" s="202">
        <v>25</v>
      </c>
      <c r="AG11" s="201">
        <v>0</v>
      </c>
      <c r="AH11" s="195">
        <v>0</v>
      </c>
      <c r="AI11" s="198">
        <v>0</v>
      </c>
      <c r="AJ11" s="201">
        <v>155</v>
      </c>
      <c r="AK11" s="197">
        <v>212</v>
      </c>
      <c r="AL11" s="197">
        <v>238</v>
      </c>
      <c r="AM11" s="197">
        <v>309</v>
      </c>
      <c r="AN11" s="195">
        <v>96</v>
      </c>
      <c r="AO11" s="198">
        <v>1010</v>
      </c>
      <c r="AP11" s="202">
        <v>1010</v>
      </c>
      <c r="AQ11" s="201">
        <v>0</v>
      </c>
      <c r="AR11" s="195">
        <v>0</v>
      </c>
      <c r="AS11" s="198">
        <v>0</v>
      </c>
      <c r="AT11" s="196">
        <v>154</v>
      </c>
      <c r="AU11" s="197">
        <v>210</v>
      </c>
      <c r="AV11" s="197">
        <v>234</v>
      </c>
      <c r="AW11" s="197">
        <v>302</v>
      </c>
      <c r="AX11" s="195">
        <v>93</v>
      </c>
      <c r="AY11" s="198">
        <v>993</v>
      </c>
      <c r="AZ11" s="199">
        <v>993</v>
      </c>
      <c r="BA11" s="194">
        <v>0</v>
      </c>
      <c r="BB11" s="195">
        <v>0</v>
      </c>
      <c r="BC11" s="195">
        <v>0</v>
      </c>
      <c r="BD11" s="196">
        <v>1</v>
      </c>
      <c r="BE11" s="197">
        <v>2</v>
      </c>
      <c r="BF11" s="197">
        <v>4</v>
      </c>
      <c r="BG11" s="197">
        <v>7</v>
      </c>
      <c r="BH11" s="195">
        <v>3</v>
      </c>
      <c r="BI11" s="198">
        <v>17</v>
      </c>
      <c r="BJ11" s="200">
        <v>17</v>
      </c>
      <c r="BK11" s="201">
        <v>0</v>
      </c>
      <c r="BL11" s="195">
        <v>0</v>
      </c>
      <c r="BM11" s="195">
        <v>0</v>
      </c>
      <c r="BN11" s="196">
        <v>0</v>
      </c>
      <c r="BO11" s="197">
        <v>0</v>
      </c>
      <c r="BP11" s="197">
        <v>0</v>
      </c>
      <c r="BQ11" s="197">
        <v>2</v>
      </c>
      <c r="BR11" s="195">
        <v>4</v>
      </c>
      <c r="BS11" s="198">
        <v>6</v>
      </c>
      <c r="BT11" s="199">
        <v>6</v>
      </c>
      <c r="BU11" s="194">
        <v>0</v>
      </c>
      <c r="BV11" s="195">
        <v>0</v>
      </c>
      <c r="BW11" s="195">
        <v>0</v>
      </c>
      <c r="BX11" s="196">
        <v>0</v>
      </c>
      <c r="BY11" s="197">
        <v>0</v>
      </c>
      <c r="BZ11" s="197">
        <v>0</v>
      </c>
      <c r="CA11" s="197">
        <v>2</v>
      </c>
      <c r="CB11" s="195">
        <v>4</v>
      </c>
      <c r="CC11" s="198">
        <v>6</v>
      </c>
      <c r="CD11" s="200">
        <v>6</v>
      </c>
      <c r="CE11" s="201">
        <v>0</v>
      </c>
      <c r="CF11" s="195">
        <v>0</v>
      </c>
      <c r="CG11" s="195">
        <v>0</v>
      </c>
      <c r="CH11" s="196">
        <v>0</v>
      </c>
      <c r="CI11" s="197">
        <v>0</v>
      </c>
      <c r="CJ11" s="197">
        <v>0</v>
      </c>
      <c r="CK11" s="197">
        <v>0</v>
      </c>
      <c r="CL11" s="195">
        <v>0</v>
      </c>
      <c r="CM11" s="198">
        <v>0</v>
      </c>
      <c r="CN11" s="200">
        <v>0</v>
      </c>
      <c r="CO11" s="201">
        <v>0</v>
      </c>
      <c r="CP11" s="195">
        <v>0</v>
      </c>
      <c r="CQ11" s="195">
        <v>0</v>
      </c>
      <c r="CR11" s="196">
        <v>0</v>
      </c>
      <c r="CS11" s="197">
        <v>0</v>
      </c>
      <c r="CT11" s="197">
        <v>2</v>
      </c>
      <c r="CU11" s="197">
        <v>1</v>
      </c>
      <c r="CV11" s="195">
        <v>4</v>
      </c>
      <c r="CW11" s="198">
        <v>7</v>
      </c>
      <c r="CX11" s="199">
        <v>7</v>
      </c>
      <c r="CY11" s="194">
        <v>0</v>
      </c>
      <c r="CZ11" s="195">
        <v>0</v>
      </c>
      <c r="DA11" s="195">
        <v>0</v>
      </c>
      <c r="DB11" s="196">
        <v>0</v>
      </c>
      <c r="DC11" s="197">
        <v>0</v>
      </c>
      <c r="DD11" s="197">
        <v>2</v>
      </c>
      <c r="DE11" s="197">
        <v>1</v>
      </c>
      <c r="DF11" s="195">
        <v>4</v>
      </c>
      <c r="DG11" s="198">
        <v>7</v>
      </c>
      <c r="DH11" s="200">
        <v>7</v>
      </c>
      <c r="DI11" s="201">
        <v>0</v>
      </c>
      <c r="DJ11" s="195">
        <v>0</v>
      </c>
      <c r="DK11" s="195">
        <v>0</v>
      </c>
      <c r="DL11" s="196">
        <v>0</v>
      </c>
      <c r="DM11" s="197">
        <v>0</v>
      </c>
      <c r="DN11" s="197">
        <v>0</v>
      </c>
      <c r="DO11" s="197">
        <v>0</v>
      </c>
      <c r="DP11" s="195">
        <v>0</v>
      </c>
      <c r="DQ11" s="198">
        <v>0</v>
      </c>
      <c r="DR11" s="200">
        <v>0</v>
      </c>
      <c r="DS11" s="201">
        <v>0</v>
      </c>
      <c r="DT11" s="195">
        <v>0</v>
      </c>
      <c r="DU11" s="195">
        <v>0</v>
      </c>
      <c r="DV11" s="196">
        <v>174</v>
      </c>
      <c r="DW11" s="197">
        <v>260</v>
      </c>
      <c r="DX11" s="197">
        <v>792</v>
      </c>
      <c r="DY11" s="197">
        <v>1245</v>
      </c>
      <c r="DZ11" s="195">
        <v>699</v>
      </c>
      <c r="EA11" s="198">
        <v>3170</v>
      </c>
      <c r="EB11" s="200">
        <v>3170</v>
      </c>
      <c r="EC11" s="37"/>
    </row>
    <row r="12" spans="2:133" ht="21" customHeight="1" x14ac:dyDescent="0.2">
      <c r="B12" s="62" t="s">
        <v>8</v>
      </c>
      <c r="C12" s="194">
        <v>0</v>
      </c>
      <c r="D12" s="195">
        <v>0</v>
      </c>
      <c r="E12" s="195">
        <v>0</v>
      </c>
      <c r="F12" s="196">
        <v>21</v>
      </c>
      <c r="G12" s="197">
        <v>71</v>
      </c>
      <c r="H12" s="197">
        <v>368</v>
      </c>
      <c r="I12" s="197">
        <v>432</v>
      </c>
      <c r="J12" s="195">
        <v>253</v>
      </c>
      <c r="K12" s="198">
        <v>1145</v>
      </c>
      <c r="L12" s="199">
        <v>1145</v>
      </c>
      <c r="M12" s="194">
        <v>0</v>
      </c>
      <c r="N12" s="195">
        <v>0</v>
      </c>
      <c r="O12" s="198">
        <v>0</v>
      </c>
      <c r="P12" s="196">
        <v>21</v>
      </c>
      <c r="Q12" s="197">
        <v>71</v>
      </c>
      <c r="R12" s="197">
        <v>365</v>
      </c>
      <c r="S12" s="197">
        <v>428</v>
      </c>
      <c r="T12" s="195">
        <v>250</v>
      </c>
      <c r="U12" s="198">
        <v>1135</v>
      </c>
      <c r="V12" s="200">
        <v>1135</v>
      </c>
      <c r="W12" s="201">
        <v>0</v>
      </c>
      <c r="X12" s="195">
        <v>0</v>
      </c>
      <c r="Y12" s="198">
        <v>0</v>
      </c>
      <c r="Z12" s="201">
        <v>0</v>
      </c>
      <c r="AA12" s="197">
        <v>0</v>
      </c>
      <c r="AB12" s="197">
        <v>3</v>
      </c>
      <c r="AC12" s="197">
        <v>4</v>
      </c>
      <c r="AD12" s="195">
        <v>3</v>
      </c>
      <c r="AE12" s="198">
        <v>10</v>
      </c>
      <c r="AF12" s="202">
        <v>10</v>
      </c>
      <c r="AG12" s="201">
        <v>0</v>
      </c>
      <c r="AH12" s="195">
        <v>0</v>
      </c>
      <c r="AI12" s="198">
        <v>0</v>
      </c>
      <c r="AJ12" s="201">
        <v>44</v>
      </c>
      <c r="AK12" s="197">
        <v>102</v>
      </c>
      <c r="AL12" s="197">
        <v>161</v>
      </c>
      <c r="AM12" s="197">
        <v>127</v>
      </c>
      <c r="AN12" s="195">
        <v>63</v>
      </c>
      <c r="AO12" s="198">
        <v>497</v>
      </c>
      <c r="AP12" s="202">
        <v>497</v>
      </c>
      <c r="AQ12" s="201">
        <v>0</v>
      </c>
      <c r="AR12" s="195">
        <v>0</v>
      </c>
      <c r="AS12" s="198">
        <v>0</v>
      </c>
      <c r="AT12" s="196">
        <v>42</v>
      </c>
      <c r="AU12" s="197">
        <v>100</v>
      </c>
      <c r="AV12" s="197">
        <v>159</v>
      </c>
      <c r="AW12" s="197">
        <v>126</v>
      </c>
      <c r="AX12" s="195">
        <v>61</v>
      </c>
      <c r="AY12" s="198">
        <v>488</v>
      </c>
      <c r="AZ12" s="199">
        <v>488</v>
      </c>
      <c r="BA12" s="194">
        <v>0</v>
      </c>
      <c r="BB12" s="195">
        <v>0</v>
      </c>
      <c r="BC12" s="195">
        <v>0</v>
      </c>
      <c r="BD12" s="196">
        <v>2</v>
      </c>
      <c r="BE12" s="197">
        <v>2</v>
      </c>
      <c r="BF12" s="197">
        <v>2</v>
      </c>
      <c r="BG12" s="197">
        <v>1</v>
      </c>
      <c r="BH12" s="195">
        <v>2</v>
      </c>
      <c r="BI12" s="198">
        <v>9</v>
      </c>
      <c r="BJ12" s="200">
        <v>9</v>
      </c>
      <c r="BK12" s="201">
        <v>0</v>
      </c>
      <c r="BL12" s="195">
        <v>0</v>
      </c>
      <c r="BM12" s="195">
        <v>0</v>
      </c>
      <c r="BN12" s="196">
        <v>0</v>
      </c>
      <c r="BO12" s="197">
        <v>0</v>
      </c>
      <c r="BP12" s="197">
        <v>0</v>
      </c>
      <c r="BQ12" s="197">
        <v>1</v>
      </c>
      <c r="BR12" s="195">
        <v>0</v>
      </c>
      <c r="BS12" s="198">
        <v>1</v>
      </c>
      <c r="BT12" s="199">
        <v>1</v>
      </c>
      <c r="BU12" s="194">
        <v>0</v>
      </c>
      <c r="BV12" s="195">
        <v>0</v>
      </c>
      <c r="BW12" s="195">
        <v>0</v>
      </c>
      <c r="BX12" s="196">
        <v>0</v>
      </c>
      <c r="BY12" s="197">
        <v>0</v>
      </c>
      <c r="BZ12" s="197">
        <v>0</v>
      </c>
      <c r="CA12" s="197">
        <v>1</v>
      </c>
      <c r="CB12" s="195">
        <v>0</v>
      </c>
      <c r="CC12" s="198">
        <v>1</v>
      </c>
      <c r="CD12" s="200">
        <v>1</v>
      </c>
      <c r="CE12" s="201">
        <v>0</v>
      </c>
      <c r="CF12" s="195">
        <v>0</v>
      </c>
      <c r="CG12" s="195">
        <v>0</v>
      </c>
      <c r="CH12" s="196">
        <v>0</v>
      </c>
      <c r="CI12" s="197">
        <v>0</v>
      </c>
      <c r="CJ12" s="197">
        <v>0</v>
      </c>
      <c r="CK12" s="197">
        <v>0</v>
      </c>
      <c r="CL12" s="195">
        <v>0</v>
      </c>
      <c r="CM12" s="198">
        <v>0</v>
      </c>
      <c r="CN12" s="200">
        <v>0</v>
      </c>
      <c r="CO12" s="201">
        <v>0</v>
      </c>
      <c r="CP12" s="195">
        <v>0</v>
      </c>
      <c r="CQ12" s="195">
        <v>0</v>
      </c>
      <c r="CR12" s="196">
        <v>1</v>
      </c>
      <c r="CS12" s="197">
        <v>0</v>
      </c>
      <c r="CT12" s="197">
        <v>2</v>
      </c>
      <c r="CU12" s="197">
        <v>9</v>
      </c>
      <c r="CV12" s="195">
        <v>11</v>
      </c>
      <c r="CW12" s="198">
        <v>23</v>
      </c>
      <c r="CX12" s="199">
        <v>23</v>
      </c>
      <c r="CY12" s="194">
        <v>0</v>
      </c>
      <c r="CZ12" s="195">
        <v>0</v>
      </c>
      <c r="DA12" s="195">
        <v>0</v>
      </c>
      <c r="DB12" s="196">
        <v>1</v>
      </c>
      <c r="DC12" s="197">
        <v>0</v>
      </c>
      <c r="DD12" s="197">
        <v>2</v>
      </c>
      <c r="DE12" s="197">
        <v>9</v>
      </c>
      <c r="DF12" s="195">
        <v>10</v>
      </c>
      <c r="DG12" s="198">
        <v>22</v>
      </c>
      <c r="DH12" s="200">
        <v>22</v>
      </c>
      <c r="DI12" s="201">
        <v>0</v>
      </c>
      <c r="DJ12" s="195">
        <v>0</v>
      </c>
      <c r="DK12" s="195">
        <v>0</v>
      </c>
      <c r="DL12" s="196">
        <v>0</v>
      </c>
      <c r="DM12" s="197">
        <v>0</v>
      </c>
      <c r="DN12" s="197">
        <v>0</v>
      </c>
      <c r="DO12" s="197">
        <v>0</v>
      </c>
      <c r="DP12" s="195">
        <v>1</v>
      </c>
      <c r="DQ12" s="198">
        <v>1</v>
      </c>
      <c r="DR12" s="200">
        <v>1</v>
      </c>
      <c r="DS12" s="201">
        <v>0</v>
      </c>
      <c r="DT12" s="195">
        <v>0</v>
      </c>
      <c r="DU12" s="195">
        <v>0</v>
      </c>
      <c r="DV12" s="196">
        <v>66</v>
      </c>
      <c r="DW12" s="197">
        <v>173</v>
      </c>
      <c r="DX12" s="197">
        <v>531</v>
      </c>
      <c r="DY12" s="197">
        <v>569</v>
      </c>
      <c r="DZ12" s="195">
        <v>327</v>
      </c>
      <c r="EA12" s="198">
        <v>1666</v>
      </c>
      <c r="EB12" s="200">
        <v>1666</v>
      </c>
      <c r="EC12" s="37"/>
    </row>
    <row r="13" spans="2:133" ht="21" customHeight="1" x14ac:dyDescent="0.2">
      <c r="B13" s="62" t="s">
        <v>9</v>
      </c>
      <c r="C13" s="194">
        <v>0</v>
      </c>
      <c r="D13" s="195">
        <v>0</v>
      </c>
      <c r="E13" s="195">
        <v>0</v>
      </c>
      <c r="F13" s="196">
        <v>9</v>
      </c>
      <c r="G13" s="197">
        <v>3</v>
      </c>
      <c r="H13" s="197">
        <v>194</v>
      </c>
      <c r="I13" s="197">
        <v>359</v>
      </c>
      <c r="J13" s="195">
        <v>265</v>
      </c>
      <c r="K13" s="198">
        <v>830</v>
      </c>
      <c r="L13" s="199">
        <v>830</v>
      </c>
      <c r="M13" s="194">
        <v>0</v>
      </c>
      <c r="N13" s="195">
        <v>0</v>
      </c>
      <c r="O13" s="198">
        <v>0</v>
      </c>
      <c r="P13" s="196">
        <v>9</v>
      </c>
      <c r="Q13" s="197">
        <v>3</v>
      </c>
      <c r="R13" s="197">
        <v>194</v>
      </c>
      <c r="S13" s="197">
        <v>355</v>
      </c>
      <c r="T13" s="195">
        <v>263</v>
      </c>
      <c r="U13" s="198">
        <v>824</v>
      </c>
      <c r="V13" s="200">
        <v>824</v>
      </c>
      <c r="W13" s="201">
        <v>0</v>
      </c>
      <c r="X13" s="195">
        <v>0</v>
      </c>
      <c r="Y13" s="198">
        <v>0</v>
      </c>
      <c r="Z13" s="201">
        <v>0</v>
      </c>
      <c r="AA13" s="197">
        <v>0</v>
      </c>
      <c r="AB13" s="197">
        <v>0</v>
      </c>
      <c r="AC13" s="197">
        <v>4</v>
      </c>
      <c r="AD13" s="195">
        <v>2</v>
      </c>
      <c r="AE13" s="198">
        <v>6</v>
      </c>
      <c r="AF13" s="202">
        <v>6</v>
      </c>
      <c r="AG13" s="201">
        <v>0</v>
      </c>
      <c r="AH13" s="195">
        <v>0</v>
      </c>
      <c r="AI13" s="198">
        <v>0</v>
      </c>
      <c r="AJ13" s="201">
        <v>23</v>
      </c>
      <c r="AK13" s="197">
        <v>67</v>
      </c>
      <c r="AL13" s="197">
        <v>79</v>
      </c>
      <c r="AM13" s="197">
        <v>130</v>
      </c>
      <c r="AN13" s="195">
        <v>61</v>
      </c>
      <c r="AO13" s="198">
        <v>360</v>
      </c>
      <c r="AP13" s="202">
        <v>360</v>
      </c>
      <c r="AQ13" s="201">
        <v>0</v>
      </c>
      <c r="AR13" s="195">
        <v>0</v>
      </c>
      <c r="AS13" s="198">
        <v>0</v>
      </c>
      <c r="AT13" s="196">
        <v>23</v>
      </c>
      <c r="AU13" s="197">
        <v>66</v>
      </c>
      <c r="AV13" s="197">
        <v>77</v>
      </c>
      <c r="AW13" s="197">
        <v>127</v>
      </c>
      <c r="AX13" s="195">
        <v>60</v>
      </c>
      <c r="AY13" s="198">
        <v>353</v>
      </c>
      <c r="AZ13" s="199">
        <v>353</v>
      </c>
      <c r="BA13" s="194">
        <v>0</v>
      </c>
      <c r="BB13" s="195">
        <v>0</v>
      </c>
      <c r="BC13" s="195">
        <v>0</v>
      </c>
      <c r="BD13" s="196">
        <v>0</v>
      </c>
      <c r="BE13" s="197">
        <v>1</v>
      </c>
      <c r="BF13" s="197">
        <v>2</v>
      </c>
      <c r="BG13" s="197">
        <v>3</v>
      </c>
      <c r="BH13" s="195">
        <v>1</v>
      </c>
      <c r="BI13" s="198">
        <v>7</v>
      </c>
      <c r="BJ13" s="200">
        <v>7</v>
      </c>
      <c r="BK13" s="201">
        <v>0</v>
      </c>
      <c r="BL13" s="195">
        <v>0</v>
      </c>
      <c r="BM13" s="195">
        <v>0</v>
      </c>
      <c r="BN13" s="196">
        <v>0</v>
      </c>
      <c r="BO13" s="197">
        <v>0</v>
      </c>
      <c r="BP13" s="197">
        <v>0</v>
      </c>
      <c r="BQ13" s="197">
        <v>1</v>
      </c>
      <c r="BR13" s="195">
        <v>0</v>
      </c>
      <c r="BS13" s="198">
        <v>1</v>
      </c>
      <c r="BT13" s="199">
        <v>1</v>
      </c>
      <c r="BU13" s="194">
        <v>0</v>
      </c>
      <c r="BV13" s="195">
        <v>0</v>
      </c>
      <c r="BW13" s="195">
        <v>0</v>
      </c>
      <c r="BX13" s="196">
        <v>0</v>
      </c>
      <c r="BY13" s="197">
        <v>0</v>
      </c>
      <c r="BZ13" s="197">
        <v>0</v>
      </c>
      <c r="CA13" s="197">
        <v>1</v>
      </c>
      <c r="CB13" s="195">
        <v>0</v>
      </c>
      <c r="CC13" s="198">
        <v>1</v>
      </c>
      <c r="CD13" s="200">
        <v>1</v>
      </c>
      <c r="CE13" s="201">
        <v>0</v>
      </c>
      <c r="CF13" s="195">
        <v>0</v>
      </c>
      <c r="CG13" s="195">
        <v>0</v>
      </c>
      <c r="CH13" s="196">
        <v>0</v>
      </c>
      <c r="CI13" s="197">
        <v>0</v>
      </c>
      <c r="CJ13" s="197">
        <v>0</v>
      </c>
      <c r="CK13" s="197">
        <v>0</v>
      </c>
      <c r="CL13" s="195">
        <v>0</v>
      </c>
      <c r="CM13" s="198">
        <v>0</v>
      </c>
      <c r="CN13" s="200">
        <v>0</v>
      </c>
      <c r="CO13" s="201">
        <v>0</v>
      </c>
      <c r="CP13" s="195">
        <v>0</v>
      </c>
      <c r="CQ13" s="195">
        <v>0</v>
      </c>
      <c r="CR13" s="196">
        <v>0</v>
      </c>
      <c r="CS13" s="197">
        <v>1</v>
      </c>
      <c r="CT13" s="197">
        <v>1</v>
      </c>
      <c r="CU13" s="197">
        <v>2</v>
      </c>
      <c r="CV13" s="195">
        <v>6</v>
      </c>
      <c r="CW13" s="198">
        <v>10</v>
      </c>
      <c r="CX13" s="199">
        <v>10</v>
      </c>
      <c r="CY13" s="194">
        <v>0</v>
      </c>
      <c r="CZ13" s="195">
        <v>0</v>
      </c>
      <c r="DA13" s="195">
        <v>0</v>
      </c>
      <c r="DB13" s="196">
        <v>0</v>
      </c>
      <c r="DC13" s="197">
        <v>1</v>
      </c>
      <c r="DD13" s="197">
        <v>1</v>
      </c>
      <c r="DE13" s="197">
        <v>2</v>
      </c>
      <c r="DF13" s="195">
        <v>6</v>
      </c>
      <c r="DG13" s="198">
        <v>10</v>
      </c>
      <c r="DH13" s="200">
        <v>10</v>
      </c>
      <c r="DI13" s="201">
        <v>0</v>
      </c>
      <c r="DJ13" s="195">
        <v>0</v>
      </c>
      <c r="DK13" s="195">
        <v>0</v>
      </c>
      <c r="DL13" s="196">
        <v>0</v>
      </c>
      <c r="DM13" s="197">
        <v>0</v>
      </c>
      <c r="DN13" s="197">
        <v>0</v>
      </c>
      <c r="DO13" s="197">
        <v>0</v>
      </c>
      <c r="DP13" s="195">
        <v>0</v>
      </c>
      <c r="DQ13" s="198">
        <v>0</v>
      </c>
      <c r="DR13" s="200">
        <v>0</v>
      </c>
      <c r="DS13" s="201">
        <v>0</v>
      </c>
      <c r="DT13" s="195">
        <v>0</v>
      </c>
      <c r="DU13" s="195">
        <v>0</v>
      </c>
      <c r="DV13" s="196">
        <v>32</v>
      </c>
      <c r="DW13" s="197">
        <v>71</v>
      </c>
      <c r="DX13" s="197">
        <v>272</v>
      </c>
      <c r="DY13" s="197">
        <v>491</v>
      </c>
      <c r="DZ13" s="195">
        <v>330</v>
      </c>
      <c r="EA13" s="198">
        <v>1196</v>
      </c>
      <c r="EB13" s="200">
        <v>1196</v>
      </c>
      <c r="EC13" s="37"/>
    </row>
    <row r="14" spans="2:133" ht="21" customHeight="1" x14ac:dyDescent="0.2">
      <c r="B14" s="62" t="s">
        <v>10</v>
      </c>
      <c r="C14" s="194">
        <v>0</v>
      </c>
      <c r="D14" s="195">
        <v>0</v>
      </c>
      <c r="E14" s="195">
        <v>0</v>
      </c>
      <c r="F14" s="196">
        <v>17</v>
      </c>
      <c r="G14" s="197">
        <v>44</v>
      </c>
      <c r="H14" s="197">
        <v>377</v>
      </c>
      <c r="I14" s="197">
        <v>518</v>
      </c>
      <c r="J14" s="195">
        <v>480</v>
      </c>
      <c r="K14" s="198">
        <v>1436</v>
      </c>
      <c r="L14" s="199">
        <v>1436</v>
      </c>
      <c r="M14" s="194">
        <v>0</v>
      </c>
      <c r="N14" s="195">
        <v>0</v>
      </c>
      <c r="O14" s="198">
        <v>0</v>
      </c>
      <c r="P14" s="196">
        <v>17</v>
      </c>
      <c r="Q14" s="197">
        <v>43</v>
      </c>
      <c r="R14" s="197">
        <v>373</v>
      </c>
      <c r="S14" s="197">
        <v>516</v>
      </c>
      <c r="T14" s="195">
        <v>472</v>
      </c>
      <c r="U14" s="198">
        <v>1421</v>
      </c>
      <c r="V14" s="200">
        <v>1421</v>
      </c>
      <c r="W14" s="201">
        <v>0</v>
      </c>
      <c r="X14" s="195">
        <v>0</v>
      </c>
      <c r="Y14" s="198">
        <v>0</v>
      </c>
      <c r="Z14" s="201">
        <v>0</v>
      </c>
      <c r="AA14" s="197">
        <v>1</v>
      </c>
      <c r="AB14" s="197">
        <v>4</v>
      </c>
      <c r="AC14" s="197">
        <v>2</v>
      </c>
      <c r="AD14" s="195">
        <v>8</v>
      </c>
      <c r="AE14" s="198">
        <v>15</v>
      </c>
      <c r="AF14" s="202">
        <v>15</v>
      </c>
      <c r="AG14" s="201">
        <v>0</v>
      </c>
      <c r="AH14" s="195">
        <v>0</v>
      </c>
      <c r="AI14" s="198">
        <v>0</v>
      </c>
      <c r="AJ14" s="201">
        <v>95</v>
      </c>
      <c r="AK14" s="197">
        <v>124</v>
      </c>
      <c r="AL14" s="197">
        <v>165</v>
      </c>
      <c r="AM14" s="197">
        <v>163</v>
      </c>
      <c r="AN14" s="195">
        <v>94</v>
      </c>
      <c r="AO14" s="198">
        <v>641</v>
      </c>
      <c r="AP14" s="202">
        <v>641</v>
      </c>
      <c r="AQ14" s="201">
        <v>0</v>
      </c>
      <c r="AR14" s="195">
        <v>0</v>
      </c>
      <c r="AS14" s="198">
        <v>0</v>
      </c>
      <c r="AT14" s="196">
        <v>92</v>
      </c>
      <c r="AU14" s="197">
        <v>122</v>
      </c>
      <c r="AV14" s="197">
        <v>163</v>
      </c>
      <c r="AW14" s="197">
        <v>160</v>
      </c>
      <c r="AX14" s="195">
        <v>91</v>
      </c>
      <c r="AY14" s="198">
        <v>628</v>
      </c>
      <c r="AZ14" s="199">
        <v>628</v>
      </c>
      <c r="BA14" s="194">
        <v>0</v>
      </c>
      <c r="BB14" s="195">
        <v>0</v>
      </c>
      <c r="BC14" s="195">
        <v>0</v>
      </c>
      <c r="BD14" s="196">
        <v>3</v>
      </c>
      <c r="BE14" s="197">
        <v>2</v>
      </c>
      <c r="BF14" s="197">
        <v>2</v>
      </c>
      <c r="BG14" s="197">
        <v>3</v>
      </c>
      <c r="BH14" s="195">
        <v>3</v>
      </c>
      <c r="BI14" s="198">
        <v>13</v>
      </c>
      <c r="BJ14" s="200">
        <v>13</v>
      </c>
      <c r="BK14" s="201">
        <v>0</v>
      </c>
      <c r="BL14" s="195">
        <v>0</v>
      </c>
      <c r="BM14" s="195">
        <v>0</v>
      </c>
      <c r="BN14" s="196">
        <v>0</v>
      </c>
      <c r="BO14" s="197">
        <v>0</v>
      </c>
      <c r="BP14" s="197">
        <v>0</v>
      </c>
      <c r="BQ14" s="197">
        <v>0</v>
      </c>
      <c r="BR14" s="195">
        <v>1</v>
      </c>
      <c r="BS14" s="198">
        <v>1</v>
      </c>
      <c r="BT14" s="199">
        <v>1</v>
      </c>
      <c r="BU14" s="194">
        <v>0</v>
      </c>
      <c r="BV14" s="195">
        <v>0</v>
      </c>
      <c r="BW14" s="195">
        <v>0</v>
      </c>
      <c r="BX14" s="196">
        <v>0</v>
      </c>
      <c r="BY14" s="197">
        <v>0</v>
      </c>
      <c r="BZ14" s="197">
        <v>0</v>
      </c>
      <c r="CA14" s="197">
        <v>0</v>
      </c>
      <c r="CB14" s="195">
        <v>1</v>
      </c>
      <c r="CC14" s="198">
        <v>1</v>
      </c>
      <c r="CD14" s="200">
        <v>1</v>
      </c>
      <c r="CE14" s="201">
        <v>0</v>
      </c>
      <c r="CF14" s="195">
        <v>0</v>
      </c>
      <c r="CG14" s="195">
        <v>0</v>
      </c>
      <c r="CH14" s="196">
        <v>0</v>
      </c>
      <c r="CI14" s="197">
        <v>0</v>
      </c>
      <c r="CJ14" s="197">
        <v>0</v>
      </c>
      <c r="CK14" s="197">
        <v>0</v>
      </c>
      <c r="CL14" s="195">
        <v>0</v>
      </c>
      <c r="CM14" s="198">
        <v>0</v>
      </c>
      <c r="CN14" s="200">
        <v>0</v>
      </c>
      <c r="CO14" s="201">
        <v>0</v>
      </c>
      <c r="CP14" s="195">
        <v>0</v>
      </c>
      <c r="CQ14" s="195">
        <v>0</v>
      </c>
      <c r="CR14" s="196">
        <v>1</v>
      </c>
      <c r="CS14" s="197">
        <v>0</v>
      </c>
      <c r="CT14" s="197">
        <v>0</v>
      </c>
      <c r="CU14" s="197">
        <v>3</v>
      </c>
      <c r="CV14" s="195">
        <v>32</v>
      </c>
      <c r="CW14" s="198">
        <v>36</v>
      </c>
      <c r="CX14" s="199">
        <v>36</v>
      </c>
      <c r="CY14" s="194">
        <v>0</v>
      </c>
      <c r="CZ14" s="195">
        <v>0</v>
      </c>
      <c r="DA14" s="195">
        <v>0</v>
      </c>
      <c r="DB14" s="196">
        <v>1</v>
      </c>
      <c r="DC14" s="197">
        <v>0</v>
      </c>
      <c r="DD14" s="197">
        <v>0</v>
      </c>
      <c r="DE14" s="197">
        <v>3</v>
      </c>
      <c r="DF14" s="195">
        <v>32</v>
      </c>
      <c r="DG14" s="198">
        <v>36</v>
      </c>
      <c r="DH14" s="200">
        <v>36</v>
      </c>
      <c r="DI14" s="201">
        <v>0</v>
      </c>
      <c r="DJ14" s="195">
        <v>0</v>
      </c>
      <c r="DK14" s="195">
        <v>0</v>
      </c>
      <c r="DL14" s="196">
        <v>0</v>
      </c>
      <c r="DM14" s="197">
        <v>0</v>
      </c>
      <c r="DN14" s="197">
        <v>0</v>
      </c>
      <c r="DO14" s="197">
        <v>0</v>
      </c>
      <c r="DP14" s="195">
        <v>0</v>
      </c>
      <c r="DQ14" s="198">
        <v>0</v>
      </c>
      <c r="DR14" s="200">
        <v>0</v>
      </c>
      <c r="DS14" s="201">
        <v>0</v>
      </c>
      <c r="DT14" s="195">
        <v>0</v>
      </c>
      <c r="DU14" s="195">
        <v>0</v>
      </c>
      <c r="DV14" s="196">
        <v>113</v>
      </c>
      <c r="DW14" s="197">
        <v>168</v>
      </c>
      <c r="DX14" s="197">
        <v>539</v>
      </c>
      <c r="DY14" s="197">
        <v>684</v>
      </c>
      <c r="DZ14" s="195">
        <v>603</v>
      </c>
      <c r="EA14" s="198">
        <v>2107</v>
      </c>
      <c r="EB14" s="200">
        <v>2107</v>
      </c>
      <c r="EC14" s="37"/>
    </row>
    <row r="15" spans="2:133" ht="21" customHeight="1" x14ac:dyDescent="0.2">
      <c r="B15" s="62" t="s">
        <v>11</v>
      </c>
      <c r="C15" s="194">
        <v>0</v>
      </c>
      <c r="D15" s="195">
        <v>0</v>
      </c>
      <c r="E15" s="195">
        <v>0</v>
      </c>
      <c r="F15" s="196">
        <v>2</v>
      </c>
      <c r="G15" s="197">
        <v>7</v>
      </c>
      <c r="H15" s="197">
        <v>210</v>
      </c>
      <c r="I15" s="197">
        <v>342</v>
      </c>
      <c r="J15" s="195">
        <v>188</v>
      </c>
      <c r="K15" s="198">
        <v>749</v>
      </c>
      <c r="L15" s="199">
        <v>749</v>
      </c>
      <c r="M15" s="194">
        <v>0</v>
      </c>
      <c r="N15" s="195">
        <v>0</v>
      </c>
      <c r="O15" s="198">
        <v>0</v>
      </c>
      <c r="P15" s="196">
        <v>2</v>
      </c>
      <c r="Q15" s="197">
        <v>7</v>
      </c>
      <c r="R15" s="197">
        <v>210</v>
      </c>
      <c r="S15" s="197">
        <v>340</v>
      </c>
      <c r="T15" s="195">
        <v>187</v>
      </c>
      <c r="U15" s="198">
        <v>746</v>
      </c>
      <c r="V15" s="200">
        <v>746</v>
      </c>
      <c r="W15" s="201">
        <v>0</v>
      </c>
      <c r="X15" s="195">
        <v>0</v>
      </c>
      <c r="Y15" s="198">
        <v>0</v>
      </c>
      <c r="Z15" s="201">
        <v>0</v>
      </c>
      <c r="AA15" s="197">
        <v>0</v>
      </c>
      <c r="AB15" s="197">
        <v>0</v>
      </c>
      <c r="AC15" s="197">
        <v>2</v>
      </c>
      <c r="AD15" s="195">
        <v>1</v>
      </c>
      <c r="AE15" s="198">
        <v>3</v>
      </c>
      <c r="AF15" s="202">
        <v>3</v>
      </c>
      <c r="AG15" s="201">
        <v>0</v>
      </c>
      <c r="AH15" s="195">
        <v>0</v>
      </c>
      <c r="AI15" s="198">
        <v>0</v>
      </c>
      <c r="AJ15" s="201">
        <v>63</v>
      </c>
      <c r="AK15" s="197">
        <v>89</v>
      </c>
      <c r="AL15" s="197">
        <v>122</v>
      </c>
      <c r="AM15" s="197">
        <v>154</v>
      </c>
      <c r="AN15" s="195">
        <v>66</v>
      </c>
      <c r="AO15" s="198">
        <v>494</v>
      </c>
      <c r="AP15" s="202">
        <v>494</v>
      </c>
      <c r="AQ15" s="201">
        <v>0</v>
      </c>
      <c r="AR15" s="195">
        <v>0</v>
      </c>
      <c r="AS15" s="198">
        <v>0</v>
      </c>
      <c r="AT15" s="196">
        <v>61</v>
      </c>
      <c r="AU15" s="197">
        <v>88</v>
      </c>
      <c r="AV15" s="197">
        <v>118</v>
      </c>
      <c r="AW15" s="197">
        <v>153</v>
      </c>
      <c r="AX15" s="195">
        <v>66</v>
      </c>
      <c r="AY15" s="198">
        <v>486</v>
      </c>
      <c r="AZ15" s="199">
        <v>486</v>
      </c>
      <c r="BA15" s="194">
        <v>0</v>
      </c>
      <c r="BB15" s="195">
        <v>0</v>
      </c>
      <c r="BC15" s="195">
        <v>0</v>
      </c>
      <c r="BD15" s="196">
        <v>2</v>
      </c>
      <c r="BE15" s="197">
        <v>1</v>
      </c>
      <c r="BF15" s="197">
        <v>4</v>
      </c>
      <c r="BG15" s="197">
        <v>1</v>
      </c>
      <c r="BH15" s="195">
        <v>0</v>
      </c>
      <c r="BI15" s="198">
        <v>8</v>
      </c>
      <c r="BJ15" s="200">
        <v>8</v>
      </c>
      <c r="BK15" s="201">
        <v>0</v>
      </c>
      <c r="BL15" s="195">
        <v>0</v>
      </c>
      <c r="BM15" s="195">
        <v>0</v>
      </c>
      <c r="BN15" s="196">
        <v>0</v>
      </c>
      <c r="BO15" s="197">
        <v>0</v>
      </c>
      <c r="BP15" s="197">
        <v>0</v>
      </c>
      <c r="BQ15" s="197">
        <v>1</v>
      </c>
      <c r="BR15" s="195">
        <v>1</v>
      </c>
      <c r="BS15" s="198">
        <v>2</v>
      </c>
      <c r="BT15" s="199">
        <v>2</v>
      </c>
      <c r="BU15" s="194">
        <v>0</v>
      </c>
      <c r="BV15" s="195">
        <v>0</v>
      </c>
      <c r="BW15" s="195">
        <v>0</v>
      </c>
      <c r="BX15" s="196">
        <v>0</v>
      </c>
      <c r="BY15" s="197">
        <v>0</v>
      </c>
      <c r="BZ15" s="197">
        <v>0</v>
      </c>
      <c r="CA15" s="197">
        <v>1</v>
      </c>
      <c r="CB15" s="195">
        <v>1</v>
      </c>
      <c r="CC15" s="198">
        <v>2</v>
      </c>
      <c r="CD15" s="200">
        <v>2</v>
      </c>
      <c r="CE15" s="201">
        <v>0</v>
      </c>
      <c r="CF15" s="195">
        <v>0</v>
      </c>
      <c r="CG15" s="195">
        <v>0</v>
      </c>
      <c r="CH15" s="196">
        <v>0</v>
      </c>
      <c r="CI15" s="197">
        <v>0</v>
      </c>
      <c r="CJ15" s="197">
        <v>0</v>
      </c>
      <c r="CK15" s="197">
        <v>0</v>
      </c>
      <c r="CL15" s="195">
        <v>0</v>
      </c>
      <c r="CM15" s="198">
        <v>0</v>
      </c>
      <c r="CN15" s="200">
        <v>0</v>
      </c>
      <c r="CO15" s="201">
        <v>0</v>
      </c>
      <c r="CP15" s="195">
        <v>0</v>
      </c>
      <c r="CQ15" s="195">
        <v>0</v>
      </c>
      <c r="CR15" s="196">
        <v>3</v>
      </c>
      <c r="CS15" s="197">
        <v>6</v>
      </c>
      <c r="CT15" s="197">
        <v>4</v>
      </c>
      <c r="CU15" s="197">
        <v>7</v>
      </c>
      <c r="CV15" s="195">
        <v>17</v>
      </c>
      <c r="CW15" s="198">
        <v>37</v>
      </c>
      <c r="CX15" s="199">
        <v>37</v>
      </c>
      <c r="CY15" s="194">
        <v>0</v>
      </c>
      <c r="CZ15" s="195">
        <v>0</v>
      </c>
      <c r="DA15" s="195">
        <v>0</v>
      </c>
      <c r="DB15" s="196">
        <v>2</v>
      </c>
      <c r="DC15" s="197">
        <v>6</v>
      </c>
      <c r="DD15" s="197">
        <v>4</v>
      </c>
      <c r="DE15" s="197">
        <v>7</v>
      </c>
      <c r="DF15" s="195">
        <v>15</v>
      </c>
      <c r="DG15" s="198">
        <v>34</v>
      </c>
      <c r="DH15" s="200">
        <v>34</v>
      </c>
      <c r="DI15" s="201">
        <v>0</v>
      </c>
      <c r="DJ15" s="195">
        <v>0</v>
      </c>
      <c r="DK15" s="195">
        <v>0</v>
      </c>
      <c r="DL15" s="196">
        <v>1</v>
      </c>
      <c r="DM15" s="197">
        <v>0</v>
      </c>
      <c r="DN15" s="197">
        <v>0</v>
      </c>
      <c r="DO15" s="197">
        <v>0</v>
      </c>
      <c r="DP15" s="195">
        <v>2</v>
      </c>
      <c r="DQ15" s="198">
        <v>3</v>
      </c>
      <c r="DR15" s="200">
        <v>3</v>
      </c>
      <c r="DS15" s="201">
        <v>0</v>
      </c>
      <c r="DT15" s="195">
        <v>0</v>
      </c>
      <c r="DU15" s="195">
        <v>0</v>
      </c>
      <c r="DV15" s="196">
        <v>68</v>
      </c>
      <c r="DW15" s="197">
        <v>102</v>
      </c>
      <c r="DX15" s="197">
        <v>336</v>
      </c>
      <c r="DY15" s="197">
        <v>503</v>
      </c>
      <c r="DZ15" s="195">
        <v>272</v>
      </c>
      <c r="EA15" s="198">
        <v>1281</v>
      </c>
      <c r="EB15" s="200">
        <v>1281</v>
      </c>
      <c r="EC15" s="37"/>
    </row>
    <row r="16" spans="2:133" ht="21" customHeight="1" x14ac:dyDescent="0.2">
      <c r="B16" s="62" t="s">
        <v>12</v>
      </c>
      <c r="C16" s="194">
        <v>0</v>
      </c>
      <c r="D16" s="195">
        <v>0</v>
      </c>
      <c r="E16" s="195">
        <v>0</v>
      </c>
      <c r="F16" s="196">
        <v>2</v>
      </c>
      <c r="G16" s="197">
        <v>19</v>
      </c>
      <c r="H16" s="197">
        <v>186</v>
      </c>
      <c r="I16" s="197">
        <v>291</v>
      </c>
      <c r="J16" s="195">
        <v>235</v>
      </c>
      <c r="K16" s="198">
        <v>733</v>
      </c>
      <c r="L16" s="199">
        <v>733</v>
      </c>
      <c r="M16" s="194">
        <v>0</v>
      </c>
      <c r="N16" s="195">
        <v>0</v>
      </c>
      <c r="O16" s="198">
        <v>0</v>
      </c>
      <c r="P16" s="196">
        <v>2</v>
      </c>
      <c r="Q16" s="197">
        <v>19</v>
      </c>
      <c r="R16" s="197">
        <v>186</v>
      </c>
      <c r="S16" s="197">
        <v>289</v>
      </c>
      <c r="T16" s="195">
        <v>232</v>
      </c>
      <c r="U16" s="198">
        <v>728</v>
      </c>
      <c r="V16" s="200">
        <v>728</v>
      </c>
      <c r="W16" s="201">
        <v>0</v>
      </c>
      <c r="X16" s="195">
        <v>0</v>
      </c>
      <c r="Y16" s="198">
        <v>0</v>
      </c>
      <c r="Z16" s="201">
        <v>0</v>
      </c>
      <c r="AA16" s="197">
        <v>0</v>
      </c>
      <c r="AB16" s="197">
        <v>0</v>
      </c>
      <c r="AC16" s="197">
        <v>2</v>
      </c>
      <c r="AD16" s="195">
        <v>3</v>
      </c>
      <c r="AE16" s="198">
        <v>5</v>
      </c>
      <c r="AF16" s="202">
        <v>5</v>
      </c>
      <c r="AG16" s="201">
        <v>0</v>
      </c>
      <c r="AH16" s="195">
        <v>0</v>
      </c>
      <c r="AI16" s="198">
        <v>0</v>
      </c>
      <c r="AJ16" s="201">
        <v>44</v>
      </c>
      <c r="AK16" s="197">
        <v>89</v>
      </c>
      <c r="AL16" s="197">
        <v>154</v>
      </c>
      <c r="AM16" s="197">
        <v>177</v>
      </c>
      <c r="AN16" s="195">
        <v>61</v>
      </c>
      <c r="AO16" s="198">
        <v>525</v>
      </c>
      <c r="AP16" s="202">
        <v>525</v>
      </c>
      <c r="AQ16" s="201">
        <v>0</v>
      </c>
      <c r="AR16" s="195">
        <v>0</v>
      </c>
      <c r="AS16" s="198">
        <v>0</v>
      </c>
      <c r="AT16" s="196">
        <v>44</v>
      </c>
      <c r="AU16" s="197">
        <v>88</v>
      </c>
      <c r="AV16" s="197">
        <v>152</v>
      </c>
      <c r="AW16" s="197">
        <v>175</v>
      </c>
      <c r="AX16" s="195">
        <v>61</v>
      </c>
      <c r="AY16" s="198">
        <v>520</v>
      </c>
      <c r="AZ16" s="199">
        <v>520</v>
      </c>
      <c r="BA16" s="194">
        <v>0</v>
      </c>
      <c r="BB16" s="195">
        <v>0</v>
      </c>
      <c r="BC16" s="195">
        <v>0</v>
      </c>
      <c r="BD16" s="196">
        <v>0</v>
      </c>
      <c r="BE16" s="197">
        <v>1</v>
      </c>
      <c r="BF16" s="197">
        <v>2</v>
      </c>
      <c r="BG16" s="197">
        <v>2</v>
      </c>
      <c r="BH16" s="195">
        <v>0</v>
      </c>
      <c r="BI16" s="198">
        <v>5</v>
      </c>
      <c r="BJ16" s="200">
        <v>5</v>
      </c>
      <c r="BK16" s="201">
        <v>0</v>
      </c>
      <c r="BL16" s="195">
        <v>0</v>
      </c>
      <c r="BM16" s="195">
        <v>0</v>
      </c>
      <c r="BN16" s="196">
        <v>0</v>
      </c>
      <c r="BO16" s="197">
        <v>0</v>
      </c>
      <c r="BP16" s="197">
        <v>0</v>
      </c>
      <c r="BQ16" s="197">
        <v>0</v>
      </c>
      <c r="BR16" s="195">
        <v>1</v>
      </c>
      <c r="BS16" s="198">
        <v>1</v>
      </c>
      <c r="BT16" s="199">
        <v>1</v>
      </c>
      <c r="BU16" s="194">
        <v>0</v>
      </c>
      <c r="BV16" s="195">
        <v>0</v>
      </c>
      <c r="BW16" s="195">
        <v>0</v>
      </c>
      <c r="BX16" s="196">
        <v>0</v>
      </c>
      <c r="BY16" s="197">
        <v>0</v>
      </c>
      <c r="BZ16" s="197">
        <v>0</v>
      </c>
      <c r="CA16" s="197">
        <v>0</v>
      </c>
      <c r="CB16" s="195">
        <v>1</v>
      </c>
      <c r="CC16" s="198">
        <v>1</v>
      </c>
      <c r="CD16" s="200">
        <v>1</v>
      </c>
      <c r="CE16" s="201">
        <v>0</v>
      </c>
      <c r="CF16" s="195">
        <v>0</v>
      </c>
      <c r="CG16" s="195">
        <v>0</v>
      </c>
      <c r="CH16" s="196">
        <v>0</v>
      </c>
      <c r="CI16" s="197">
        <v>0</v>
      </c>
      <c r="CJ16" s="197">
        <v>0</v>
      </c>
      <c r="CK16" s="197">
        <v>0</v>
      </c>
      <c r="CL16" s="195">
        <v>0</v>
      </c>
      <c r="CM16" s="198">
        <v>0</v>
      </c>
      <c r="CN16" s="200">
        <v>0</v>
      </c>
      <c r="CO16" s="201">
        <v>0</v>
      </c>
      <c r="CP16" s="195">
        <v>0</v>
      </c>
      <c r="CQ16" s="195">
        <v>0</v>
      </c>
      <c r="CR16" s="196">
        <v>0</v>
      </c>
      <c r="CS16" s="197">
        <v>2</v>
      </c>
      <c r="CT16" s="197">
        <v>1</v>
      </c>
      <c r="CU16" s="197">
        <v>16</v>
      </c>
      <c r="CV16" s="195">
        <v>11</v>
      </c>
      <c r="CW16" s="198">
        <v>30</v>
      </c>
      <c r="CX16" s="199">
        <v>30</v>
      </c>
      <c r="CY16" s="194">
        <v>0</v>
      </c>
      <c r="CZ16" s="195">
        <v>0</v>
      </c>
      <c r="DA16" s="195">
        <v>0</v>
      </c>
      <c r="DB16" s="196">
        <v>0</v>
      </c>
      <c r="DC16" s="197">
        <v>2</v>
      </c>
      <c r="DD16" s="197">
        <v>1</v>
      </c>
      <c r="DE16" s="197">
        <v>16</v>
      </c>
      <c r="DF16" s="195">
        <v>11</v>
      </c>
      <c r="DG16" s="198">
        <v>30</v>
      </c>
      <c r="DH16" s="200">
        <v>30</v>
      </c>
      <c r="DI16" s="201">
        <v>0</v>
      </c>
      <c r="DJ16" s="195">
        <v>0</v>
      </c>
      <c r="DK16" s="195">
        <v>0</v>
      </c>
      <c r="DL16" s="196">
        <v>0</v>
      </c>
      <c r="DM16" s="197">
        <v>0</v>
      </c>
      <c r="DN16" s="197">
        <v>0</v>
      </c>
      <c r="DO16" s="197">
        <v>0</v>
      </c>
      <c r="DP16" s="195">
        <v>0</v>
      </c>
      <c r="DQ16" s="198">
        <v>0</v>
      </c>
      <c r="DR16" s="200">
        <v>0</v>
      </c>
      <c r="DS16" s="201">
        <v>0</v>
      </c>
      <c r="DT16" s="195">
        <v>0</v>
      </c>
      <c r="DU16" s="195">
        <v>0</v>
      </c>
      <c r="DV16" s="196">
        <v>46</v>
      </c>
      <c r="DW16" s="197">
        <v>110</v>
      </c>
      <c r="DX16" s="197">
        <v>339</v>
      </c>
      <c r="DY16" s="197">
        <v>484</v>
      </c>
      <c r="DZ16" s="195">
        <v>308</v>
      </c>
      <c r="EA16" s="198">
        <v>1287</v>
      </c>
      <c r="EB16" s="200">
        <v>1287</v>
      </c>
      <c r="EC16" s="37"/>
    </row>
    <row r="17" spans="2:133" ht="21" customHeight="1" x14ac:dyDescent="0.2">
      <c r="B17" s="62" t="s">
        <v>13</v>
      </c>
      <c r="C17" s="194">
        <v>0</v>
      </c>
      <c r="D17" s="195">
        <v>0</v>
      </c>
      <c r="E17" s="195">
        <v>0</v>
      </c>
      <c r="F17" s="196">
        <v>3</v>
      </c>
      <c r="G17" s="197">
        <v>5</v>
      </c>
      <c r="H17" s="197">
        <v>67</v>
      </c>
      <c r="I17" s="197">
        <v>154</v>
      </c>
      <c r="J17" s="195">
        <v>121</v>
      </c>
      <c r="K17" s="198">
        <v>350</v>
      </c>
      <c r="L17" s="199">
        <v>350</v>
      </c>
      <c r="M17" s="194">
        <v>0</v>
      </c>
      <c r="N17" s="195">
        <v>0</v>
      </c>
      <c r="O17" s="198">
        <v>0</v>
      </c>
      <c r="P17" s="196">
        <v>3</v>
      </c>
      <c r="Q17" s="197">
        <v>5</v>
      </c>
      <c r="R17" s="197">
        <v>67</v>
      </c>
      <c r="S17" s="197">
        <v>154</v>
      </c>
      <c r="T17" s="195">
        <v>120</v>
      </c>
      <c r="U17" s="198">
        <v>349</v>
      </c>
      <c r="V17" s="200">
        <v>349</v>
      </c>
      <c r="W17" s="201">
        <v>0</v>
      </c>
      <c r="X17" s="195">
        <v>0</v>
      </c>
      <c r="Y17" s="198">
        <v>0</v>
      </c>
      <c r="Z17" s="201">
        <v>0</v>
      </c>
      <c r="AA17" s="197">
        <v>0</v>
      </c>
      <c r="AB17" s="197">
        <v>0</v>
      </c>
      <c r="AC17" s="197">
        <v>0</v>
      </c>
      <c r="AD17" s="195">
        <v>1</v>
      </c>
      <c r="AE17" s="198">
        <v>1</v>
      </c>
      <c r="AF17" s="202">
        <v>1</v>
      </c>
      <c r="AG17" s="201">
        <v>0</v>
      </c>
      <c r="AH17" s="195">
        <v>0</v>
      </c>
      <c r="AI17" s="198">
        <v>0</v>
      </c>
      <c r="AJ17" s="201">
        <v>13</v>
      </c>
      <c r="AK17" s="197">
        <v>26</v>
      </c>
      <c r="AL17" s="197">
        <v>32</v>
      </c>
      <c r="AM17" s="197">
        <v>25</v>
      </c>
      <c r="AN17" s="195">
        <v>24</v>
      </c>
      <c r="AO17" s="198">
        <v>120</v>
      </c>
      <c r="AP17" s="202">
        <v>120</v>
      </c>
      <c r="AQ17" s="201">
        <v>0</v>
      </c>
      <c r="AR17" s="195">
        <v>0</v>
      </c>
      <c r="AS17" s="198">
        <v>0</v>
      </c>
      <c r="AT17" s="196">
        <v>13</v>
      </c>
      <c r="AU17" s="197">
        <v>26</v>
      </c>
      <c r="AV17" s="197">
        <v>30</v>
      </c>
      <c r="AW17" s="197">
        <v>24</v>
      </c>
      <c r="AX17" s="195">
        <v>23</v>
      </c>
      <c r="AY17" s="198">
        <v>116</v>
      </c>
      <c r="AZ17" s="199">
        <v>116</v>
      </c>
      <c r="BA17" s="194">
        <v>0</v>
      </c>
      <c r="BB17" s="195">
        <v>0</v>
      </c>
      <c r="BC17" s="195">
        <v>0</v>
      </c>
      <c r="BD17" s="196">
        <v>0</v>
      </c>
      <c r="BE17" s="197">
        <v>0</v>
      </c>
      <c r="BF17" s="197">
        <v>2</v>
      </c>
      <c r="BG17" s="197">
        <v>1</v>
      </c>
      <c r="BH17" s="195">
        <v>1</v>
      </c>
      <c r="BI17" s="198">
        <v>4</v>
      </c>
      <c r="BJ17" s="200">
        <v>4</v>
      </c>
      <c r="BK17" s="201">
        <v>0</v>
      </c>
      <c r="BL17" s="195">
        <v>0</v>
      </c>
      <c r="BM17" s="195">
        <v>0</v>
      </c>
      <c r="BN17" s="196">
        <v>0</v>
      </c>
      <c r="BO17" s="197">
        <v>0</v>
      </c>
      <c r="BP17" s="197">
        <v>0</v>
      </c>
      <c r="BQ17" s="197">
        <v>0</v>
      </c>
      <c r="BR17" s="195">
        <v>0</v>
      </c>
      <c r="BS17" s="198">
        <v>0</v>
      </c>
      <c r="BT17" s="199">
        <v>0</v>
      </c>
      <c r="BU17" s="194">
        <v>0</v>
      </c>
      <c r="BV17" s="195">
        <v>0</v>
      </c>
      <c r="BW17" s="195">
        <v>0</v>
      </c>
      <c r="BX17" s="196">
        <v>0</v>
      </c>
      <c r="BY17" s="197">
        <v>0</v>
      </c>
      <c r="BZ17" s="197">
        <v>0</v>
      </c>
      <c r="CA17" s="197">
        <v>0</v>
      </c>
      <c r="CB17" s="195">
        <v>0</v>
      </c>
      <c r="CC17" s="198">
        <v>0</v>
      </c>
      <c r="CD17" s="200">
        <v>0</v>
      </c>
      <c r="CE17" s="201">
        <v>0</v>
      </c>
      <c r="CF17" s="195">
        <v>0</v>
      </c>
      <c r="CG17" s="195">
        <v>0</v>
      </c>
      <c r="CH17" s="196">
        <v>0</v>
      </c>
      <c r="CI17" s="197">
        <v>0</v>
      </c>
      <c r="CJ17" s="197">
        <v>0</v>
      </c>
      <c r="CK17" s="197">
        <v>0</v>
      </c>
      <c r="CL17" s="195">
        <v>0</v>
      </c>
      <c r="CM17" s="198">
        <v>0</v>
      </c>
      <c r="CN17" s="200">
        <v>0</v>
      </c>
      <c r="CO17" s="201">
        <v>0</v>
      </c>
      <c r="CP17" s="195">
        <v>0</v>
      </c>
      <c r="CQ17" s="195">
        <v>0</v>
      </c>
      <c r="CR17" s="196">
        <v>0</v>
      </c>
      <c r="CS17" s="197">
        <v>0</v>
      </c>
      <c r="CT17" s="197">
        <v>0</v>
      </c>
      <c r="CU17" s="197">
        <v>0</v>
      </c>
      <c r="CV17" s="195">
        <v>0</v>
      </c>
      <c r="CW17" s="198">
        <v>0</v>
      </c>
      <c r="CX17" s="199">
        <v>0</v>
      </c>
      <c r="CY17" s="194">
        <v>0</v>
      </c>
      <c r="CZ17" s="195">
        <v>0</v>
      </c>
      <c r="DA17" s="195">
        <v>0</v>
      </c>
      <c r="DB17" s="196">
        <v>0</v>
      </c>
      <c r="DC17" s="197">
        <v>0</v>
      </c>
      <c r="DD17" s="197">
        <v>0</v>
      </c>
      <c r="DE17" s="197">
        <v>0</v>
      </c>
      <c r="DF17" s="195">
        <v>0</v>
      </c>
      <c r="DG17" s="198">
        <v>0</v>
      </c>
      <c r="DH17" s="200">
        <v>0</v>
      </c>
      <c r="DI17" s="201">
        <v>0</v>
      </c>
      <c r="DJ17" s="195">
        <v>0</v>
      </c>
      <c r="DK17" s="195">
        <v>0</v>
      </c>
      <c r="DL17" s="196">
        <v>0</v>
      </c>
      <c r="DM17" s="197">
        <v>0</v>
      </c>
      <c r="DN17" s="197">
        <v>0</v>
      </c>
      <c r="DO17" s="197">
        <v>0</v>
      </c>
      <c r="DP17" s="195">
        <v>0</v>
      </c>
      <c r="DQ17" s="198">
        <v>0</v>
      </c>
      <c r="DR17" s="200">
        <v>0</v>
      </c>
      <c r="DS17" s="201">
        <v>0</v>
      </c>
      <c r="DT17" s="195">
        <v>0</v>
      </c>
      <c r="DU17" s="195">
        <v>0</v>
      </c>
      <c r="DV17" s="196">
        <v>16</v>
      </c>
      <c r="DW17" s="197">
        <v>31</v>
      </c>
      <c r="DX17" s="197">
        <v>99</v>
      </c>
      <c r="DY17" s="197">
        <v>179</v>
      </c>
      <c r="DZ17" s="195">
        <v>145</v>
      </c>
      <c r="EA17" s="198">
        <v>470</v>
      </c>
      <c r="EB17" s="200">
        <v>470</v>
      </c>
      <c r="EC17" s="37"/>
    </row>
    <row r="18" spans="2:133" ht="21" customHeight="1" x14ac:dyDescent="0.2">
      <c r="B18" s="62" t="s">
        <v>15</v>
      </c>
      <c r="C18" s="194">
        <v>0</v>
      </c>
      <c r="D18" s="195">
        <v>0</v>
      </c>
      <c r="E18" s="195">
        <v>0</v>
      </c>
      <c r="F18" s="196">
        <v>0</v>
      </c>
      <c r="G18" s="197">
        <v>1</v>
      </c>
      <c r="H18" s="197">
        <v>83</v>
      </c>
      <c r="I18" s="197">
        <v>135</v>
      </c>
      <c r="J18" s="195">
        <v>83</v>
      </c>
      <c r="K18" s="198">
        <v>302</v>
      </c>
      <c r="L18" s="199">
        <v>302</v>
      </c>
      <c r="M18" s="194">
        <v>0</v>
      </c>
      <c r="N18" s="195">
        <v>0</v>
      </c>
      <c r="O18" s="198">
        <v>0</v>
      </c>
      <c r="P18" s="196">
        <v>0</v>
      </c>
      <c r="Q18" s="197">
        <v>1</v>
      </c>
      <c r="R18" s="197">
        <v>83</v>
      </c>
      <c r="S18" s="197">
        <v>134</v>
      </c>
      <c r="T18" s="195">
        <v>81</v>
      </c>
      <c r="U18" s="198">
        <v>299</v>
      </c>
      <c r="V18" s="200">
        <v>299</v>
      </c>
      <c r="W18" s="201">
        <v>0</v>
      </c>
      <c r="X18" s="195">
        <v>0</v>
      </c>
      <c r="Y18" s="198">
        <v>0</v>
      </c>
      <c r="Z18" s="201">
        <v>0</v>
      </c>
      <c r="AA18" s="197">
        <v>0</v>
      </c>
      <c r="AB18" s="197">
        <v>0</v>
      </c>
      <c r="AC18" s="197">
        <v>1</v>
      </c>
      <c r="AD18" s="195">
        <v>2</v>
      </c>
      <c r="AE18" s="198">
        <v>3</v>
      </c>
      <c r="AF18" s="202">
        <v>3</v>
      </c>
      <c r="AG18" s="201">
        <v>0</v>
      </c>
      <c r="AH18" s="195">
        <v>0</v>
      </c>
      <c r="AI18" s="198">
        <v>0</v>
      </c>
      <c r="AJ18" s="201">
        <v>26</v>
      </c>
      <c r="AK18" s="197">
        <v>38</v>
      </c>
      <c r="AL18" s="197">
        <v>53</v>
      </c>
      <c r="AM18" s="197">
        <v>52</v>
      </c>
      <c r="AN18" s="195">
        <v>23</v>
      </c>
      <c r="AO18" s="198">
        <v>192</v>
      </c>
      <c r="AP18" s="202">
        <v>192</v>
      </c>
      <c r="AQ18" s="201">
        <v>0</v>
      </c>
      <c r="AR18" s="195">
        <v>0</v>
      </c>
      <c r="AS18" s="198">
        <v>0</v>
      </c>
      <c r="AT18" s="196">
        <v>25</v>
      </c>
      <c r="AU18" s="197">
        <v>38</v>
      </c>
      <c r="AV18" s="197">
        <v>53</v>
      </c>
      <c r="AW18" s="197">
        <v>50</v>
      </c>
      <c r="AX18" s="195">
        <v>22</v>
      </c>
      <c r="AY18" s="198">
        <v>188</v>
      </c>
      <c r="AZ18" s="199">
        <v>188</v>
      </c>
      <c r="BA18" s="194">
        <v>0</v>
      </c>
      <c r="BB18" s="195">
        <v>0</v>
      </c>
      <c r="BC18" s="195">
        <v>0</v>
      </c>
      <c r="BD18" s="196">
        <v>1</v>
      </c>
      <c r="BE18" s="197">
        <v>0</v>
      </c>
      <c r="BF18" s="197">
        <v>0</v>
      </c>
      <c r="BG18" s="197">
        <v>2</v>
      </c>
      <c r="BH18" s="195">
        <v>1</v>
      </c>
      <c r="BI18" s="198">
        <v>4</v>
      </c>
      <c r="BJ18" s="200">
        <v>4</v>
      </c>
      <c r="BK18" s="201">
        <v>0</v>
      </c>
      <c r="BL18" s="195">
        <v>0</v>
      </c>
      <c r="BM18" s="195">
        <v>0</v>
      </c>
      <c r="BN18" s="196">
        <v>0</v>
      </c>
      <c r="BO18" s="197">
        <v>0</v>
      </c>
      <c r="BP18" s="197">
        <v>0</v>
      </c>
      <c r="BQ18" s="197">
        <v>0</v>
      </c>
      <c r="BR18" s="195">
        <v>1</v>
      </c>
      <c r="BS18" s="198">
        <v>1</v>
      </c>
      <c r="BT18" s="199">
        <v>1</v>
      </c>
      <c r="BU18" s="194">
        <v>0</v>
      </c>
      <c r="BV18" s="195">
        <v>0</v>
      </c>
      <c r="BW18" s="195">
        <v>0</v>
      </c>
      <c r="BX18" s="196">
        <v>0</v>
      </c>
      <c r="BY18" s="197">
        <v>0</v>
      </c>
      <c r="BZ18" s="197">
        <v>0</v>
      </c>
      <c r="CA18" s="197">
        <v>0</v>
      </c>
      <c r="CB18" s="195">
        <v>1</v>
      </c>
      <c r="CC18" s="198">
        <v>1</v>
      </c>
      <c r="CD18" s="200">
        <v>1</v>
      </c>
      <c r="CE18" s="201">
        <v>0</v>
      </c>
      <c r="CF18" s="195">
        <v>0</v>
      </c>
      <c r="CG18" s="195">
        <v>0</v>
      </c>
      <c r="CH18" s="196">
        <v>0</v>
      </c>
      <c r="CI18" s="197">
        <v>0</v>
      </c>
      <c r="CJ18" s="197">
        <v>0</v>
      </c>
      <c r="CK18" s="197">
        <v>0</v>
      </c>
      <c r="CL18" s="195">
        <v>0</v>
      </c>
      <c r="CM18" s="198">
        <v>0</v>
      </c>
      <c r="CN18" s="200">
        <v>0</v>
      </c>
      <c r="CO18" s="201">
        <v>0</v>
      </c>
      <c r="CP18" s="195">
        <v>0</v>
      </c>
      <c r="CQ18" s="195">
        <v>0</v>
      </c>
      <c r="CR18" s="196">
        <v>0</v>
      </c>
      <c r="CS18" s="197">
        <v>0</v>
      </c>
      <c r="CT18" s="197">
        <v>0</v>
      </c>
      <c r="CU18" s="197">
        <v>0</v>
      </c>
      <c r="CV18" s="195">
        <v>0</v>
      </c>
      <c r="CW18" s="198">
        <v>0</v>
      </c>
      <c r="CX18" s="199">
        <v>0</v>
      </c>
      <c r="CY18" s="194">
        <v>0</v>
      </c>
      <c r="CZ18" s="195">
        <v>0</v>
      </c>
      <c r="DA18" s="195">
        <v>0</v>
      </c>
      <c r="DB18" s="196">
        <v>0</v>
      </c>
      <c r="DC18" s="197">
        <v>0</v>
      </c>
      <c r="DD18" s="197">
        <v>0</v>
      </c>
      <c r="DE18" s="197">
        <v>0</v>
      </c>
      <c r="DF18" s="195">
        <v>0</v>
      </c>
      <c r="DG18" s="198">
        <v>0</v>
      </c>
      <c r="DH18" s="200">
        <v>0</v>
      </c>
      <c r="DI18" s="201">
        <v>0</v>
      </c>
      <c r="DJ18" s="195">
        <v>0</v>
      </c>
      <c r="DK18" s="195">
        <v>0</v>
      </c>
      <c r="DL18" s="196">
        <v>0</v>
      </c>
      <c r="DM18" s="197">
        <v>0</v>
      </c>
      <c r="DN18" s="197">
        <v>0</v>
      </c>
      <c r="DO18" s="197">
        <v>0</v>
      </c>
      <c r="DP18" s="195">
        <v>0</v>
      </c>
      <c r="DQ18" s="198">
        <v>0</v>
      </c>
      <c r="DR18" s="200">
        <v>0</v>
      </c>
      <c r="DS18" s="201">
        <v>0</v>
      </c>
      <c r="DT18" s="195">
        <v>0</v>
      </c>
      <c r="DU18" s="195">
        <v>0</v>
      </c>
      <c r="DV18" s="196">
        <v>26</v>
      </c>
      <c r="DW18" s="197">
        <v>39</v>
      </c>
      <c r="DX18" s="197">
        <v>135</v>
      </c>
      <c r="DY18" s="197">
        <v>187</v>
      </c>
      <c r="DZ18" s="195">
        <v>106</v>
      </c>
      <c r="EA18" s="198">
        <v>493</v>
      </c>
      <c r="EB18" s="200">
        <v>493</v>
      </c>
      <c r="EC18" s="37"/>
    </row>
    <row r="19" spans="2:133" ht="21" customHeight="1" x14ac:dyDescent="0.2">
      <c r="B19" s="62" t="s">
        <v>16</v>
      </c>
      <c r="C19" s="194">
        <v>0</v>
      </c>
      <c r="D19" s="195">
        <v>0</v>
      </c>
      <c r="E19" s="195">
        <v>0</v>
      </c>
      <c r="F19" s="196">
        <v>5</v>
      </c>
      <c r="G19" s="197">
        <v>25</v>
      </c>
      <c r="H19" s="197">
        <v>194</v>
      </c>
      <c r="I19" s="197">
        <v>295</v>
      </c>
      <c r="J19" s="195">
        <v>206</v>
      </c>
      <c r="K19" s="198">
        <v>725</v>
      </c>
      <c r="L19" s="199">
        <v>725</v>
      </c>
      <c r="M19" s="194">
        <v>0</v>
      </c>
      <c r="N19" s="195">
        <v>0</v>
      </c>
      <c r="O19" s="198">
        <v>0</v>
      </c>
      <c r="P19" s="196">
        <v>5</v>
      </c>
      <c r="Q19" s="197">
        <v>24</v>
      </c>
      <c r="R19" s="197">
        <v>194</v>
      </c>
      <c r="S19" s="197">
        <v>293</v>
      </c>
      <c r="T19" s="195">
        <v>202</v>
      </c>
      <c r="U19" s="198">
        <v>718</v>
      </c>
      <c r="V19" s="200">
        <v>718</v>
      </c>
      <c r="W19" s="201">
        <v>0</v>
      </c>
      <c r="X19" s="195">
        <v>0</v>
      </c>
      <c r="Y19" s="198">
        <v>0</v>
      </c>
      <c r="Z19" s="201">
        <v>0</v>
      </c>
      <c r="AA19" s="197">
        <v>1</v>
      </c>
      <c r="AB19" s="197">
        <v>0</v>
      </c>
      <c r="AC19" s="197">
        <v>2</v>
      </c>
      <c r="AD19" s="195">
        <v>4</v>
      </c>
      <c r="AE19" s="198">
        <v>7</v>
      </c>
      <c r="AF19" s="202">
        <v>7</v>
      </c>
      <c r="AG19" s="201">
        <v>0</v>
      </c>
      <c r="AH19" s="195">
        <v>0</v>
      </c>
      <c r="AI19" s="198">
        <v>0</v>
      </c>
      <c r="AJ19" s="201">
        <v>54</v>
      </c>
      <c r="AK19" s="197">
        <v>96</v>
      </c>
      <c r="AL19" s="197">
        <v>135</v>
      </c>
      <c r="AM19" s="197">
        <v>142</v>
      </c>
      <c r="AN19" s="195">
        <v>52</v>
      </c>
      <c r="AO19" s="198">
        <v>479</v>
      </c>
      <c r="AP19" s="202">
        <v>479</v>
      </c>
      <c r="AQ19" s="201">
        <v>0</v>
      </c>
      <c r="AR19" s="195">
        <v>0</v>
      </c>
      <c r="AS19" s="198">
        <v>0</v>
      </c>
      <c r="AT19" s="196">
        <v>54</v>
      </c>
      <c r="AU19" s="197">
        <v>95</v>
      </c>
      <c r="AV19" s="197">
        <v>135</v>
      </c>
      <c r="AW19" s="197">
        <v>141</v>
      </c>
      <c r="AX19" s="195">
        <v>51</v>
      </c>
      <c r="AY19" s="198">
        <v>476</v>
      </c>
      <c r="AZ19" s="199">
        <v>476</v>
      </c>
      <c r="BA19" s="194">
        <v>0</v>
      </c>
      <c r="BB19" s="195">
        <v>0</v>
      </c>
      <c r="BC19" s="195">
        <v>0</v>
      </c>
      <c r="BD19" s="196">
        <v>0</v>
      </c>
      <c r="BE19" s="197">
        <v>1</v>
      </c>
      <c r="BF19" s="197">
        <v>0</v>
      </c>
      <c r="BG19" s="197">
        <v>1</v>
      </c>
      <c r="BH19" s="195">
        <v>1</v>
      </c>
      <c r="BI19" s="198">
        <v>3</v>
      </c>
      <c r="BJ19" s="200">
        <v>3</v>
      </c>
      <c r="BK19" s="201">
        <v>0</v>
      </c>
      <c r="BL19" s="195">
        <v>0</v>
      </c>
      <c r="BM19" s="195">
        <v>0</v>
      </c>
      <c r="BN19" s="196">
        <v>0</v>
      </c>
      <c r="BO19" s="197">
        <v>0</v>
      </c>
      <c r="BP19" s="197">
        <v>0</v>
      </c>
      <c r="BQ19" s="197">
        <v>0</v>
      </c>
      <c r="BR19" s="195">
        <v>1</v>
      </c>
      <c r="BS19" s="198">
        <v>1</v>
      </c>
      <c r="BT19" s="199">
        <v>1</v>
      </c>
      <c r="BU19" s="194">
        <v>0</v>
      </c>
      <c r="BV19" s="195">
        <v>0</v>
      </c>
      <c r="BW19" s="195">
        <v>0</v>
      </c>
      <c r="BX19" s="196">
        <v>0</v>
      </c>
      <c r="BY19" s="197">
        <v>0</v>
      </c>
      <c r="BZ19" s="197">
        <v>0</v>
      </c>
      <c r="CA19" s="197">
        <v>0</v>
      </c>
      <c r="CB19" s="195">
        <v>1</v>
      </c>
      <c r="CC19" s="198">
        <v>1</v>
      </c>
      <c r="CD19" s="200">
        <v>1</v>
      </c>
      <c r="CE19" s="201">
        <v>0</v>
      </c>
      <c r="CF19" s="195">
        <v>0</v>
      </c>
      <c r="CG19" s="195">
        <v>0</v>
      </c>
      <c r="CH19" s="196">
        <v>0</v>
      </c>
      <c r="CI19" s="197">
        <v>0</v>
      </c>
      <c r="CJ19" s="197">
        <v>0</v>
      </c>
      <c r="CK19" s="197">
        <v>0</v>
      </c>
      <c r="CL19" s="195">
        <v>0</v>
      </c>
      <c r="CM19" s="198">
        <v>0</v>
      </c>
      <c r="CN19" s="200">
        <v>0</v>
      </c>
      <c r="CO19" s="201">
        <v>0</v>
      </c>
      <c r="CP19" s="195">
        <v>0</v>
      </c>
      <c r="CQ19" s="195">
        <v>0</v>
      </c>
      <c r="CR19" s="196">
        <v>1</v>
      </c>
      <c r="CS19" s="197">
        <v>0</v>
      </c>
      <c r="CT19" s="197">
        <v>3</v>
      </c>
      <c r="CU19" s="197">
        <v>12</v>
      </c>
      <c r="CV19" s="195">
        <v>15</v>
      </c>
      <c r="CW19" s="198">
        <v>31</v>
      </c>
      <c r="CX19" s="199">
        <v>31</v>
      </c>
      <c r="CY19" s="194">
        <v>0</v>
      </c>
      <c r="CZ19" s="195">
        <v>0</v>
      </c>
      <c r="DA19" s="195">
        <v>0</v>
      </c>
      <c r="DB19" s="196">
        <v>1</v>
      </c>
      <c r="DC19" s="197">
        <v>0</v>
      </c>
      <c r="DD19" s="197">
        <v>3</v>
      </c>
      <c r="DE19" s="197">
        <v>12</v>
      </c>
      <c r="DF19" s="195">
        <v>15</v>
      </c>
      <c r="DG19" s="198">
        <v>31</v>
      </c>
      <c r="DH19" s="200">
        <v>31</v>
      </c>
      <c r="DI19" s="201">
        <v>0</v>
      </c>
      <c r="DJ19" s="195">
        <v>0</v>
      </c>
      <c r="DK19" s="195">
        <v>0</v>
      </c>
      <c r="DL19" s="196">
        <v>0</v>
      </c>
      <c r="DM19" s="197">
        <v>0</v>
      </c>
      <c r="DN19" s="197">
        <v>0</v>
      </c>
      <c r="DO19" s="197">
        <v>0</v>
      </c>
      <c r="DP19" s="195">
        <v>0</v>
      </c>
      <c r="DQ19" s="198">
        <v>0</v>
      </c>
      <c r="DR19" s="200">
        <v>0</v>
      </c>
      <c r="DS19" s="201">
        <v>0</v>
      </c>
      <c r="DT19" s="195">
        <v>0</v>
      </c>
      <c r="DU19" s="195">
        <v>0</v>
      </c>
      <c r="DV19" s="196">
        <v>60</v>
      </c>
      <c r="DW19" s="197">
        <v>121</v>
      </c>
      <c r="DX19" s="197">
        <v>331</v>
      </c>
      <c r="DY19" s="197">
        <v>447</v>
      </c>
      <c r="DZ19" s="195">
        <v>273</v>
      </c>
      <c r="EA19" s="198">
        <v>1232</v>
      </c>
      <c r="EB19" s="200">
        <v>1232</v>
      </c>
      <c r="EC19" s="37"/>
    </row>
    <row r="20" spans="2:133" ht="21" customHeight="1" x14ac:dyDescent="0.2">
      <c r="B20" s="62" t="s">
        <v>17</v>
      </c>
      <c r="C20" s="194">
        <v>0</v>
      </c>
      <c r="D20" s="195">
        <v>0</v>
      </c>
      <c r="E20" s="195">
        <v>0</v>
      </c>
      <c r="F20" s="196">
        <v>4</v>
      </c>
      <c r="G20" s="197">
        <v>16</v>
      </c>
      <c r="H20" s="197">
        <v>202</v>
      </c>
      <c r="I20" s="197">
        <v>279</v>
      </c>
      <c r="J20" s="195">
        <v>203</v>
      </c>
      <c r="K20" s="198">
        <v>704</v>
      </c>
      <c r="L20" s="199">
        <v>704</v>
      </c>
      <c r="M20" s="194">
        <v>0</v>
      </c>
      <c r="N20" s="195">
        <v>0</v>
      </c>
      <c r="O20" s="198">
        <v>0</v>
      </c>
      <c r="P20" s="196">
        <v>4</v>
      </c>
      <c r="Q20" s="197">
        <v>16</v>
      </c>
      <c r="R20" s="197">
        <v>201</v>
      </c>
      <c r="S20" s="197">
        <v>278</v>
      </c>
      <c r="T20" s="195">
        <v>201</v>
      </c>
      <c r="U20" s="198">
        <v>700</v>
      </c>
      <c r="V20" s="200">
        <v>700</v>
      </c>
      <c r="W20" s="201">
        <v>0</v>
      </c>
      <c r="X20" s="195">
        <v>0</v>
      </c>
      <c r="Y20" s="198">
        <v>0</v>
      </c>
      <c r="Z20" s="201">
        <v>0</v>
      </c>
      <c r="AA20" s="197">
        <v>0</v>
      </c>
      <c r="AB20" s="197">
        <v>1</v>
      </c>
      <c r="AC20" s="197">
        <v>1</v>
      </c>
      <c r="AD20" s="195">
        <v>2</v>
      </c>
      <c r="AE20" s="198">
        <v>4</v>
      </c>
      <c r="AF20" s="202">
        <v>4</v>
      </c>
      <c r="AG20" s="201">
        <v>0</v>
      </c>
      <c r="AH20" s="195">
        <v>0</v>
      </c>
      <c r="AI20" s="198">
        <v>0</v>
      </c>
      <c r="AJ20" s="201">
        <v>40</v>
      </c>
      <c r="AK20" s="197">
        <v>104</v>
      </c>
      <c r="AL20" s="197">
        <v>142</v>
      </c>
      <c r="AM20" s="197">
        <v>135</v>
      </c>
      <c r="AN20" s="195">
        <v>78</v>
      </c>
      <c r="AO20" s="198">
        <v>499</v>
      </c>
      <c r="AP20" s="202">
        <v>499</v>
      </c>
      <c r="AQ20" s="201">
        <v>0</v>
      </c>
      <c r="AR20" s="195">
        <v>0</v>
      </c>
      <c r="AS20" s="198">
        <v>0</v>
      </c>
      <c r="AT20" s="196">
        <v>38</v>
      </c>
      <c r="AU20" s="197">
        <v>102</v>
      </c>
      <c r="AV20" s="197">
        <v>137</v>
      </c>
      <c r="AW20" s="197">
        <v>132</v>
      </c>
      <c r="AX20" s="195">
        <v>76</v>
      </c>
      <c r="AY20" s="198">
        <v>485</v>
      </c>
      <c r="AZ20" s="199">
        <v>485</v>
      </c>
      <c r="BA20" s="194">
        <v>0</v>
      </c>
      <c r="BB20" s="195">
        <v>0</v>
      </c>
      <c r="BC20" s="195">
        <v>0</v>
      </c>
      <c r="BD20" s="196">
        <v>2</v>
      </c>
      <c r="BE20" s="197">
        <v>2</v>
      </c>
      <c r="BF20" s="197">
        <v>5</v>
      </c>
      <c r="BG20" s="197">
        <v>3</v>
      </c>
      <c r="BH20" s="195">
        <v>2</v>
      </c>
      <c r="BI20" s="198">
        <v>14</v>
      </c>
      <c r="BJ20" s="200">
        <v>14</v>
      </c>
      <c r="BK20" s="201">
        <v>0</v>
      </c>
      <c r="BL20" s="195">
        <v>0</v>
      </c>
      <c r="BM20" s="195">
        <v>0</v>
      </c>
      <c r="BN20" s="196">
        <v>0</v>
      </c>
      <c r="BO20" s="197">
        <v>0</v>
      </c>
      <c r="BP20" s="197">
        <v>0</v>
      </c>
      <c r="BQ20" s="197">
        <v>0</v>
      </c>
      <c r="BR20" s="195">
        <v>4</v>
      </c>
      <c r="BS20" s="198">
        <v>4</v>
      </c>
      <c r="BT20" s="199">
        <v>4</v>
      </c>
      <c r="BU20" s="194">
        <v>0</v>
      </c>
      <c r="BV20" s="195">
        <v>0</v>
      </c>
      <c r="BW20" s="195">
        <v>0</v>
      </c>
      <c r="BX20" s="196">
        <v>0</v>
      </c>
      <c r="BY20" s="197">
        <v>0</v>
      </c>
      <c r="BZ20" s="197">
        <v>0</v>
      </c>
      <c r="CA20" s="197">
        <v>0</v>
      </c>
      <c r="CB20" s="195">
        <v>4</v>
      </c>
      <c r="CC20" s="198">
        <v>4</v>
      </c>
      <c r="CD20" s="200">
        <v>4</v>
      </c>
      <c r="CE20" s="201">
        <v>0</v>
      </c>
      <c r="CF20" s="195">
        <v>0</v>
      </c>
      <c r="CG20" s="195">
        <v>0</v>
      </c>
      <c r="CH20" s="196">
        <v>0</v>
      </c>
      <c r="CI20" s="197">
        <v>0</v>
      </c>
      <c r="CJ20" s="197">
        <v>0</v>
      </c>
      <c r="CK20" s="197">
        <v>0</v>
      </c>
      <c r="CL20" s="195">
        <v>0</v>
      </c>
      <c r="CM20" s="198">
        <v>0</v>
      </c>
      <c r="CN20" s="200">
        <v>0</v>
      </c>
      <c r="CO20" s="201">
        <v>0</v>
      </c>
      <c r="CP20" s="195">
        <v>0</v>
      </c>
      <c r="CQ20" s="195">
        <v>0</v>
      </c>
      <c r="CR20" s="196">
        <v>0</v>
      </c>
      <c r="CS20" s="197">
        <v>0</v>
      </c>
      <c r="CT20" s="197">
        <v>1</v>
      </c>
      <c r="CU20" s="197">
        <v>3</v>
      </c>
      <c r="CV20" s="195">
        <v>12</v>
      </c>
      <c r="CW20" s="198">
        <v>16</v>
      </c>
      <c r="CX20" s="199">
        <v>16</v>
      </c>
      <c r="CY20" s="194">
        <v>0</v>
      </c>
      <c r="CZ20" s="195">
        <v>0</v>
      </c>
      <c r="DA20" s="195">
        <v>0</v>
      </c>
      <c r="DB20" s="196">
        <v>0</v>
      </c>
      <c r="DC20" s="197">
        <v>0</v>
      </c>
      <c r="DD20" s="197">
        <v>1</v>
      </c>
      <c r="DE20" s="197">
        <v>3</v>
      </c>
      <c r="DF20" s="195">
        <v>11</v>
      </c>
      <c r="DG20" s="198">
        <v>15</v>
      </c>
      <c r="DH20" s="200">
        <v>15</v>
      </c>
      <c r="DI20" s="201">
        <v>0</v>
      </c>
      <c r="DJ20" s="195">
        <v>0</v>
      </c>
      <c r="DK20" s="195">
        <v>0</v>
      </c>
      <c r="DL20" s="196">
        <v>0</v>
      </c>
      <c r="DM20" s="197">
        <v>0</v>
      </c>
      <c r="DN20" s="197">
        <v>0</v>
      </c>
      <c r="DO20" s="197">
        <v>0</v>
      </c>
      <c r="DP20" s="195">
        <v>1</v>
      </c>
      <c r="DQ20" s="198">
        <v>1</v>
      </c>
      <c r="DR20" s="200">
        <v>1</v>
      </c>
      <c r="DS20" s="201">
        <v>0</v>
      </c>
      <c r="DT20" s="195">
        <v>0</v>
      </c>
      <c r="DU20" s="195">
        <v>0</v>
      </c>
      <c r="DV20" s="196">
        <v>44</v>
      </c>
      <c r="DW20" s="197">
        <v>120</v>
      </c>
      <c r="DX20" s="197">
        <v>345</v>
      </c>
      <c r="DY20" s="197">
        <v>417</v>
      </c>
      <c r="DZ20" s="195">
        <v>297</v>
      </c>
      <c r="EA20" s="198">
        <v>1223</v>
      </c>
      <c r="EB20" s="200">
        <v>1223</v>
      </c>
      <c r="EC20" s="37"/>
    </row>
    <row r="21" spans="2:133" ht="21" customHeight="1" x14ac:dyDescent="0.2">
      <c r="B21" s="62" t="s">
        <v>18</v>
      </c>
      <c r="C21" s="194">
        <v>0</v>
      </c>
      <c r="D21" s="195">
        <v>0</v>
      </c>
      <c r="E21" s="195">
        <v>0</v>
      </c>
      <c r="F21" s="196">
        <v>5</v>
      </c>
      <c r="G21" s="197">
        <v>15</v>
      </c>
      <c r="H21" s="197">
        <v>185</v>
      </c>
      <c r="I21" s="197">
        <v>386</v>
      </c>
      <c r="J21" s="195">
        <v>267</v>
      </c>
      <c r="K21" s="198">
        <v>858</v>
      </c>
      <c r="L21" s="199">
        <v>858</v>
      </c>
      <c r="M21" s="194">
        <v>0</v>
      </c>
      <c r="N21" s="195">
        <v>0</v>
      </c>
      <c r="O21" s="198">
        <v>0</v>
      </c>
      <c r="P21" s="196">
        <v>5</v>
      </c>
      <c r="Q21" s="197">
        <v>15</v>
      </c>
      <c r="R21" s="197">
        <v>181</v>
      </c>
      <c r="S21" s="197">
        <v>384</v>
      </c>
      <c r="T21" s="195">
        <v>264</v>
      </c>
      <c r="U21" s="198">
        <v>849</v>
      </c>
      <c r="V21" s="200">
        <v>849</v>
      </c>
      <c r="W21" s="201">
        <v>0</v>
      </c>
      <c r="X21" s="195">
        <v>0</v>
      </c>
      <c r="Y21" s="198">
        <v>0</v>
      </c>
      <c r="Z21" s="201">
        <v>0</v>
      </c>
      <c r="AA21" s="197">
        <v>0</v>
      </c>
      <c r="AB21" s="197">
        <v>4</v>
      </c>
      <c r="AC21" s="197">
        <v>2</v>
      </c>
      <c r="AD21" s="195">
        <v>3</v>
      </c>
      <c r="AE21" s="198">
        <v>9</v>
      </c>
      <c r="AF21" s="202">
        <v>9</v>
      </c>
      <c r="AG21" s="201">
        <v>0</v>
      </c>
      <c r="AH21" s="195">
        <v>0</v>
      </c>
      <c r="AI21" s="198">
        <v>0</v>
      </c>
      <c r="AJ21" s="201">
        <v>38</v>
      </c>
      <c r="AK21" s="197">
        <v>68</v>
      </c>
      <c r="AL21" s="197">
        <v>111</v>
      </c>
      <c r="AM21" s="197">
        <v>118</v>
      </c>
      <c r="AN21" s="195">
        <v>89</v>
      </c>
      <c r="AO21" s="198">
        <v>424</v>
      </c>
      <c r="AP21" s="202">
        <v>424</v>
      </c>
      <c r="AQ21" s="201">
        <v>0</v>
      </c>
      <c r="AR21" s="195">
        <v>0</v>
      </c>
      <c r="AS21" s="198">
        <v>0</v>
      </c>
      <c r="AT21" s="196">
        <v>38</v>
      </c>
      <c r="AU21" s="197">
        <v>67</v>
      </c>
      <c r="AV21" s="197">
        <v>107</v>
      </c>
      <c r="AW21" s="197">
        <v>116</v>
      </c>
      <c r="AX21" s="195">
        <v>87</v>
      </c>
      <c r="AY21" s="198">
        <v>415</v>
      </c>
      <c r="AZ21" s="199">
        <v>415</v>
      </c>
      <c r="BA21" s="194">
        <v>0</v>
      </c>
      <c r="BB21" s="195">
        <v>0</v>
      </c>
      <c r="BC21" s="195">
        <v>0</v>
      </c>
      <c r="BD21" s="196">
        <v>0</v>
      </c>
      <c r="BE21" s="197">
        <v>1</v>
      </c>
      <c r="BF21" s="197">
        <v>4</v>
      </c>
      <c r="BG21" s="197">
        <v>2</v>
      </c>
      <c r="BH21" s="195">
        <v>2</v>
      </c>
      <c r="BI21" s="198">
        <v>9</v>
      </c>
      <c r="BJ21" s="200">
        <v>9</v>
      </c>
      <c r="BK21" s="201">
        <v>0</v>
      </c>
      <c r="BL21" s="195">
        <v>0</v>
      </c>
      <c r="BM21" s="195">
        <v>0</v>
      </c>
      <c r="BN21" s="196">
        <v>0</v>
      </c>
      <c r="BO21" s="197">
        <v>0</v>
      </c>
      <c r="BP21" s="197">
        <v>0</v>
      </c>
      <c r="BQ21" s="197">
        <v>1</v>
      </c>
      <c r="BR21" s="195">
        <v>7</v>
      </c>
      <c r="BS21" s="198">
        <v>8</v>
      </c>
      <c r="BT21" s="199">
        <v>8</v>
      </c>
      <c r="BU21" s="194">
        <v>0</v>
      </c>
      <c r="BV21" s="195">
        <v>0</v>
      </c>
      <c r="BW21" s="195">
        <v>0</v>
      </c>
      <c r="BX21" s="196">
        <v>0</v>
      </c>
      <c r="BY21" s="197">
        <v>0</v>
      </c>
      <c r="BZ21" s="197">
        <v>0</v>
      </c>
      <c r="CA21" s="197">
        <v>1</v>
      </c>
      <c r="CB21" s="195">
        <v>7</v>
      </c>
      <c r="CC21" s="198">
        <v>8</v>
      </c>
      <c r="CD21" s="200">
        <v>8</v>
      </c>
      <c r="CE21" s="201">
        <v>0</v>
      </c>
      <c r="CF21" s="195">
        <v>0</v>
      </c>
      <c r="CG21" s="195">
        <v>0</v>
      </c>
      <c r="CH21" s="196">
        <v>0</v>
      </c>
      <c r="CI21" s="197">
        <v>0</v>
      </c>
      <c r="CJ21" s="197">
        <v>0</v>
      </c>
      <c r="CK21" s="197">
        <v>0</v>
      </c>
      <c r="CL21" s="195">
        <v>0</v>
      </c>
      <c r="CM21" s="198">
        <v>0</v>
      </c>
      <c r="CN21" s="200">
        <v>0</v>
      </c>
      <c r="CO21" s="201">
        <v>0</v>
      </c>
      <c r="CP21" s="195">
        <v>0</v>
      </c>
      <c r="CQ21" s="195">
        <v>0</v>
      </c>
      <c r="CR21" s="196">
        <v>0</v>
      </c>
      <c r="CS21" s="197">
        <v>0</v>
      </c>
      <c r="CT21" s="197">
        <v>2</v>
      </c>
      <c r="CU21" s="197">
        <v>10</v>
      </c>
      <c r="CV21" s="195">
        <v>19</v>
      </c>
      <c r="CW21" s="198">
        <v>31</v>
      </c>
      <c r="CX21" s="199">
        <v>31</v>
      </c>
      <c r="CY21" s="194">
        <v>0</v>
      </c>
      <c r="CZ21" s="195">
        <v>0</v>
      </c>
      <c r="DA21" s="195">
        <v>0</v>
      </c>
      <c r="DB21" s="196">
        <v>0</v>
      </c>
      <c r="DC21" s="197">
        <v>0</v>
      </c>
      <c r="DD21" s="197">
        <v>2</v>
      </c>
      <c r="DE21" s="197">
        <v>10</v>
      </c>
      <c r="DF21" s="195">
        <v>18</v>
      </c>
      <c r="DG21" s="198">
        <v>30</v>
      </c>
      <c r="DH21" s="200">
        <v>30</v>
      </c>
      <c r="DI21" s="201">
        <v>0</v>
      </c>
      <c r="DJ21" s="195">
        <v>0</v>
      </c>
      <c r="DK21" s="195">
        <v>0</v>
      </c>
      <c r="DL21" s="196">
        <v>0</v>
      </c>
      <c r="DM21" s="197">
        <v>0</v>
      </c>
      <c r="DN21" s="197">
        <v>0</v>
      </c>
      <c r="DO21" s="197">
        <v>0</v>
      </c>
      <c r="DP21" s="195">
        <v>1</v>
      </c>
      <c r="DQ21" s="198">
        <v>1</v>
      </c>
      <c r="DR21" s="200">
        <v>1</v>
      </c>
      <c r="DS21" s="201">
        <v>0</v>
      </c>
      <c r="DT21" s="195">
        <v>0</v>
      </c>
      <c r="DU21" s="195">
        <v>0</v>
      </c>
      <c r="DV21" s="196">
        <v>43</v>
      </c>
      <c r="DW21" s="197">
        <v>83</v>
      </c>
      <c r="DX21" s="197">
        <v>297</v>
      </c>
      <c r="DY21" s="197">
        <v>511</v>
      </c>
      <c r="DZ21" s="195">
        <v>381</v>
      </c>
      <c r="EA21" s="198">
        <v>1315</v>
      </c>
      <c r="EB21" s="200">
        <v>1315</v>
      </c>
      <c r="EC21" s="37"/>
    </row>
    <row r="22" spans="2:133" ht="21" customHeight="1" x14ac:dyDescent="0.2">
      <c r="B22" s="62" t="s">
        <v>19</v>
      </c>
      <c r="C22" s="194">
        <v>0</v>
      </c>
      <c r="D22" s="195">
        <v>0</v>
      </c>
      <c r="E22" s="195">
        <v>0</v>
      </c>
      <c r="F22" s="196">
        <v>0</v>
      </c>
      <c r="G22" s="197">
        <v>7</v>
      </c>
      <c r="H22" s="197">
        <v>114</v>
      </c>
      <c r="I22" s="197">
        <v>147</v>
      </c>
      <c r="J22" s="195">
        <v>94</v>
      </c>
      <c r="K22" s="198">
        <v>362</v>
      </c>
      <c r="L22" s="199">
        <v>362</v>
      </c>
      <c r="M22" s="194">
        <v>0</v>
      </c>
      <c r="N22" s="195">
        <v>0</v>
      </c>
      <c r="O22" s="198">
        <v>0</v>
      </c>
      <c r="P22" s="196">
        <v>0</v>
      </c>
      <c r="Q22" s="197">
        <v>7</v>
      </c>
      <c r="R22" s="197">
        <v>113</v>
      </c>
      <c r="S22" s="197">
        <v>147</v>
      </c>
      <c r="T22" s="195">
        <v>94</v>
      </c>
      <c r="U22" s="198">
        <v>361</v>
      </c>
      <c r="V22" s="200">
        <v>361</v>
      </c>
      <c r="W22" s="201">
        <v>0</v>
      </c>
      <c r="X22" s="195">
        <v>0</v>
      </c>
      <c r="Y22" s="198">
        <v>0</v>
      </c>
      <c r="Z22" s="201">
        <v>0</v>
      </c>
      <c r="AA22" s="197">
        <v>0</v>
      </c>
      <c r="AB22" s="197">
        <v>1</v>
      </c>
      <c r="AC22" s="197">
        <v>0</v>
      </c>
      <c r="AD22" s="195">
        <v>0</v>
      </c>
      <c r="AE22" s="198">
        <v>1</v>
      </c>
      <c r="AF22" s="202">
        <v>1</v>
      </c>
      <c r="AG22" s="201">
        <v>0</v>
      </c>
      <c r="AH22" s="195">
        <v>0</v>
      </c>
      <c r="AI22" s="198">
        <v>0</v>
      </c>
      <c r="AJ22" s="201">
        <v>16</v>
      </c>
      <c r="AK22" s="197">
        <v>48</v>
      </c>
      <c r="AL22" s="197">
        <v>82</v>
      </c>
      <c r="AM22" s="197">
        <v>56</v>
      </c>
      <c r="AN22" s="195">
        <v>31</v>
      </c>
      <c r="AO22" s="198">
        <v>233</v>
      </c>
      <c r="AP22" s="202">
        <v>233</v>
      </c>
      <c r="AQ22" s="201">
        <v>0</v>
      </c>
      <c r="AR22" s="195">
        <v>0</v>
      </c>
      <c r="AS22" s="198">
        <v>0</v>
      </c>
      <c r="AT22" s="196">
        <v>16</v>
      </c>
      <c r="AU22" s="197">
        <v>48</v>
      </c>
      <c r="AV22" s="197">
        <v>80</v>
      </c>
      <c r="AW22" s="197">
        <v>55</v>
      </c>
      <c r="AX22" s="195">
        <v>31</v>
      </c>
      <c r="AY22" s="198">
        <v>230</v>
      </c>
      <c r="AZ22" s="199">
        <v>230</v>
      </c>
      <c r="BA22" s="194">
        <v>0</v>
      </c>
      <c r="BB22" s="195">
        <v>0</v>
      </c>
      <c r="BC22" s="195">
        <v>0</v>
      </c>
      <c r="BD22" s="196">
        <v>0</v>
      </c>
      <c r="BE22" s="197">
        <v>0</v>
      </c>
      <c r="BF22" s="197">
        <v>2</v>
      </c>
      <c r="BG22" s="197">
        <v>1</v>
      </c>
      <c r="BH22" s="195">
        <v>0</v>
      </c>
      <c r="BI22" s="198">
        <v>3</v>
      </c>
      <c r="BJ22" s="200">
        <v>3</v>
      </c>
      <c r="BK22" s="201">
        <v>0</v>
      </c>
      <c r="BL22" s="195">
        <v>0</v>
      </c>
      <c r="BM22" s="195">
        <v>0</v>
      </c>
      <c r="BN22" s="196">
        <v>0</v>
      </c>
      <c r="BO22" s="197">
        <v>0</v>
      </c>
      <c r="BP22" s="197">
        <v>0</v>
      </c>
      <c r="BQ22" s="197">
        <v>0</v>
      </c>
      <c r="BR22" s="195">
        <v>0</v>
      </c>
      <c r="BS22" s="198">
        <v>0</v>
      </c>
      <c r="BT22" s="199">
        <v>0</v>
      </c>
      <c r="BU22" s="194">
        <v>0</v>
      </c>
      <c r="BV22" s="195">
        <v>0</v>
      </c>
      <c r="BW22" s="195">
        <v>0</v>
      </c>
      <c r="BX22" s="196">
        <v>0</v>
      </c>
      <c r="BY22" s="197">
        <v>0</v>
      </c>
      <c r="BZ22" s="197">
        <v>0</v>
      </c>
      <c r="CA22" s="197">
        <v>0</v>
      </c>
      <c r="CB22" s="195">
        <v>0</v>
      </c>
      <c r="CC22" s="198">
        <v>0</v>
      </c>
      <c r="CD22" s="200">
        <v>0</v>
      </c>
      <c r="CE22" s="201">
        <v>0</v>
      </c>
      <c r="CF22" s="195">
        <v>0</v>
      </c>
      <c r="CG22" s="195">
        <v>0</v>
      </c>
      <c r="CH22" s="196">
        <v>0</v>
      </c>
      <c r="CI22" s="197">
        <v>0</v>
      </c>
      <c r="CJ22" s="197">
        <v>0</v>
      </c>
      <c r="CK22" s="197">
        <v>0</v>
      </c>
      <c r="CL22" s="195">
        <v>0</v>
      </c>
      <c r="CM22" s="198">
        <v>0</v>
      </c>
      <c r="CN22" s="200">
        <v>0</v>
      </c>
      <c r="CO22" s="201">
        <v>0</v>
      </c>
      <c r="CP22" s="195">
        <v>0</v>
      </c>
      <c r="CQ22" s="195">
        <v>0</v>
      </c>
      <c r="CR22" s="196">
        <v>0</v>
      </c>
      <c r="CS22" s="197">
        <v>0</v>
      </c>
      <c r="CT22" s="197">
        <v>0</v>
      </c>
      <c r="CU22" s="197">
        <v>4</v>
      </c>
      <c r="CV22" s="195">
        <v>3</v>
      </c>
      <c r="CW22" s="198">
        <v>7</v>
      </c>
      <c r="CX22" s="199">
        <v>7</v>
      </c>
      <c r="CY22" s="194">
        <v>0</v>
      </c>
      <c r="CZ22" s="195">
        <v>0</v>
      </c>
      <c r="DA22" s="195">
        <v>0</v>
      </c>
      <c r="DB22" s="196">
        <v>0</v>
      </c>
      <c r="DC22" s="197">
        <v>0</v>
      </c>
      <c r="DD22" s="197">
        <v>0</v>
      </c>
      <c r="DE22" s="197">
        <v>4</v>
      </c>
      <c r="DF22" s="195">
        <v>3</v>
      </c>
      <c r="DG22" s="198">
        <v>7</v>
      </c>
      <c r="DH22" s="200">
        <v>7</v>
      </c>
      <c r="DI22" s="201">
        <v>0</v>
      </c>
      <c r="DJ22" s="195">
        <v>0</v>
      </c>
      <c r="DK22" s="195">
        <v>0</v>
      </c>
      <c r="DL22" s="196">
        <v>0</v>
      </c>
      <c r="DM22" s="197">
        <v>0</v>
      </c>
      <c r="DN22" s="197">
        <v>0</v>
      </c>
      <c r="DO22" s="197">
        <v>0</v>
      </c>
      <c r="DP22" s="195">
        <v>0</v>
      </c>
      <c r="DQ22" s="198">
        <v>0</v>
      </c>
      <c r="DR22" s="200">
        <v>0</v>
      </c>
      <c r="DS22" s="201">
        <v>0</v>
      </c>
      <c r="DT22" s="195">
        <v>0</v>
      </c>
      <c r="DU22" s="195">
        <v>0</v>
      </c>
      <c r="DV22" s="196">
        <v>16</v>
      </c>
      <c r="DW22" s="197">
        <v>55</v>
      </c>
      <c r="DX22" s="197">
        <v>196</v>
      </c>
      <c r="DY22" s="197">
        <v>206</v>
      </c>
      <c r="DZ22" s="195">
        <v>128</v>
      </c>
      <c r="EA22" s="198">
        <v>601</v>
      </c>
      <c r="EB22" s="200">
        <v>601</v>
      </c>
      <c r="EC22" s="37"/>
    </row>
    <row r="23" spans="2:133" ht="21" customHeight="1" x14ac:dyDescent="0.2">
      <c r="B23" s="62" t="s">
        <v>20</v>
      </c>
      <c r="C23" s="194">
        <v>0</v>
      </c>
      <c r="D23" s="195">
        <v>0</v>
      </c>
      <c r="E23" s="195">
        <v>0</v>
      </c>
      <c r="F23" s="196">
        <v>4</v>
      </c>
      <c r="G23" s="197">
        <v>24</v>
      </c>
      <c r="H23" s="197">
        <v>139</v>
      </c>
      <c r="I23" s="197">
        <v>193</v>
      </c>
      <c r="J23" s="195">
        <v>111</v>
      </c>
      <c r="K23" s="198">
        <v>471</v>
      </c>
      <c r="L23" s="199">
        <v>471</v>
      </c>
      <c r="M23" s="194">
        <v>0</v>
      </c>
      <c r="N23" s="195">
        <v>0</v>
      </c>
      <c r="O23" s="198">
        <v>0</v>
      </c>
      <c r="P23" s="196">
        <v>4</v>
      </c>
      <c r="Q23" s="197">
        <v>24</v>
      </c>
      <c r="R23" s="197">
        <v>138</v>
      </c>
      <c r="S23" s="197">
        <v>192</v>
      </c>
      <c r="T23" s="195">
        <v>109</v>
      </c>
      <c r="U23" s="198">
        <v>467</v>
      </c>
      <c r="V23" s="200">
        <v>467</v>
      </c>
      <c r="W23" s="201">
        <v>0</v>
      </c>
      <c r="X23" s="195">
        <v>0</v>
      </c>
      <c r="Y23" s="198">
        <v>0</v>
      </c>
      <c r="Z23" s="201">
        <v>0</v>
      </c>
      <c r="AA23" s="197">
        <v>0</v>
      </c>
      <c r="AB23" s="197">
        <v>1</v>
      </c>
      <c r="AC23" s="197">
        <v>1</v>
      </c>
      <c r="AD23" s="195">
        <v>2</v>
      </c>
      <c r="AE23" s="198">
        <v>4</v>
      </c>
      <c r="AF23" s="202">
        <v>4</v>
      </c>
      <c r="AG23" s="201">
        <v>0</v>
      </c>
      <c r="AH23" s="195">
        <v>0</v>
      </c>
      <c r="AI23" s="198">
        <v>0</v>
      </c>
      <c r="AJ23" s="201">
        <v>19</v>
      </c>
      <c r="AK23" s="197">
        <v>35</v>
      </c>
      <c r="AL23" s="197">
        <v>43</v>
      </c>
      <c r="AM23" s="197">
        <v>54</v>
      </c>
      <c r="AN23" s="195">
        <v>21</v>
      </c>
      <c r="AO23" s="198">
        <v>172</v>
      </c>
      <c r="AP23" s="202">
        <v>172</v>
      </c>
      <c r="AQ23" s="201">
        <v>0</v>
      </c>
      <c r="AR23" s="195">
        <v>0</v>
      </c>
      <c r="AS23" s="198">
        <v>0</v>
      </c>
      <c r="AT23" s="196">
        <v>18</v>
      </c>
      <c r="AU23" s="197">
        <v>35</v>
      </c>
      <c r="AV23" s="197">
        <v>43</v>
      </c>
      <c r="AW23" s="197">
        <v>52</v>
      </c>
      <c r="AX23" s="195">
        <v>21</v>
      </c>
      <c r="AY23" s="198">
        <v>169</v>
      </c>
      <c r="AZ23" s="199">
        <v>169</v>
      </c>
      <c r="BA23" s="194">
        <v>0</v>
      </c>
      <c r="BB23" s="195">
        <v>0</v>
      </c>
      <c r="BC23" s="195">
        <v>0</v>
      </c>
      <c r="BD23" s="196">
        <v>1</v>
      </c>
      <c r="BE23" s="197">
        <v>0</v>
      </c>
      <c r="BF23" s="197">
        <v>0</v>
      </c>
      <c r="BG23" s="197">
        <v>2</v>
      </c>
      <c r="BH23" s="195">
        <v>0</v>
      </c>
      <c r="BI23" s="198">
        <v>3</v>
      </c>
      <c r="BJ23" s="200">
        <v>3</v>
      </c>
      <c r="BK23" s="201">
        <v>0</v>
      </c>
      <c r="BL23" s="195">
        <v>0</v>
      </c>
      <c r="BM23" s="195">
        <v>0</v>
      </c>
      <c r="BN23" s="196">
        <v>0</v>
      </c>
      <c r="BO23" s="197">
        <v>0</v>
      </c>
      <c r="BP23" s="197">
        <v>0</v>
      </c>
      <c r="BQ23" s="197">
        <v>1</v>
      </c>
      <c r="BR23" s="195">
        <v>0</v>
      </c>
      <c r="BS23" s="198">
        <v>1</v>
      </c>
      <c r="BT23" s="199">
        <v>1</v>
      </c>
      <c r="BU23" s="194">
        <v>0</v>
      </c>
      <c r="BV23" s="195">
        <v>0</v>
      </c>
      <c r="BW23" s="195">
        <v>0</v>
      </c>
      <c r="BX23" s="196">
        <v>0</v>
      </c>
      <c r="BY23" s="197">
        <v>0</v>
      </c>
      <c r="BZ23" s="197">
        <v>0</v>
      </c>
      <c r="CA23" s="197">
        <v>1</v>
      </c>
      <c r="CB23" s="195">
        <v>0</v>
      </c>
      <c r="CC23" s="198">
        <v>1</v>
      </c>
      <c r="CD23" s="200">
        <v>1</v>
      </c>
      <c r="CE23" s="201">
        <v>0</v>
      </c>
      <c r="CF23" s="195">
        <v>0</v>
      </c>
      <c r="CG23" s="195">
        <v>0</v>
      </c>
      <c r="CH23" s="196">
        <v>0</v>
      </c>
      <c r="CI23" s="197">
        <v>0</v>
      </c>
      <c r="CJ23" s="197">
        <v>0</v>
      </c>
      <c r="CK23" s="197">
        <v>0</v>
      </c>
      <c r="CL23" s="195">
        <v>0</v>
      </c>
      <c r="CM23" s="198">
        <v>0</v>
      </c>
      <c r="CN23" s="200">
        <v>0</v>
      </c>
      <c r="CO23" s="201">
        <v>0</v>
      </c>
      <c r="CP23" s="195">
        <v>0</v>
      </c>
      <c r="CQ23" s="195">
        <v>0</v>
      </c>
      <c r="CR23" s="196">
        <v>0</v>
      </c>
      <c r="CS23" s="197">
        <v>0</v>
      </c>
      <c r="CT23" s="197">
        <v>0</v>
      </c>
      <c r="CU23" s="197">
        <v>1</v>
      </c>
      <c r="CV23" s="195">
        <v>5</v>
      </c>
      <c r="CW23" s="198">
        <v>6</v>
      </c>
      <c r="CX23" s="199">
        <v>6</v>
      </c>
      <c r="CY23" s="194">
        <v>0</v>
      </c>
      <c r="CZ23" s="195">
        <v>0</v>
      </c>
      <c r="DA23" s="195">
        <v>0</v>
      </c>
      <c r="DB23" s="196">
        <v>0</v>
      </c>
      <c r="DC23" s="197">
        <v>0</v>
      </c>
      <c r="DD23" s="197">
        <v>0</v>
      </c>
      <c r="DE23" s="197">
        <v>1</v>
      </c>
      <c r="DF23" s="195">
        <v>5</v>
      </c>
      <c r="DG23" s="198">
        <v>6</v>
      </c>
      <c r="DH23" s="200">
        <v>6</v>
      </c>
      <c r="DI23" s="201">
        <v>0</v>
      </c>
      <c r="DJ23" s="195">
        <v>0</v>
      </c>
      <c r="DK23" s="195">
        <v>0</v>
      </c>
      <c r="DL23" s="196">
        <v>0</v>
      </c>
      <c r="DM23" s="197">
        <v>0</v>
      </c>
      <c r="DN23" s="197">
        <v>0</v>
      </c>
      <c r="DO23" s="197">
        <v>0</v>
      </c>
      <c r="DP23" s="195">
        <v>0</v>
      </c>
      <c r="DQ23" s="198">
        <v>0</v>
      </c>
      <c r="DR23" s="200">
        <v>0</v>
      </c>
      <c r="DS23" s="201">
        <v>0</v>
      </c>
      <c r="DT23" s="195">
        <v>0</v>
      </c>
      <c r="DU23" s="195">
        <v>0</v>
      </c>
      <c r="DV23" s="196">
        <v>23</v>
      </c>
      <c r="DW23" s="197">
        <v>59</v>
      </c>
      <c r="DX23" s="197">
        <v>182</v>
      </c>
      <c r="DY23" s="197">
        <v>248</v>
      </c>
      <c r="DZ23" s="195">
        <v>137</v>
      </c>
      <c r="EA23" s="198">
        <v>649</v>
      </c>
      <c r="EB23" s="200">
        <v>649</v>
      </c>
      <c r="EC23" s="37"/>
    </row>
    <row r="24" spans="2:133" ht="21" customHeight="1" x14ac:dyDescent="0.2">
      <c r="B24" s="62" t="s">
        <v>21</v>
      </c>
      <c r="C24" s="194">
        <v>0</v>
      </c>
      <c r="D24" s="195">
        <v>0</v>
      </c>
      <c r="E24" s="195">
        <v>0</v>
      </c>
      <c r="F24" s="196">
        <v>3</v>
      </c>
      <c r="G24" s="197">
        <v>16</v>
      </c>
      <c r="H24" s="197">
        <v>179</v>
      </c>
      <c r="I24" s="197">
        <v>177</v>
      </c>
      <c r="J24" s="195">
        <v>148</v>
      </c>
      <c r="K24" s="198">
        <v>523</v>
      </c>
      <c r="L24" s="199">
        <v>523</v>
      </c>
      <c r="M24" s="194">
        <v>0</v>
      </c>
      <c r="N24" s="195">
        <v>0</v>
      </c>
      <c r="O24" s="198">
        <v>0</v>
      </c>
      <c r="P24" s="196">
        <v>3</v>
      </c>
      <c r="Q24" s="197">
        <v>16</v>
      </c>
      <c r="R24" s="197">
        <v>178</v>
      </c>
      <c r="S24" s="197">
        <v>177</v>
      </c>
      <c r="T24" s="195">
        <v>146</v>
      </c>
      <c r="U24" s="198">
        <v>520</v>
      </c>
      <c r="V24" s="200">
        <v>520</v>
      </c>
      <c r="W24" s="201">
        <v>0</v>
      </c>
      <c r="X24" s="195">
        <v>0</v>
      </c>
      <c r="Y24" s="198">
        <v>0</v>
      </c>
      <c r="Z24" s="201">
        <v>0</v>
      </c>
      <c r="AA24" s="197">
        <v>0</v>
      </c>
      <c r="AB24" s="197">
        <v>1</v>
      </c>
      <c r="AC24" s="197">
        <v>0</v>
      </c>
      <c r="AD24" s="195">
        <v>2</v>
      </c>
      <c r="AE24" s="198">
        <v>3</v>
      </c>
      <c r="AF24" s="202">
        <v>3</v>
      </c>
      <c r="AG24" s="201">
        <v>0</v>
      </c>
      <c r="AH24" s="195">
        <v>0</v>
      </c>
      <c r="AI24" s="198">
        <v>0</v>
      </c>
      <c r="AJ24" s="201">
        <v>23</v>
      </c>
      <c r="AK24" s="197">
        <v>32</v>
      </c>
      <c r="AL24" s="197">
        <v>40</v>
      </c>
      <c r="AM24" s="197">
        <v>66</v>
      </c>
      <c r="AN24" s="195">
        <v>27</v>
      </c>
      <c r="AO24" s="198">
        <v>188</v>
      </c>
      <c r="AP24" s="202">
        <v>188</v>
      </c>
      <c r="AQ24" s="201">
        <v>0</v>
      </c>
      <c r="AR24" s="195">
        <v>0</v>
      </c>
      <c r="AS24" s="198">
        <v>0</v>
      </c>
      <c r="AT24" s="196">
        <v>23</v>
      </c>
      <c r="AU24" s="197">
        <v>32</v>
      </c>
      <c r="AV24" s="197">
        <v>39</v>
      </c>
      <c r="AW24" s="197">
        <v>63</v>
      </c>
      <c r="AX24" s="195">
        <v>25</v>
      </c>
      <c r="AY24" s="198">
        <v>182</v>
      </c>
      <c r="AZ24" s="199">
        <v>182</v>
      </c>
      <c r="BA24" s="194">
        <v>0</v>
      </c>
      <c r="BB24" s="195">
        <v>0</v>
      </c>
      <c r="BC24" s="195">
        <v>0</v>
      </c>
      <c r="BD24" s="196">
        <v>0</v>
      </c>
      <c r="BE24" s="197">
        <v>0</v>
      </c>
      <c r="BF24" s="197">
        <v>1</v>
      </c>
      <c r="BG24" s="197">
        <v>3</v>
      </c>
      <c r="BH24" s="195">
        <v>2</v>
      </c>
      <c r="BI24" s="198">
        <v>6</v>
      </c>
      <c r="BJ24" s="200">
        <v>6</v>
      </c>
      <c r="BK24" s="201">
        <v>0</v>
      </c>
      <c r="BL24" s="195">
        <v>0</v>
      </c>
      <c r="BM24" s="195">
        <v>0</v>
      </c>
      <c r="BN24" s="196">
        <v>0</v>
      </c>
      <c r="BO24" s="197">
        <v>0</v>
      </c>
      <c r="BP24" s="197">
        <v>1</v>
      </c>
      <c r="BQ24" s="197">
        <v>3</v>
      </c>
      <c r="BR24" s="195">
        <v>1</v>
      </c>
      <c r="BS24" s="198">
        <v>5</v>
      </c>
      <c r="BT24" s="199">
        <v>5</v>
      </c>
      <c r="BU24" s="194">
        <v>0</v>
      </c>
      <c r="BV24" s="195">
        <v>0</v>
      </c>
      <c r="BW24" s="195">
        <v>0</v>
      </c>
      <c r="BX24" s="196">
        <v>0</v>
      </c>
      <c r="BY24" s="197">
        <v>0</v>
      </c>
      <c r="BZ24" s="197">
        <v>1</v>
      </c>
      <c r="CA24" s="197">
        <v>3</v>
      </c>
      <c r="CB24" s="195">
        <v>1</v>
      </c>
      <c r="CC24" s="198">
        <v>5</v>
      </c>
      <c r="CD24" s="200">
        <v>5</v>
      </c>
      <c r="CE24" s="201">
        <v>0</v>
      </c>
      <c r="CF24" s="195">
        <v>0</v>
      </c>
      <c r="CG24" s="195">
        <v>0</v>
      </c>
      <c r="CH24" s="196">
        <v>0</v>
      </c>
      <c r="CI24" s="197">
        <v>0</v>
      </c>
      <c r="CJ24" s="197">
        <v>0</v>
      </c>
      <c r="CK24" s="197">
        <v>0</v>
      </c>
      <c r="CL24" s="195">
        <v>0</v>
      </c>
      <c r="CM24" s="198">
        <v>0</v>
      </c>
      <c r="CN24" s="200">
        <v>0</v>
      </c>
      <c r="CO24" s="201">
        <v>0</v>
      </c>
      <c r="CP24" s="195">
        <v>0</v>
      </c>
      <c r="CQ24" s="195">
        <v>0</v>
      </c>
      <c r="CR24" s="196">
        <v>0</v>
      </c>
      <c r="CS24" s="197">
        <v>0</v>
      </c>
      <c r="CT24" s="197">
        <v>2</v>
      </c>
      <c r="CU24" s="197">
        <v>8</v>
      </c>
      <c r="CV24" s="195">
        <v>12</v>
      </c>
      <c r="CW24" s="198">
        <v>22</v>
      </c>
      <c r="CX24" s="199">
        <v>22</v>
      </c>
      <c r="CY24" s="194">
        <v>0</v>
      </c>
      <c r="CZ24" s="195">
        <v>0</v>
      </c>
      <c r="DA24" s="195">
        <v>0</v>
      </c>
      <c r="DB24" s="196">
        <v>0</v>
      </c>
      <c r="DC24" s="197">
        <v>0</v>
      </c>
      <c r="DD24" s="197">
        <v>2</v>
      </c>
      <c r="DE24" s="197">
        <v>8</v>
      </c>
      <c r="DF24" s="195">
        <v>11</v>
      </c>
      <c r="DG24" s="198">
        <v>21</v>
      </c>
      <c r="DH24" s="200">
        <v>21</v>
      </c>
      <c r="DI24" s="201">
        <v>0</v>
      </c>
      <c r="DJ24" s="195">
        <v>0</v>
      </c>
      <c r="DK24" s="195">
        <v>0</v>
      </c>
      <c r="DL24" s="196">
        <v>0</v>
      </c>
      <c r="DM24" s="197">
        <v>0</v>
      </c>
      <c r="DN24" s="197">
        <v>0</v>
      </c>
      <c r="DO24" s="197">
        <v>0</v>
      </c>
      <c r="DP24" s="195">
        <v>1</v>
      </c>
      <c r="DQ24" s="198">
        <v>1</v>
      </c>
      <c r="DR24" s="200">
        <v>1</v>
      </c>
      <c r="DS24" s="201">
        <v>0</v>
      </c>
      <c r="DT24" s="195">
        <v>0</v>
      </c>
      <c r="DU24" s="195">
        <v>0</v>
      </c>
      <c r="DV24" s="196">
        <v>26</v>
      </c>
      <c r="DW24" s="197">
        <v>48</v>
      </c>
      <c r="DX24" s="197">
        <v>222</v>
      </c>
      <c r="DY24" s="197">
        <v>252</v>
      </c>
      <c r="DZ24" s="195">
        <v>185</v>
      </c>
      <c r="EA24" s="198">
        <v>733</v>
      </c>
      <c r="EB24" s="200">
        <v>733</v>
      </c>
      <c r="EC24" s="37"/>
    </row>
    <row r="25" spans="2:133" ht="21" customHeight="1" x14ac:dyDescent="0.2">
      <c r="B25" s="62" t="s">
        <v>22</v>
      </c>
      <c r="C25" s="194">
        <v>0</v>
      </c>
      <c r="D25" s="195">
        <v>0</v>
      </c>
      <c r="E25" s="195">
        <v>0</v>
      </c>
      <c r="F25" s="196">
        <v>2</v>
      </c>
      <c r="G25" s="197">
        <v>2</v>
      </c>
      <c r="H25" s="197">
        <v>45</v>
      </c>
      <c r="I25" s="197">
        <v>66</v>
      </c>
      <c r="J25" s="195">
        <v>36</v>
      </c>
      <c r="K25" s="198">
        <v>151</v>
      </c>
      <c r="L25" s="199">
        <v>151</v>
      </c>
      <c r="M25" s="194">
        <v>0</v>
      </c>
      <c r="N25" s="195">
        <v>0</v>
      </c>
      <c r="O25" s="198">
        <v>0</v>
      </c>
      <c r="P25" s="196">
        <v>2</v>
      </c>
      <c r="Q25" s="197">
        <v>2</v>
      </c>
      <c r="R25" s="197">
        <v>45</v>
      </c>
      <c r="S25" s="197">
        <v>66</v>
      </c>
      <c r="T25" s="195">
        <v>34</v>
      </c>
      <c r="U25" s="198">
        <v>149</v>
      </c>
      <c r="V25" s="200">
        <v>149</v>
      </c>
      <c r="W25" s="201">
        <v>0</v>
      </c>
      <c r="X25" s="195">
        <v>0</v>
      </c>
      <c r="Y25" s="198">
        <v>0</v>
      </c>
      <c r="Z25" s="201">
        <v>0</v>
      </c>
      <c r="AA25" s="197">
        <v>0</v>
      </c>
      <c r="AB25" s="197">
        <v>0</v>
      </c>
      <c r="AC25" s="197">
        <v>0</v>
      </c>
      <c r="AD25" s="195">
        <v>2</v>
      </c>
      <c r="AE25" s="198">
        <v>2</v>
      </c>
      <c r="AF25" s="202">
        <v>2</v>
      </c>
      <c r="AG25" s="201">
        <v>0</v>
      </c>
      <c r="AH25" s="195">
        <v>0</v>
      </c>
      <c r="AI25" s="198">
        <v>0</v>
      </c>
      <c r="AJ25" s="201">
        <v>10</v>
      </c>
      <c r="AK25" s="197">
        <v>26</v>
      </c>
      <c r="AL25" s="197">
        <v>30</v>
      </c>
      <c r="AM25" s="197">
        <v>39</v>
      </c>
      <c r="AN25" s="195">
        <v>20</v>
      </c>
      <c r="AO25" s="198">
        <v>125</v>
      </c>
      <c r="AP25" s="202">
        <v>125</v>
      </c>
      <c r="AQ25" s="201">
        <v>0</v>
      </c>
      <c r="AR25" s="195">
        <v>0</v>
      </c>
      <c r="AS25" s="198">
        <v>0</v>
      </c>
      <c r="AT25" s="196">
        <v>10</v>
      </c>
      <c r="AU25" s="197">
        <v>26</v>
      </c>
      <c r="AV25" s="197">
        <v>30</v>
      </c>
      <c r="AW25" s="197">
        <v>38</v>
      </c>
      <c r="AX25" s="195">
        <v>20</v>
      </c>
      <c r="AY25" s="198">
        <v>124</v>
      </c>
      <c r="AZ25" s="199">
        <v>124</v>
      </c>
      <c r="BA25" s="194">
        <v>0</v>
      </c>
      <c r="BB25" s="195">
        <v>0</v>
      </c>
      <c r="BC25" s="195">
        <v>0</v>
      </c>
      <c r="BD25" s="196">
        <v>0</v>
      </c>
      <c r="BE25" s="197">
        <v>0</v>
      </c>
      <c r="BF25" s="197">
        <v>0</v>
      </c>
      <c r="BG25" s="197">
        <v>1</v>
      </c>
      <c r="BH25" s="195">
        <v>0</v>
      </c>
      <c r="BI25" s="198">
        <v>1</v>
      </c>
      <c r="BJ25" s="200">
        <v>1</v>
      </c>
      <c r="BK25" s="201">
        <v>0</v>
      </c>
      <c r="BL25" s="195">
        <v>0</v>
      </c>
      <c r="BM25" s="195">
        <v>0</v>
      </c>
      <c r="BN25" s="196">
        <v>0</v>
      </c>
      <c r="BO25" s="197">
        <v>0</v>
      </c>
      <c r="BP25" s="197">
        <v>0</v>
      </c>
      <c r="BQ25" s="197">
        <v>0</v>
      </c>
      <c r="BR25" s="195">
        <v>2</v>
      </c>
      <c r="BS25" s="198">
        <v>2</v>
      </c>
      <c r="BT25" s="199">
        <v>2</v>
      </c>
      <c r="BU25" s="194">
        <v>0</v>
      </c>
      <c r="BV25" s="195">
        <v>0</v>
      </c>
      <c r="BW25" s="195">
        <v>0</v>
      </c>
      <c r="BX25" s="196">
        <v>0</v>
      </c>
      <c r="BY25" s="197">
        <v>0</v>
      </c>
      <c r="BZ25" s="197">
        <v>0</v>
      </c>
      <c r="CA25" s="197">
        <v>0</v>
      </c>
      <c r="CB25" s="195">
        <v>2</v>
      </c>
      <c r="CC25" s="198">
        <v>2</v>
      </c>
      <c r="CD25" s="200">
        <v>2</v>
      </c>
      <c r="CE25" s="201">
        <v>0</v>
      </c>
      <c r="CF25" s="195">
        <v>0</v>
      </c>
      <c r="CG25" s="195">
        <v>0</v>
      </c>
      <c r="CH25" s="196">
        <v>0</v>
      </c>
      <c r="CI25" s="197">
        <v>0</v>
      </c>
      <c r="CJ25" s="197">
        <v>0</v>
      </c>
      <c r="CK25" s="197">
        <v>0</v>
      </c>
      <c r="CL25" s="195">
        <v>0</v>
      </c>
      <c r="CM25" s="198">
        <v>0</v>
      </c>
      <c r="CN25" s="200">
        <v>0</v>
      </c>
      <c r="CO25" s="201">
        <v>0</v>
      </c>
      <c r="CP25" s="195">
        <v>0</v>
      </c>
      <c r="CQ25" s="195">
        <v>0</v>
      </c>
      <c r="CR25" s="196">
        <v>0</v>
      </c>
      <c r="CS25" s="197">
        <v>0</v>
      </c>
      <c r="CT25" s="197">
        <v>0</v>
      </c>
      <c r="CU25" s="197">
        <v>4</v>
      </c>
      <c r="CV25" s="195">
        <v>3</v>
      </c>
      <c r="CW25" s="198">
        <v>7</v>
      </c>
      <c r="CX25" s="199">
        <v>7</v>
      </c>
      <c r="CY25" s="194">
        <v>0</v>
      </c>
      <c r="CZ25" s="195">
        <v>0</v>
      </c>
      <c r="DA25" s="195">
        <v>0</v>
      </c>
      <c r="DB25" s="196">
        <v>0</v>
      </c>
      <c r="DC25" s="197">
        <v>0</v>
      </c>
      <c r="DD25" s="197">
        <v>0</v>
      </c>
      <c r="DE25" s="197">
        <v>4</v>
      </c>
      <c r="DF25" s="195">
        <v>3</v>
      </c>
      <c r="DG25" s="198">
        <v>7</v>
      </c>
      <c r="DH25" s="200">
        <v>7</v>
      </c>
      <c r="DI25" s="201">
        <v>0</v>
      </c>
      <c r="DJ25" s="195">
        <v>0</v>
      </c>
      <c r="DK25" s="195">
        <v>0</v>
      </c>
      <c r="DL25" s="196">
        <v>0</v>
      </c>
      <c r="DM25" s="197">
        <v>0</v>
      </c>
      <c r="DN25" s="197">
        <v>0</v>
      </c>
      <c r="DO25" s="197">
        <v>0</v>
      </c>
      <c r="DP25" s="195">
        <v>0</v>
      </c>
      <c r="DQ25" s="198">
        <v>0</v>
      </c>
      <c r="DR25" s="200">
        <v>0</v>
      </c>
      <c r="DS25" s="201">
        <v>0</v>
      </c>
      <c r="DT25" s="195">
        <v>0</v>
      </c>
      <c r="DU25" s="195">
        <v>0</v>
      </c>
      <c r="DV25" s="196">
        <v>12</v>
      </c>
      <c r="DW25" s="197">
        <v>28</v>
      </c>
      <c r="DX25" s="197">
        <v>75</v>
      </c>
      <c r="DY25" s="197">
        <v>109</v>
      </c>
      <c r="DZ25" s="195">
        <v>61</v>
      </c>
      <c r="EA25" s="198">
        <v>285</v>
      </c>
      <c r="EB25" s="200">
        <v>285</v>
      </c>
      <c r="EC25" s="37"/>
    </row>
    <row r="26" spans="2:133" ht="21" customHeight="1" x14ac:dyDescent="0.2">
      <c r="B26" s="62" t="s">
        <v>23</v>
      </c>
      <c r="C26" s="194">
        <v>0</v>
      </c>
      <c r="D26" s="195">
        <v>0</v>
      </c>
      <c r="E26" s="195">
        <v>0</v>
      </c>
      <c r="F26" s="196">
        <v>4</v>
      </c>
      <c r="G26" s="197">
        <v>12</v>
      </c>
      <c r="H26" s="197">
        <v>87</v>
      </c>
      <c r="I26" s="197">
        <v>128</v>
      </c>
      <c r="J26" s="195">
        <v>113</v>
      </c>
      <c r="K26" s="198">
        <v>344</v>
      </c>
      <c r="L26" s="199">
        <v>344</v>
      </c>
      <c r="M26" s="194">
        <v>0</v>
      </c>
      <c r="N26" s="195">
        <v>0</v>
      </c>
      <c r="O26" s="198">
        <v>0</v>
      </c>
      <c r="P26" s="196">
        <v>4</v>
      </c>
      <c r="Q26" s="197">
        <v>12</v>
      </c>
      <c r="R26" s="197">
        <v>87</v>
      </c>
      <c r="S26" s="197">
        <v>127</v>
      </c>
      <c r="T26" s="195">
        <v>112</v>
      </c>
      <c r="U26" s="198">
        <v>342</v>
      </c>
      <c r="V26" s="200">
        <v>342</v>
      </c>
      <c r="W26" s="201">
        <v>0</v>
      </c>
      <c r="X26" s="195">
        <v>0</v>
      </c>
      <c r="Y26" s="198">
        <v>0</v>
      </c>
      <c r="Z26" s="201">
        <v>0</v>
      </c>
      <c r="AA26" s="197">
        <v>0</v>
      </c>
      <c r="AB26" s="197">
        <v>0</v>
      </c>
      <c r="AC26" s="197">
        <v>1</v>
      </c>
      <c r="AD26" s="195">
        <v>1</v>
      </c>
      <c r="AE26" s="198">
        <v>2</v>
      </c>
      <c r="AF26" s="202">
        <v>2</v>
      </c>
      <c r="AG26" s="201">
        <v>0</v>
      </c>
      <c r="AH26" s="195">
        <v>0</v>
      </c>
      <c r="AI26" s="198">
        <v>0</v>
      </c>
      <c r="AJ26" s="201">
        <v>12</v>
      </c>
      <c r="AK26" s="197">
        <v>25</v>
      </c>
      <c r="AL26" s="197">
        <v>35</v>
      </c>
      <c r="AM26" s="197">
        <v>64</v>
      </c>
      <c r="AN26" s="195">
        <v>36</v>
      </c>
      <c r="AO26" s="198">
        <v>172</v>
      </c>
      <c r="AP26" s="202">
        <v>172</v>
      </c>
      <c r="AQ26" s="201">
        <v>0</v>
      </c>
      <c r="AR26" s="195">
        <v>0</v>
      </c>
      <c r="AS26" s="198">
        <v>0</v>
      </c>
      <c r="AT26" s="196">
        <v>11</v>
      </c>
      <c r="AU26" s="197">
        <v>25</v>
      </c>
      <c r="AV26" s="197">
        <v>35</v>
      </c>
      <c r="AW26" s="197">
        <v>64</v>
      </c>
      <c r="AX26" s="195">
        <v>33</v>
      </c>
      <c r="AY26" s="198">
        <v>168</v>
      </c>
      <c r="AZ26" s="199">
        <v>168</v>
      </c>
      <c r="BA26" s="194">
        <v>0</v>
      </c>
      <c r="BB26" s="195">
        <v>0</v>
      </c>
      <c r="BC26" s="195">
        <v>0</v>
      </c>
      <c r="BD26" s="196">
        <v>1</v>
      </c>
      <c r="BE26" s="197">
        <v>0</v>
      </c>
      <c r="BF26" s="197">
        <v>0</v>
      </c>
      <c r="BG26" s="197">
        <v>0</v>
      </c>
      <c r="BH26" s="195">
        <v>3</v>
      </c>
      <c r="BI26" s="198">
        <v>4</v>
      </c>
      <c r="BJ26" s="200">
        <v>4</v>
      </c>
      <c r="BK26" s="201">
        <v>0</v>
      </c>
      <c r="BL26" s="195">
        <v>0</v>
      </c>
      <c r="BM26" s="195">
        <v>0</v>
      </c>
      <c r="BN26" s="196">
        <v>0</v>
      </c>
      <c r="BO26" s="197">
        <v>0</v>
      </c>
      <c r="BP26" s="197">
        <v>0</v>
      </c>
      <c r="BQ26" s="197">
        <v>0</v>
      </c>
      <c r="BR26" s="195">
        <v>2</v>
      </c>
      <c r="BS26" s="198">
        <v>2</v>
      </c>
      <c r="BT26" s="199">
        <v>2</v>
      </c>
      <c r="BU26" s="194">
        <v>0</v>
      </c>
      <c r="BV26" s="195">
        <v>0</v>
      </c>
      <c r="BW26" s="195">
        <v>0</v>
      </c>
      <c r="BX26" s="196">
        <v>0</v>
      </c>
      <c r="BY26" s="197">
        <v>0</v>
      </c>
      <c r="BZ26" s="197">
        <v>0</v>
      </c>
      <c r="CA26" s="197">
        <v>0</v>
      </c>
      <c r="CB26" s="195">
        <v>2</v>
      </c>
      <c r="CC26" s="198">
        <v>2</v>
      </c>
      <c r="CD26" s="200">
        <v>2</v>
      </c>
      <c r="CE26" s="201">
        <v>0</v>
      </c>
      <c r="CF26" s="195">
        <v>0</v>
      </c>
      <c r="CG26" s="195">
        <v>0</v>
      </c>
      <c r="CH26" s="196">
        <v>0</v>
      </c>
      <c r="CI26" s="197">
        <v>0</v>
      </c>
      <c r="CJ26" s="197">
        <v>0</v>
      </c>
      <c r="CK26" s="197">
        <v>0</v>
      </c>
      <c r="CL26" s="195">
        <v>0</v>
      </c>
      <c r="CM26" s="198">
        <v>0</v>
      </c>
      <c r="CN26" s="200">
        <v>0</v>
      </c>
      <c r="CO26" s="201">
        <v>0</v>
      </c>
      <c r="CP26" s="195">
        <v>0</v>
      </c>
      <c r="CQ26" s="195">
        <v>0</v>
      </c>
      <c r="CR26" s="196">
        <v>0</v>
      </c>
      <c r="CS26" s="197">
        <v>0</v>
      </c>
      <c r="CT26" s="197">
        <v>0</v>
      </c>
      <c r="CU26" s="197">
        <v>2</v>
      </c>
      <c r="CV26" s="195">
        <v>9</v>
      </c>
      <c r="CW26" s="198">
        <v>11</v>
      </c>
      <c r="CX26" s="199">
        <v>11</v>
      </c>
      <c r="CY26" s="194">
        <v>0</v>
      </c>
      <c r="CZ26" s="195">
        <v>0</v>
      </c>
      <c r="DA26" s="195">
        <v>0</v>
      </c>
      <c r="DB26" s="196">
        <v>0</v>
      </c>
      <c r="DC26" s="197">
        <v>0</v>
      </c>
      <c r="DD26" s="197">
        <v>0</v>
      </c>
      <c r="DE26" s="197">
        <v>2</v>
      </c>
      <c r="DF26" s="195">
        <v>9</v>
      </c>
      <c r="DG26" s="198">
        <v>11</v>
      </c>
      <c r="DH26" s="200">
        <v>11</v>
      </c>
      <c r="DI26" s="201">
        <v>0</v>
      </c>
      <c r="DJ26" s="195">
        <v>0</v>
      </c>
      <c r="DK26" s="195">
        <v>0</v>
      </c>
      <c r="DL26" s="196">
        <v>0</v>
      </c>
      <c r="DM26" s="197">
        <v>0</v>
      </c>
      <c r="DN26" s="197">
        <v>0</v>
      </c>
      <c r="DO26" s="197">
        <v>0</v>
      </c>
      <c r="DP26" s="195">
        <v>0</v>
      </c>
      <c r="DQ26" s="198">
        <v>0</v>
      </c>
      <c r="DR26" s="200">
        <v>0</v>
      </c>
      <c r="DS26" s="201">
        <v>0</v>
      </c>
      <c r="DT26" s="195">
        <v>0</v>
      </c>
      <c r="DU26" s="195">
        <v>0</v>
      </c>
      <c r="DV26" s="196">
        <v>16</v>
      </c>
      <c r="DW26" s="197">
        <v>37</v>
      </c>
      <c r="DX26" s="197">
        <v>122</v>
      </c>
      <c r="DY26" s="197">
        <v>193</v>
      </c>
      <c r="DZ26" s="195">
        <v>159</v>
      </c>
      <c r="EA26" s="198">
        <v>527</v>
      </c>
      <c r="EB26" s="200">
        <v>527</v>
      </c>
      <c r="EC26" s="37"/>
    </row>
    <row r="27" spans="2:133" ht="21" customHeight="1" x14ac:dyDescent="0.2">
      <c r="B27" s="62" t="s">
        <v>24</v>
      </c>
      <c r="C27" s="194">
        <v>0</v>
      </c>
      <c r="D27" s="195">
        <v>0</v>
      </c>
      <c r="E27" s="195">
        <v>0</v>
      </c>
      <c r="F27" s="196">
        <v>0</v>
      </c>
      <c r="G27" s="197">
        <v>0</v>
      </c>
      <c r="H27" s="197">
        <v>33</v>
      </c>
      <c r="I27" s="197">
        <v>71</v>
      </c>
      <c r="J27" s="195">
        <v>68</v>
      </c>
      <c r="K27" s="198">
        <v>172</v>
      </c>
      <c r="L27" s="199">
        <v>172</v>
      </c>
      <c r="M27" s="194">
        <v>0</v>
      </c>
      <c r="N27" s="195">
        <v>0</v>
      </c>
      <c r="O27" s="198">
        <v>0</v>
      </c>
      <c r="P27" s="196">
        <v>0</v>
      </c>
      <c r="Q27" s="197">
        <v>0</v>
      </c>
      <c r="R27" s="197">
        <v>33</v>
      </c>
      <c r="S27" s="197">
        <v>71</v>
      </c>
      <c r="T27" s="195">
        <v>68</v>
      </c>
      <c r="U27" s="198">
        <v>172</v>
      </c>
      <c r="V27" s="200">
        <v>172</v>
      </c>
      <c r="W27" s="201">
        <v>0</v>
      </c>
      <c r="X27" s="195">
        <v>0</v>
      </c>
      <c r="Y27" s="198">
        <v>0</v>
      </c>
      <c r="Z27" s="201">
        <v>0</v>
      </c>
      <c r="AA27" s="197">
        <v>0</v>
      </c>
      <c r="AB27" s="197">
        <v>0</v>
      </c>
      <c r="AC27" s="197">
        <v>0</v>
      </c>
      <c r="AD27" s="195">
        <v>0</v>
      </c>
      <c r="AE27" s="198">
        <v>0</v>
      </c>
      <c r="AF27" s="202">
        <v>0</v>
      </c>
      <c r="AG27" s="201">
        <v>0</v>
      </c>
      <c r="AH27" s="195">
        <v>0</v>
      </c>
      <c r="AI27" s="198">
        <v>0</v>
      </c>
      <c r="AJ27" s="201">
        <v>12</v>
      </c>
      <c r="AK27" s="197">
        <v>16</v>
      </c>
      <c r="AL27" s="197">
        <v>24</v>
      </c>
      <c r="AM27" s="197">
        <v>27</v>
      </c>
      <c r="AN27" s="195">
        <v>7</v>
      </c>
      <c r="AO27" s="198">
        <v>86</v>
      </c>
      <c r="AP27" s="202">
        <v>86</v>
      </c>
      <c r="AQ27" s="201">
        <v>0</v>
      </c>
      <c r="AR27" s="195">
        <v>0</v>
      </c>
      <c r="AS27" s="198">
        <v>0</v>
      </c>
      <c r="AT27" s="196">
        <v>12</v>
      </c>
      <c r="AU27" s="197">
        <v>16</v>
      </c>
      <c r="AV27" s="197">
        <v>23</v>
      </c>
      <c r="AW27" s="197">
        <v>26</v>
      </c>
      <c r="AX27" s="195">
        <v>7</v>
      </c>
      <c r="AY27" s="198">
        <v>84</v>
      </c>
      <c r="AZ27" s="199">
        <v>84</v>
      </c>
      <c r="BA27" s="194">
        <v>0</v>
      </c>
      <c r="BB27" s="195">
        <v>0</v>
      </c>
      <c r="BC27" s="195">
        <v>0</v>
      </c>
      <c r="BD27" s="196">
        <v>0</v>
      </c>
      <c r="BE27" s="197">
        <v>0</v>
      </c>
      <c r="BF27" s="197">
        <v>1</v>
      </c>
      <c r="BG27" s="197">
        <v>1</v>
      </c>
      <c r="BH27" s="195">
        <v>0</v>
      </c>
      <c r="BI27" s="198">
        <v>2</v>
      </c>
      <c r="BJ27" s="200">
        <v>2</v>
      </c>
      <c r="BK27" s="201">
        <v>0</v>
      </c>
      <c r="BL27" s="195">
        <v>0</v>
      </c>
      <c r="BM27" s="195">
        <v>0</v>
      </c>
      <c r="BN27" s="196">
        <v>0</v>
      </c>
      <c r="BO27" s="197">
        <v>0</v>
      </c>
      <c r="BP27" s="197">
        <v>0</v>
      </c>
      <c r="BQ27" s="197">
        <v>0</v>
      </c>
      <c r="BR27" s="195">
        <v>0</v>
      </c>
      <c r="BS27" s="198">
        <v>0</v>
      </c>
      <c r="BT27" s="199">
        <v>0</v>
      </c>
      <c r="BU27" s="194">
        <v>0</v>
      </c>
      <c r="BV27" s="195">
        <v>0</v>
      </c>
      <c r="BW27" s="195">
        <v>0</v>
      </c>
      <c r="BX27" s="196">
        <v>0</v>
      </c>
      <c r="BY27" s="197">
        <v>0</v>
      </c>
      <c r="BZ27" s="197">
        <v>0</v>
      </c>
      <c r="CA27" s="197">
        <v>0</v>
      </c>
      <c r="CB27" s="195">
        <v>0</v>
      </c>
      <c r="CC27" s="198">
        <v>0</v>
      </c>
      <c r="CD27" s="200">
        <v>0</v>
      </c>
      <c r="CE27" s="201">
        <v>0</v>
      </c>
      <c r="CF27" s="195">
        <v>0</v>
      </c>
      <c r="CG27" s="195">
        <v>0</v>
      </c>
      <c r="CH27" s="196">
        <v>0</v>
      </c>
      <c r="CI27" s="197">
        <v>0</v>
      </c>
      <c r="CJ27" s="197">
        <v>0</v>
      </c>
      <c r="CK27" s="197">
        <v>0</v>
      </c>
      <c r="CL27" s="195">
        <v>0</v>
      </c>
      <c r="CM27" s="198">
        <v>0</v>
      </c>
      <c r="CN27" s="200">
        <v>0</v>
      </c>
      <c r="CO27" s="201">
        <v>0</v>
      </c>
      <c r="CP27" s="195">
        <v>0</v>
      </c>
      <c r="CQ27" s="195">
        <v>0</v>
      </c>
      <c r="CR27" s="196">
        <v>0</v>
      </c>
      <c r="CS27" s="197">
        <v>0</v>
      </c>
      <c r="CT27" s="197">
        <v>0</v>
      </c>
      <c r="CU27" s="197">
        <v>0</v>
      </c>
      <c r="CV27" s="195">
        <v>0</v>
      </c>
      <c r="CW27" s="198">
        <v>0</v>
      </c>
      <c r="CX27" s="199">
        <v>0</v>
      </c>
      <c r="CY27" s="194">
        <v>0</v>
      </c>
      <c r="CZ27" s="195">
        <v>0</v>
      </c>
      <c r="DA27" s="195">
        <v>0</v>
      </c>
      <c r="DB27" s="196">
        <v>0</v>
      </c>
      <c r="DC27" s="197">
        <v>0</v>
      </c>
      <c r="DD27" s="197">
        <v>0</v>
      </c>
      <c r="DE27" s="197">
        <v>0</v>
      </c>
      <c r="DF27" s="195">
        <v>0</v>
      </c>
      <c r="DG27" s="198">
        <v>0</v>
      </c>
      <c r="DH27" s="200">
        <v>0</v>
      </c>
      <c r="DI27" s="201">
        <v>0</v>
      </c>
      <c r="DJ27" s="195">
        <v>0</v>
      </c>
      <c r="DK27" s="195">
        <v>0</v>
      </c>
      <c r="DL27" s="196">
        <v>0</v>
      </c>
      <c r="DM27" s="197">
        <v>0</v>
      </c>
      <c r="DN27" s="197">
        <v>0</v>
      </c>
      <c r="DO27" s="197">
        <v>0</v>
      </c>
      <c r="DP27" s="195">
        <v>0</v>
      </c>
      <c r="DQ27" s="198">
        <v>0</v>
      </c>
      <c r="DR27" s="200">
        <v>0</v>
      </c>
      <c r="DS27" s="201">
        <v>0</v>
      </c>
      <c r="DT27" s="195">
        <v>0</v>
      </c>
      <c r="DU27" s="195">
        <v>0</v>
      </c>
      <c r="DV27" s="196">
        <v>12</v>
      </c>
      <c r="DW27" s="197">
        <v>16</v>
      </c>
      <c r="DX27" s="197">
        <v>57</v>
      </c>
      <c r="DY27" s="197">
        <v>97</v>
      </c>
      <c r="DZ27" s="195">
        <v>75</v>
      </c>
      <c r="EA27" s="198">
        <v>257</v>
      </c>
      <c r="EB27" s="200">
        <v>257</v>
      </c>
      <c r="EC27" s="37"/>
    </row>
    <row r="28" spans="2:133" ht="21" customHeight="1" x14ac:dyDescent="0.2">
      <c r="B28" s="62" t="s">
        <v>25</v>
      </c>
      <c r="C28" s="194">
        <v>0</v>
      </c>
      <c r="D28" s="195">
        <v>0</v>
      </c>
      <c r="E28" s="195">
        <v>0</v>
      </c>
      <c r="F28" s="196">
        <v>3</v>
      </c>
      <c r="G28" s="197">
        <v>7</v>
      </c>
      <c r="H28" s="197">
        <v>59</v>
      </c>
      <c r="I28" s="197">
        <v>74</v>
      </c>
      <c r="J28" s="195">
        <v>54</v>
      </c>
      <c r="K28" s="198">
        <v>197</v>
      </c>
      <c r="L28" s="199">
        <v>197</v>
      </c>
      <c r="M28" s="194">
        <v>0</v>
      </c>
      <c r="N28" s="195">
        <v>0</v>
      </c>
      <c r="O28" s="198">
        <v>0</v>
      </c>
      <c r="P28" s="196">
        <v>3</v>
      </c>
      <c r="Q28" s="197">
        <v>7</v>
      </c>
      <c r="R28" s="197">
        <v>59</v>
      </c>
      <c r="S28" s="197">
        <v>73</v>
      </c>
      <c r="T28" s="195">
        <v>50</v>
      </c>
      <c r="U28" s="198">
        <v>192</v>
      </c>
      <c r="V28" s="200">
        <v>192</v>
      </c>
      <c r="W28" s="201">
        <v>0</v>
      </c>
      <c r="X28" s="195">
        <v>0</v>
      </c>
      <c r="Y28" s="198">
        <v>0</v>
      </c>
      <c r="Z28" s="201">
        <v>0</v>
      </c>
      <c r="AA28" s="197">
        <v>0</v>
      </c>
      <c r="AB28" s="197">
        <v>0</v>
      </c>
      <c r="AC28" s="197">
        <v>1</v>
      </c>
      <c r="AD28" s="195">
        <v>4</v>
      </c>
      <c r="AE28" s="198">
        <v>5</v>
      </c>
      <c r="AF28" s="202">
        <v>5</v>
      </c>
      <c r="AG28" s="201">
        <v>0</v>
      </c>
      <c r="AH28" s="195">
        <v>0</v>
      </c>
      <c r="AI28" s="198">
        <v>0</v>
      </c>
      <c r="AJ28" s="201">
        <v>13</v>
      </c>
      <c r="AK28" s="197">
        <v>19</v>
      </c>
      <c r="AL28" s="197">
        <v>24</v>
      </c>
      <c r="AM28" s="197">
        <v>44</v>
      </c>
      <c r="AN28" s="195">
        <v>15</v>
      </c>
      <c r="AO28" s="198">
        <v>115</v>
      </c>
      <c r="AP28" s="202">
        <v>115</v>
      </c>
      <c r="AQ28" s="201">
        <v>0</v>
      </c>
      <c r="AR28" s="195">
        <v>0</v>
      </c>
      <c r="AS28" s="198">
        <v>0</v>
      </c>
      <c r="AT28" s="196">
        <v>13</v>
      </c>
      <c r="AU28" s="197">
        <v>19</v>
      </c>
      <c r="AV28" s="197">
        <v>24</v>
      </c>
      <c r="AW28" s="197">
        <v>43</v>
      </c>
      <c r="AX28" s="195">
        <v>15</v>
      </c>
      <c r="AY28" s="198">
        <v>114</v>
      </c>
      <c r="AZ28" s="199">
        <v>114</v>
      </c>
      <c r="BA28" s="194">
        <v>0</v>
      </c>
      <c r="BB28" s="195">
        <v>0</v>
      </c>
      <c r="BC28" s="195">
        <v>0</v>
      </c>
      <c r="BD28" s="196">
        <v>0</v>
      </c>
      <c r="BE28" s="197">
        <v>0</v>
      </c>
      <c r="BF28" s="197">
        <v>0</v>
      </c>
      <c r="BG28" s="197">
        <v>1</v>
      </c>
      <c r="BH28" s="195">
        <v>0</v>
      </c>
      <c r="BI28" s="198">
        <v>1</v>
      </c>
      <c r="BJ28" s="200">
        <v>1</v>
      </c>
      <c r="BK28" s="201">
        <v>0</v>
      </c>
      <c r="BL28" s="195">
        <v>0</v>
      </c>
      <c r="BM28" s="195">
        <v>0</v>
      </c>
      <c r="BN28" s="196">
        <v>0</v>
      </c>
      <c r="BO28" s="197">
        <v>0</v>
      </c>
      <c r="BP28" s="197">
        <v>0</v>
      </c>
      <c r="BQ28" s="197">
        <v>0</v>
      </c>
      <c r="BR28" s="195">
        <v>0</v>
      </c>
      <c r="BS28" s="198">
        <v>0</v>
      </c>
      <c r="BT28" s="199">
        <v>0</v>
      </c>
      <c r="BU28" s="194">
        <v>0</v>
      </c>
      <c r="BV28" s="195">
        <v>0</v>
      </c>
      <c r="BW28" s="195">
        <v>0</v>
      </c>
      <c r="BX28" s="196">
        <v>0</v>
      </c>
      <c r="BY28" s="197">
        <v>0</v>
      </c>
      <c r="BZ28" s="197">
        <v>0</v>
      </c>
      <c r="CA28" s="197">
        <v>0</v>
      </c>
      <c r="CB28" s="195">
        <v>0</v>
      </c>
      <c r="CC28" s="198">
        <v>0</v>
      </c>
      <c r="CD28" s="200">
        <v>0</v>
      </c>
      <c r="CE28" s="201">
        <v>0</v>
      </c>
      <c r="CF28" s="195">
        <v>0</v>
      </c>
      <c r="CG28" s="195">
        <v>0</v>
      </c>
      <c r="CH28" s="196">
        <v>0</v>
      </c>
      <c r="CI28" s="197">
        <v>0</v>
      </c>
      <c r="CJ28" s="197">
        <v>0</v>
      </c>
      <c r="CK28" s="197">
        <v>0</v>
      </c>
      <c r="CL28" s="195">
        <v>0</v>
      </c>
      <c r="CM28" s="198">
        <v>0</v>
      </c>
      <c r="CN28" s="200">
        <v>0</v>
      </c>
      <c r="CO28" s="201">
        <v>0</v>
      </c>
      <c r="CP28" s="195">
        <v>0</v>
      </c>
      <c r="CQ28" s="195">
        <v>0</v>
      </c>
      <c r="CR28" s="196">
        <v>0</v>
      </c>
      <c r="CS28" s="197">
        <v>0</v>
      </c>
      <c r="CT28" s="197">
        <v>0</v>
      </c>
      <c r="CU28" s="197">
        <v>1</v>
      </c>
      <c r="CV28" s="195">
        <v>2</v>
      </c>
      <c r="CW28" s="198">
        <v>3</v>
      </c>
      <c r="CX28" s="199">
        <v>3</v>
      </c>
      <c r="CY28" s="194">
        <v>0</v>
      </c>
      <c r="CZ28" s="195">
        <v>0</v>
      </c>
      <c r="DA28" s="195">
        <v>0</v>
      </c>
      <c r="DB28" s="196">
        <v>0</v>
      </c>
      <c r="DC28" s="197">
        <v>0</v>
      </c>
      <c r="DD28" s="197">
        <v>0</v>
      </c>
      <c r="DE28" s="197">
        <v>1</v>
      </c>
      <c r="DF28" s="195">
        <v>2</v>
      </c>
      <c r="DG28" s="198">
        <v>3</v>
      </c>
      <c r="DH28" s="200">
        <v>3</v>
      </c>
      <c r="DI28" s="201">
        <v>0</v>
      </c>
      <c r="DJ28" s="195">
        <v>0</v>
      </c>
      <c r="DK28" s="195">
        <v>0</v>
      </c>
      <c r="DL28" s="196">
        <v>0</v>
      </c>
      <c r="DM28" s="197">
        <v>0</v>
      </c>
      <c r="DN28" s="197">
        <v>0</v>
      </c>
      <c r="DO28" s="197">
        <v>0</v>
      </c>
      <c r="DP28" s="195">
        <v>0</v>
      </c>
      <c r="DQ28" s="198">
        <v>0</v>
      </c>
      <c r="DR28" s="200">
        <v>0</v>
      </c>
      <c r="DS28" s="201">
        <v>0</v>
      </c>
      <c r="DT28" s="195">
        <v>0</v>
      </c>
      <c r="DU28" s="195">
        <v>0</v>
      </c>
      <c r="DV28" s="196">
        <v>16</v>
      </c>
      <c r="DW28" s="197">
        <v>26</v>
      </c>
      <c r="DX28" s="197">
        <v>83</v>
      </c>
      <c r="DY28" s="197">
        <v>118</v>
      </c>
      <c r="DZ28" s="195">
        <v>71</v>
      </c>
      <c r="EA28" s="198">
        <v>314</v>
      </c>
      <c r="EB28" s="200">
        <v>314</v>
      </c>
      <c r="EC28" s="37"/>
    </row>
    <row r="29" spans="2:133" ht="21" customHeight="1" x14ac:dyDescent="0.2">
      <c r="B29" s="62" t="s">
        <v>26</v>
      </c>
      <c r="C29" s="194">
        <v>0</v>
      </c>
      <c r="D29" s="195">
        <v>0</v>
      </c>
      <c r="E29" s="195">
        <v>0</v>
      </c>
      <c r="F29" s="196">
        <v>0</v>
      </c>
      <c r="G29" s="197">
        <v>8</v>
      </c>
      <c r="H29" s="197">
        <v>33</v>
      </c>
      <c r="I29" s="197">
        <v>82</v>
      </c>
      <c r="J29" s="195">
        <v>47</v>
      </c>
      <c r="K29" s="198">
        <v>170</v>
      </c>
      <c r="L29" s="199">
        <v>170</v>
      </c>
      <c r="M29" s="194">
        <v>0</v>
      </c>
      <c r="N29" s="195">
        <v>0</v>
      </c>
      <c r="O29" s="198">
        <v>0</v>
      </c>
      <c r="P29" s="196">
        <v>0</v>
      </c>
      <c r="Q29" s="197">
        <v>8</v>
      </c>
      <c r="R29" s="197">
        <v>33</v>
      </c>
      <c r="S29" s="197">
        <v>80</v>
      </c>
      <c r="T29" s="195">
        <v>47</v>
      </c>
      <c r="U29" s="198">
        <v>168</v>
      </c>
      <c r="V29" s="200">
        <v>168</v>
      </c>
      <c r="W29" s="201">
        <v>0</v>
      </c>
      <c r="X29" s="195">
        <v>0</v>
      </c>
      <c r="Y29" s="198">
        <v>0</v>
      </c>
      <c r="Z29" s="201">
        <v>0</v>
      </c>
      <c r="AA29" s="197">
        <v>0</v>
      </c>
      <c r="AB29" s="197">
        <v>0</v>
      </c>
      <c r="AC29" s="197">
        <v>2</v>
      </c>
      <c r="AD29" s="195">
        <v>0</v>
      </c>
      <c r="AE29" s="198">
        <v>2</v>
      </c>
      <c r="AF29" s="202">
        <v>2</v>
      </c>
      <c r="AG29" s="201">
        <v>0</v>
      </c>
      <c r="AH29" s="195">
        <v>0</v>
      </c>
      <c r="AI29" s="198">
        <v>0</v>
      </c>
      <c r="AJ29" s="201">
        <v>12</v>
      </c>
      <c r="AK29" s="197">
        <v>20</v>
      </c>
      <c r="AL29" s="197">
        <v>18</v>
      </c>
      <c r="AM29" s="197">
        <v>23</v>
      </c>
      <c r="AN29" s="195">
        <v>11</v>
      </c>
      <c r="AO29" s="198">
        <v>84</v>
      </c>
      <c r="AP29" s="202">
        <v>84</v>
      </c>
      <c r="AQ29" s="201">
        <v>0</v>
      </c>
      <c r="AR29" s="195">
        <v>0</v>
      </c>
      <c r="AS29" s="198">
        <v>0</v>
      </c>
      <c r="AT29" s="196">
        <v>12</v>
      </c>
      <c r="AU29" s="197">
        <v>20</v>
      </c>
      <c r="AV29" s="197">
        <v>18</v>
      </c>
      <c r="AW29" s="197">
        <v>22</v>
      </c>
      <c r="AX29" s="195">
        <v>11</v>
      </c>
      <c r="AY29" s="198">
        <v>83</v>
      </c>
      <c r="AZ29" s="199">
        <v>83</v>
      </c>
      <c r="BA29" s="194">
        <v>0</v>
      </c>
      <c r="BB29" s="195">
        <v>0</v>
      </c>
      <c r="BC29" s="195">
        <v>0</v>
      </c>
      <c r="BD29" s="196">
        <v>0</v>
      </c>
      <c r="BE29" s="197">
        <v>0</v>
      </c>
      <c r="BF29" s="197">
        <v>0</v>
      </c>
      <c r="BG29" s="197">
        <v>1</v>
      </c>
      <c r="BH29" s="195">
        <v>0</v>
      </c>
      <c r="BI29" s="198">
        <v>1</v>
      </c>
      <c r="BJ29" s="200">
        <v>1</v>
      </c>
      <c r="BK29" s="201">
        <v>0</v>
      </c>
      <c r="BL29" s="195">
        <v>0</v>
      </c>
      <c r="BM29" s="195">
        <v>0</v>
      </c>
      <c r="BN29" s="196">
        <v>0</v>
      </c>
      <c r="BO29" s="197">
        <v>0</v>
      </c>
      <c r="BP29" s="197">
        <v>0</v>
      </c>
      <c r="BQ29" s="197">
        <v>0</v>
      </c>
      <c r="BR29" s="195">
        <v>0</v>
      </c>
      <c r="BS29" s="198">
        <v>0</v>
      </c>
      <c r="BT29" s="199">
        <v>0</v>
      </c>
      <c r="BU29" s="194">
        <v>0</v>
      </c>
      <c r="BV29" s="195">
        <v>0</v>
      </c>
      <c r="BW29" s="195">
        <v>0</v>
      </c>
      <c r="BX29" s="196">
        <v>0</v>
      </c>
      <c r="BY29" s="197">
        <v>0</v>
      </c>
      <c r="BZ29" s="197">
        <v>0</v>
      </c>
      <c r="CA29" s="197">
        <v>0</v>
      </c>
      <c r="CB29" s="195">
        <v>0</v>
      </c>
      <c r="CC29" s="198">
        <v>0</v>
      </c>
      <c r="CD29" s="200">
        <v>0</v>
      </c>
      <c r="CE29" s="201">
        <v>0</v>
      </c>
      <c r="CF29" s="195">
        <v>0</v>
      </c>
      <c r="CG29" s="195">
        <v>0</v>
      </c>
      <c r="CH29" s="196">
        <v>0</v>
      </c>
      <c r="CI29" s="197">
        <v>0</v>
      </c>
      <c r="CJ29" s="197">
        <v>0</v>
      </c>
      <c r="CK29" s="197">
        <v>0</v>
      </c>
      <c r="CL29" s="195">
        <v>0</v>
      </c>
      <c r="CM29" s="198">
        <v>0</v>
      </c>
      <c r="CN29" s="200">
        <v>0</v>
      </c>
      <c r="CO29" s="201">
        <v>0</v>
      </c>
      <c r="CP29" s="195">
        <v>0</v>
      </c>
      <c r="CQ29" s="195">
        <v>0</v>
      </c>
      <c r="CR29" s="196">
        <v>0</v>
      </c>
      <c r="CS29" s="197">
        <v>0</v>
      </c>
      <c r="CT29" s="197">
        <v>0</v>
      </c>
      <c r="CU29" s="197">
        <v>0</v>
      </c>
      <c r="CV29" s="195">
        <v>2</v>
      </c>
      <c r="CW29" s="198">
        <v>2</v>
      </c>
      <c r="CX29" s="199">
        <v>2</v>
      </c>
      <c r="CY29" s="194">
        <v>0</v>
      </c>
      <c r="CZ29" s="195">
        <v>0</v>
      </c>
      <c r="DA29" s="195">
        <v>0</v>
      </c>
      <c r="DB29" s="196">
        <v>0</v>
      </c>
      <c r="DC29" s="197">
        <v>0</v>
      </c>
      <c r="DD29" s="197">
        <v>0</v>
      </c>
      <c r="DE29" s="197">
        <v>0</v>
      </c>
      <c r="DF29" s="195">
        <v>2</v>
      </c>
      <c r="DG29" s="198">
        <v>2</v>
      </c>
      <c r="DH29" s="200">
        <v>2</v>
      </c>
      <c r="DI29" s="201">
        <v>0</v>
      </c>
      <c r="DJ29" s="195">
        <v>0</v>
      </c>
      <c r="DK29" s="195">
        <v>0</v>
      </c>
      <c r="DL29" s="196">
        <v>0</v>
      </c>
      <c r="DM29" s="197">
        <v>0</v>
      </c>
      <c r="DN29" s="197">
        <v>0</v>
      </c>
      <c r="DO29" s="197">
        <v>0</v>
      </c>
      <c r="DP29" s="195">
        <v>0</v>
      </c>
      <c r="DQ29" s="198">
        <v>0</v>
      </c>
      <c r="DR29" s="200">
        <v>0</v>
      </c>
      <c r="DS29" s="201">
        <v>0</v>
      </c>
      <c r="DT29" s="195">
        <v>0</v>
      </c>
      <c r="DU29" s="195">
        <v>0</v>
      </c>
      <c r="DV29" s="196">
        <v>12</v>
      </c>
      <c r="DW29" s="197">
        <v>28</v>
      </c>
      <c r="DX29" s="197">
        <v>51</v>
      </c>
      <c r="DY29" s="197">
        <v>105</v>
      </c>
      <c r="DZ29" s="195">
        <v>60</v>
      </c>
      <c r="EA29" s="198">
        <v>256</v>
      </c>
      <c r="EB29" s="200">
        <v>256</v>
      </c>
      <c r="EC29" s="37"/>
    </row>
    <row r="30" spans="2:133" ht="21" customHeight="1" x14ac:dyDescent="0.2">
      <c r="B30" s="62" t="s">
        <v>27</v>
      </c>
      <c r="C30" s="194">
        <v>0</v>
      </c>
      <c r="D30" s="195">
        <v>0</v>
      </c>
      <c r="E30" s="195">
        <v>0</v>
      </c>
      <c r="F30" s="196">
        <v>2</v>
      </c>
      <c r="G30" s="197">
        <v>2</v>
      </c>
      <c r="H30" s="197">
        <v>38</v>
      </c>
      <c r="I30" s="197">
        <v>56</v>
      </c>
      <c r="J30" s="195">
        <v>45</v>
      </c>
      <c r="K30" s="198">
        <v>143</v>
      </c>
      <c r="L30" s="199">
        <v>143</v>
      </c>
      <c r="M30" s="194">
        <v>0</v>
      </c>
      <c r="N30" s="195">
        <v>0</v>
      </c>
      <c r="O30" s="198">
        <v>0</v>
      </c>
      <c r="P30" s="196">
        <v>2</v>
      </c>
      <c r="Q30" s="197">
        <v>2</v>
      </c>
      <c r="R30" s="197">
        <v>36</v>
      </c>
      <c r="S30" s="197">
        <v>56</v>
      </c>
      <c r="T30" s="195">
        <v>45</v>
      </c>
      <c r="U30" s="198">
        <v>141</v>
      </c>
      <c r="V30" s="200">
        <v>141</v>
      </c>
      <c r="W30" s="201">
        <v>0</v>
      </c>
      <c r="X30" s="195">
        <v>0</v>
      </c>
      <c r="Y30" s="198">
        <v>0</v>
      </c>
      <c r="Z30" s="201">
        <v>0</v>
      </c>
      <c r="AA30" s="197">
        <v>0</v>
      </c>
      <c r="AB30" s="197">
        <v>2</v>
      </c>
      <c r="AC30" s="197">
        <v>0</v>
      </c>
      <c r="AD30" s="195">
        <v>0</v>
      </c>
      <c r="AE30" s="198">
        <v>2</v>
      </c>
      <c r="AF30" s="202">
        <v>2</v>
      </c>
      <c r="AG30" s="201">
        <v>0</v>
      </c>
      <c r="AH30" s="195">
        <v>0</v>
      </c>
      <c r="AI30" s="198">
        <v>0</v>
      </c>
      <c r="AJ30" s="201">
        <v>9</v>
      </c>
      <c r="AK30" s="197">
        <v>19</v>
      </c>
      <c r="AL30" s="197">
        <v>25</v>
      </c>
      <c r="AM30" s="197">
        <v>24</v>
      </c>
      <c r="AN30" s="195">
        <v>12</v>
      </c>
      <c r="AO30" s="198">
        <v>89</v>
      </c>
      <c r="AP30" s="202">
        <v>89</v>
      </c>
      <c r="AQ30" s="201">
        <v>0</v>
      </c>
      <c r="AR30" s="195">
        <v>0</v>
      </c>
      <c r="AS30" s="198">
        <v>0</v>
      </c>
      <c r="AT30" s="196">
        <v>9</v>
      </c>
      <c r="AU30" s="197">
        <v>17</v>
      </c>
      <c r="AV30" s="197">
        <v>24</v>
      </c>
      <c r="AW30" s="197">
        <v>23</v>
      </c>
      <c r="AX30" s="195">
        <v>12</v>
      </c>
      <c r="AY30" s="198">
        <v>85</v>
      </c>
      <c r="AZ30" s="199">
        <v>85</v>
      </c>
      <c r="BA30" s="194">
        <v>0</v>
      </c>
      <c r="BB30" s="195">
        <v>0</v>
      </c>
      <c r="BC30" s="195">
        <v>0</v>
      </c>
      <c r="BD30" s="196">
        <v>0</v>
      </c>
      <c r="BE30" s="197">
        <v>2</v>
      </c>
      <c r="BF30" s="197">
        <v>1</v>
      </c>
      <c r="BG30" s="197">
        <v>1</v>
      </c>
      <c r="BH30" s="195">
        <v>0</v>
      </c>
      <c r="BI30" s="198">
        <v>4</v>
      </c>
      <c r="BJ30" s="200">
        <v>4</v>
      </c>
      <c r="BK30" s="201">
        <v>0</v>
      </c>
      <c r="BL30" s="195">
        <v>0</v>
      </c>
      <c r="BM30" s="195">
        <v>0</v>
      </c>
      <c r="BN30" s="196">
        <v>0</v>
      </c>
      <c r="BO30" s="197">
        <v>0</v>
      </c>
      <c r="BP30" s="197">
        <v>0</v>
      </c>
      <c r="BQ30" s="197">
        <v>0</v>
      </c>
      <c r="BR30" s="195">
        <v>0</v>
      </c>
      <c r="BS30" s="198">
        <v>0</v>
      </c>
      <c r="BT30" s="199">
        <v>0</v>
      </c>
      <c r="BU30" s="194">
        <v>0</v>
      </c>
      <c r="BV30" s="195">
        <v>0</v>
      </c>
      <c r="BW30" s="195">
        <v>0</v>
      </c>
      <c r="BX30" s="196">
        <v>0</v>
      </c>
      <c r="BY30" s="197">
        <v>0</v>
      </c>
      <c r="BZ30" s="197">
        <v>0</v>
      </c>
      <c r="CA30" s="197">
        <v>0</v>
      </c>
      <c r="CB30" s="195">
        <v>0</v>
      </c>
      <c r="CC30" s="198">
        <v>0</v>
      </c>
      <c r="CD30" s="200">
        <v>0</v>
      </c>
      <c r="CE30" s="201">
        <v>0</v>
      </c>
      <c r="CF30" s="195">
        <v>0</v>
      </c>
      <c r="CG30" s="195">
        <v>0</v>
      </c>
      <c r="CH30" s="196">
        <v>0</v>
      </c>
      <c r="CI30" s="197">
        <v>0</v>
      </c>
      <c r="CJ30" s="197">
        <v>0</v>
      </c>
      <c r="CK30" s="197">
        <v>0</v>
      </c>
      <c r="CL30" s="195">
        <v>0</v>
      </c>
      <c r="CM30" s="198">
        <v>0</v>
      </c>
      <c r="CN30" s="200">
        <v>0</v>
      </c>
      <c r="CO30" s="201">
        <v>0</v>
      </c>
      <c r="CP30" s="195">
        <v>0</v>
      </c>
      <c r="CQ30" s="195">
        <v>0</v>
      </c>
      <c r="CR30" s="196">
        <v>0</v>
      </c>
      <c r="CS30" s="197">
        <v>0</v>
      </c>
      <c r="CT30" s="197">
        <v>0</v>
      </c>
      <c r="CU30" s="197">
        <v>2</v>
      </c>
      <c r="CV30" s="195">
        <v>1</v>
      </c>
      <c r="CW30" s="198">
        <v>3</v>
      </c>
      <c r="CX30" s="199">
        <v>3</v>
      </c>
      <c r="CY30" s="194">
        <v>0</v>
      </c>
      <c r="CZ30" s="195">
        <v>0</v>
      </c>
      <c r="DA30" s="195">
        <v>0</v>
      </c>
      <c r="DB30" s="196">
        <v>0</v>
      </c>
      <c r="DC30" s="197">
        <v>0</v>
      </c>
      <c r="DD30" s="197">
        <v>0</v>
      </c>
      <c r="DE30" s="197">
        <v>2</v>
      </c>
      <c r="DF30" s="195">
        <v>0</v>
      </c>
      <c r="DG30" s="198">
        <v>2</v>
      </c>
      <c r="DH30" s="200">
        <v>2</v>
      </c>
      <c r="DI30" s="201">
        <v>0</v>
      </c>
      <c r="DJ30" s="195">
        <v>0</v>
      </c>
      <c r="DK30" s="195">
        <v>0</v>
      </c>
      <c r="DL30" s="196">
        <v>0</v>
      </c>
      <c r="DM30" s="197">
        <v>0</v>
      </c>
      <c r="DN30" s="197">
        <v>0</v>
      </c>
      <c r="DO30" s="197">
        <v>0</v>
      </c>
      <c r="DP30" s="195">
        <v>1</v>
      </c>
      <c r="DQ30" s="198">
        <v>1</v>
      </c>
      <c r="DR30" s="200">
        <v>1</v>
      </c>
      <c r="DS30" s="201">
        <v>0</v>
      </c>
      <c r="DT30" s="195">
        <v>0</v>
      </c>
      <c r="DU30" s="195">
        <v>0</v>
      </c>
      <c r="DV30" s="196">
        <v>11</v>
      </c>
      <c r="DW30" s="197">
        <v>21</v>
      </c>
      <c r="DX30" s="197">
        <v>63</v>
      </c>
      <c r="DY30" s="197">
        <v>80</v>
      </c>
      <c r="DZ30" s="195">
        <v>58</v>
      </c>
      <c r="EA30" s="198">
        <v>233</v>
      </c>
      <c r="EB30" s="200">
        <v>233</v>
      </c>
      <c r="EC30" s="37"/>
    </row>
    <row r="31" spans="2:133" ht="21" customHeight="1" x14ac:dyDescent="0.2">
      <c r="B31" s="62" t="s">
        <v>28</v>
      </c>
      <c r="C31" s="194">
        <v>0</v>
      </c>
      <c r="D31" s="195">
        <v>0</v>
      </c>
      <c r="E31" s="195">
        <v>0</v>
      </c>
      <c r="F31" s="196">
        <v>0</v>
      </c>
      <c r="G31" s="197">
        <v>1</v>
      </c>
      <c r="H31" s="197">
        <v>16</v>
      </c>
      <c r="I31" s="197">
        <v>19</v>
      </c>
      <c r="J31" s="195">
        <v>11</v>
      </c>
      <c r="K31" s="198">
        <v>47</v>
      </c>
      <c r="L31" s="199">
        <v>47</v>
      </c>
      <c r="M31" s="194">
        <v>0</v>
      </c>
      <c r="N31" s="195">
        <v>0</v>
      </c>
      <c r="O31" s="198">
        <v>0</v>
      </c>
      <c r="P31" s="196">
        <v>0</v>
      </c>
      <c r="Q31" s="197">
        <v>1</v>
      </c>
      <c r="R31" s="197">
        <v>16</v>
      </c>
      <c r="S31" s="197">
        <v>19</v>
      </c>
      <c r="T31" s="195">
        <v>11</v>
      </c>
      <c r="U31" s="198">
        <v>47</v>
      </c>
      <c r="V31" s="200">
        <v>47</v>
      </c>
      <c r="W31" s="201">
        <v>0</v>
      </c>
      <c r="X31" s="195">
        <v>0</v>
      </c>
      <c r="Y31" s="198">
        <v>0</v>
      </c>
      <c r="Z31" s="201">
        <v>0</v>
      </c>
      <c r="AA31" s="197">
        <v>0</v>
      </c>
      <c r="AB31" s="197">
        <v>0</v>
      </c>
      <c r="AC31" s="197">
        <v>0</v>
      </c>
      <c r="AD31" s="195">
        <v>0</v>
      </c>
      <c r="AE31" s="198">
        <v>0</v>
      </c>
      <c r="AF31" s="202">
        <v>0</v>
      </c>
      <c r="AG31" s="201">
        <v>0</v>
      </c>
      <c r="AH31" s="195">
        <v>0</v>
      </c>
      <c r="AI31" s="198">
        <v>0</v>
      </c>
      <c r="AJ31" s="201">
        <v>1</v>
      </c>
      <c r="AK31" s="197">
        <v>9</v>
      </c>
      <c r="AL31" s="197">
        <v>9</v>
      </c>
      <c r="AM31" s="197">
        <v>13</v>
      </c>
      <c r="AN31" s="195">
        <v>4</v>
      </c>
      <c r="AO31" s="198">
        <v>36</v>
      </c>
      <c r="AP31" s="202">
        <v>36</v>
      </c>
      <c r="AQ31" s="201">
        <v>0</v>
      </c>
      <c r="AR31" s="195">
        <v>0</v>
      </c>
      <c r="AS31" s="198">
        <v>0</v>
      </c>
      <c r="AT31" s="196">
        <v>1</v>
      </c>
      <c r="AU31" s="197">
        <v>9</v>
      </c>
      <c r="AV31" s="197">
        <v>9</v>
      </c>
      <c r="AW31" s="197">
        <v>13</v>
      </c>
      <c r="AX31" s="195">
        <v>3</v>
      </c>
      <c r="AY31" s="198">
        <v>35</v>
      </c>
      <c r="AZ31" s="199">
        <v>35</v>
      </c>
      <c r="BA31" s="194">
        <v>0</v>
      </c>
      <c r="BB31" s="195">
        <v>0</v>
      </c>
      <c r="BC31" s="195">
        <v>0</v>
      </c>
      <c r="BD31" s="196">
        <v>0</v>
      </c>
      <c r="BE31" s="197">
        <v>0</v>
      </c>
      <c r="BF31" s="197">
        <v>0</v>
      </c>
      <c r="BG31" s="197">
        <v>0</v>
      </c>
      <c r="BH31" s="195">
        <v>1</v>
      </c>
      <c r="BI31" s="198">
        <v>1</v>
      </c>
      <c r="BJ31" s="200">
        <v>1</v>
      </c>
      <c r="BK31" s="201">
        <v>0</v>
      </c>
      <c r="BL31" s="195">
        <v>0</v>
      </c>
      <c r="BM31" s="195">
        <v>0</v>
      </c>
      <c r="BN31" s="196">
        <v>0</v>
      </c>
      <c r="BO31" s="197">
        <v>0</v>
      </c>
      <c r="BP31" s="197">
        <v>0</v>
      </c>
      <c r="BQ31" s="197">
        <v>0</v>
      </c>
      <c r="BR31" s="195">
        <v>0</v>
      </c>
      <c r="BS31" s="198">
        <v>0</v>
      </c>
      <c r="BT31" s="199">
        <v>0</v>
      </c>
      <c r="BU31" s="194">
        <v>0</v>
      </c>
      <c r="BV31" s="195">
        <v>0</v>
      </c>
      <c r="BW31" s="195">
        <v>0</v>
      </c>
      <c r="BX31" s="196">
        <v>0</v>
      </c>
      <c r="BY31" s="197">
        <v>0</v>
      </c>
      <c r="BZ31" s="197">
        <v>0</v>
      </c>
      <c r="CA31" s="197">
        <v>0</v>
      </c>
      <c r="CB31" s="195">
        <v>0</v>
      </c>
      <c r="CC31" s="198">
        <v>0</v>
      </c>
      <c r="CD31" s="200">
        <v>0</v>
      </c>
      <c r="CE31" s="201">
        <v>0</v>
      </c>
      <c r="CF31" s="195">
        <v>0</v>
      </c>
      <c r="CG31" s="195">
        <v>0</v>
      </c>
      <c r="CH31" s="196">
        <v>0</v>
      </c>
      <c r="CI31" s="197">
        <v>0</v>
      </c>
      <c r="CJ31" s="197">
        <v>0</v>
      </c>
      <c r="CK31" s="197">
        <v>0</v>
      </c>
      <c r="CL31" s="195">
        <v>0</v>
      </c>
      <c r="CM31" s="198">
        <v>0</v>
      </c>
      <c r="CN31" s="200">
        <v>0</v>
      </c>
      <c r="CO31" s="201">
        <v>0</v>
      </c>
      <c r="CP31" s="195">
        <v>0</v>
      </c>
      <c r="CQ31" s="195">
        <v>0</v>
      </c>
      <c r="CR31" s="196">
        <v>0</v>
      </c>
      <c r="CS31" s="197">
        <v>0</v>
      </c>
      <c r="CT31" s="197">
        <v>0</v>
      </c>
      <c r="CU31" s="197">
        <v>0</v>
      </c>
      <c r="CV31" s="195">
        <v>0</v>
      </c>
      <c r="CW31" s="198">
        <v>0</v>
      </c>
      <c r="CX31" s="199">
        <v>0</v>
      </c>
      <c r="CY31" s="194">
        <v>0</v>
      </c>
      <c r="CZ31" s="195">
        <v>0</v>
      </c>
      <c r="DA31" s="195">
        <v>0</v>
      </c>
      <c r="DB31" s="196">
        <v>0</v>
      </c>
      <c r="DC31" s="197">
        <v>0</v>
      </c>
      <c r="DD31" s="197">
        <v>0</v>
      </c>
      <c r="DE31" s="197">
        <v>0</v>
      </c>
      <c r="DF31" s="195">
        <v>0</v>
      </c>
      <c r="DG31" s="198">
        <v>0</v>
      </c>
      <c r="DH31" s="200">
        <v>0</v>
      </c>
      <c r="DI31" s="201">
        <v>0</v>
      </c>
      <c r="DJ31" s="195">
        <v>0</v>
      </c>
      <c r="DK31" s="195">
        <v>0</v>
      </c>
      <c r="DL31" s="196">
        <v>0</v>
      </c>
      <c r="DM31" s="197">
        <v>0</v>
      </c>
      <c r="DN31" s="197">
        <v>0</v>
      </c>
      <c r="DO31" s="197">
        <v>0</v>
      </c>
      <c r="DP31" s="195">
        <v>0</v>
      </c>
      <c r="DQ31" s="198">
        <v>0</v>
      </c>
      <c r="DR31" s="200">
        <v>0</v>
      </c>
      <c r="DS31" s="201">
        <v>0</v>
      </c>
      <c r="DT31" s="195">
        <v>0</v>
      </c>
      <c r="DU31" s="195">
        <v>0</v>
      </c>
      <c r="DV31" s="196">
        <v>1</v>
      </c>
      <c r="DW31" s="197">
        <v>10</v>
      </c>
      <c r="DX31" s="197">
        <v>25</v>
      </c>
      <c r="DY31" s="197">
        <v>32</v>
      </c>
      <c r="DZ31" s="195">
        <v>15</v>
      </c>
      <c r="EA31" s="198">
        <v>83</v>
      </c>
      <c r="EB31" s="200">
        <v>83</v>
      </c>
      <c r="EC31" s="37"/>
    </row>
    <row r="32" spans="2:133" ht="21" customHeight="1" x14ac:dyDescent="0.2">
      <c r="B32" s="62" t="s">
        <v>29</v>
      </c>
      <c r="C32" s="194">
        <v>0</v>
      </c>
      <c r="D32" s="195">
        <v>0</v>
      </c>
      <c r="E32" s="195">
        <v>0</v>
      </c>
      <c r="F32" s="196">
        <v>0</v>
      </c>
      <c r="G32" s="197">
        <v>3</v>
      </c>
      <c r="H32" s="197">
        <v>13</v>
      </c>
      <c r="I32" s="197">
        <v>33</v>
      </c>
      <c r="J32" s="195">
        <v>21</v>
      </c>
      <c r="K32" s="198">
        <v>70</v>
      </c>
      <c r="L32" s="199">
        <v>70</v>
      </c>
      <c r="M32" s="194">
        <v>0</v>
      </c>
      <c r="N32" s="195">
        <v>0</v>
      </c>
      <c r="O32" s="198">
        <v>0</v>
      </c>
      <c r="P32" s="196">
        <v>0</v>
      </c>
      <c r="Q32" s="197">
        <v>3</v>
      </c>
      <c r="R32" s="197">
        <v>13</v>
      </c>
      <c r="S32" s="197">
        <v>33</v>
      </c>
      <c r="T32" s="195">
        <v>21</v>
      </c>
      <c r="U32" s="198">
        <v>70</v>
      </c>
      <c r="V32" s="200">
        <v>70</v>
      </c>
      <c r="W32" s="201">
        <v>0</v>
      </c>
      <c r="X32" s="195">
        <v>0</v>
      </c>
      <c r="Y32" s="198">
        <v>0</v>
      </c>
      <c r="Z32" s="201">
        <v>0</v>
      </c>
      <c r="AA32" s="197">
        <v>0</v>
      </c>
      <c r="AB32" s="197">
        <v>0</v>
      </c>
      <c r="AC32" s="197">
        <v>0</v>
      </c>
      <c r="AD32" s="195">
        <v>0</v>
      </c>
      <c r="AE32" s="198">
        <v>0</v>
      </c>
      <c r="AF32" s="202">
        <v>0</v>
      </c>
      <c r="AG32" s="201">
        <v>0</v>
      </c>
      <c r="AH32" s="195">
        <v>0</v>
      </c>
      <c r="AI32" s="198">
        <v>0</v>
      </c>
      <c r="AJ32" s="201">
        <v>2</v>
      </c>
      <c r="AK32" s="197">
        <v>5</v>
      </c>
      <c r="AL32" s="197">
        <v>12</v>
      </c>
      <c r="AM32" s="197">
        <v>14</v>
      </c>
      <c r="AN32" s="195">
        <v>10</v>
      </c>
      <c r="AO32" s="198">
        <v>43</v>
      </c>
      <c r="AP32" s="202">
        <v>43</v>
      </c>
      <c r="AQ32" s="201">
        <v>0</v>
      </c>
      <c r="AR32" s="195">
        <v>0</v>
      </c>
      <c r="AS32" s="198">
        <v>0</v>
      </c>
      <c r="AT32" s="196">
        <v>2</v>
      </c>
      <c r="AU32" s="197">
        <v>5</v>
      </c>
      <c r="AV32" s="197">
        <v>12</v>
      </c>
      <c r="AW32" s="197">
        <v>14</v>
      </c>
      <c r="AX32" s="195">
        <v>9</v>
      </c>
      <c r="AY32" s="198">
        <v>42</v>
      </c>
      <c r="AZ32" s="199">
        <v>42</v>
      </c>
      <c r="BA32" s="194">
        <v>0</v>
      </c>
      <c r="BB32" s="195">
        <v>0</v>
      </c>
      <c r="BC32" s="195">
        <v>0</v>
      </c>
      <c r="BD32" s="196">
        <v>0</v>
      </c>
      <c r="BE32" s="197">
        <v>0</v>
      </c>
      <c r="BF32" s="197">
        <v>0</v>
      </c>
      <c r="BG32" s="197">
        <v>0</v>
      </c>
      <c r="BH32" s="195">
        <v>1</v>
      </c>
      <c r="BI32" s="198">
        <v>1</v>
      </c>
      <c r="BJ32" s="200">
        <v>1</v>
      </c>
      <c r="BK32" s="201">
        <v>0</v>
      </c>
      <c r="BL32" s="195">
        <v>0</v>
      </c>
      <c r="BM32" s="195">
        <v>0</v>
      </c>
      <c r="BN32" s="196">
        <v>0</v>
      </c>
      <c r="BO32" s="197">
        <v>0</v>
      </c>
      <c r="BP32" s="197">
        <v>0</v>
      </c>
      <c r="BQ32" s="197">
        <v>0</v>
      </c>
      <c r="BR32" s="195">
        <v>0</v>
      </c>
      <c r="BS32" s="198">
        <v>0</v>
      </c>
      <c r="BT32" s="199">
        <v>0</v>
      </c>
      <c r="BU32" s="194">
        <v>0</v>
      </c>
      <c r="BV32" s="195">
        <v>0</v>
      </c>
      <c r="BW32" s="195">
        <v>0</v>
      </c>
      <c r="BX32" s="196">
        <v>0</v>
      </c>
      <c r="BY32" s="197">
        <v>0</v>
      </c>
      <c r="BZ32" s="197">
        <v>0</v>
      </c>
      <c r="CA32" s="197">
        <v>0</v>
      </c>
      <c r="CB32" s="195">
        <v>0</v>
      </c>
      <c r="CC32" s="198">
        <v>0</v>
      </c>
      <c r="CD32" s="200">
        <v>0</v>
      </c>
      <c r="CE32" s="201">
        <v>0</v>
      </c>
      <c r="CF32" s="195">
        <v>0</v>
      </c>
      <c r="CG32" s="195">
        <v>0</v>
      </c>
      <c r="CH32" s="196">
        <v>0</v>
      </c>
      <c r="CI32" s="197">
        <v>0</v>
      </c>
      <c r="CJ32" s="197">
        <v>0</v>
      </c>
      <c r="CK32" s="197">
        <v>0</v>
      </c>
      <c r="CL32" s="195">
        <v>0</v>
      </c>
      <c r="CM32" s="198">
        <v>0</v>
      </c>
      <c r="CN32" s="200">
        <v>0</v>
      </c>
      <c r="CO32" s="201">
        <v>0</v>
      </c>
      <c r="CP32" s="195">
        <v>0</v>
      </c>
      <c r="CQ32" s="195">
        <v>0</v>
      </c>
      <c r="CR32" s="196">
        <v>0</v>
      </c>
      <c r="CS32" s="197">
        <v>0</v>
      </c>
      <c r="CT32" s="197">
        <v>0</v>
      </c>
      <c r="CU32" s="197">
        <v>1</v>
      </c>
      <c r="CV32" s="195">
        <v>0</v>
      </c>
      <c r="CW32" s="198">
        <v>1</v>
      </c>
      <c r="CX32" s="199">
        <v>1</v>
      </c>
      <c r="CY32" s="194">
        <v>0</v>
      </c>
      <c r="CZ32" s="195">
        <v>0</v>
      </c>
      <c r="DA32" s="195">
        <v>0</v>
      </c>
      <c r="DB32" s="196">
        <v>0</v>
      </c>
      <c r="DC32" s="197">
        <v>0</v>
      </c>
      <c r="DD32" s="197">
        <v>0</v>
      </c>
      <c r="DE32" s="197">
        <v>1</v>
      </c>
      <c r="DF32" s="195">
        <v>0</v>
      </c>
      <c r="DG32" s="198">
        <v>1</v>
      </c>
      <c r="DH32" s="200">
        <v>1</v>
      </c>
      <c r="DI32" s="201">
        <v>0</v>
      </c>
      <c r="DJ32" s="195">
        <v>0</v>
      </c>
      <c r="DK32" s="195">
        <v>0</v>
      </c>
      <c r="DL32" s="196">
        <v>0</v>
      </c>
      <c r="DM32" s="197">
        <v>0</v>
      </c>
      <c r="DN32" s="197">
        <v>0</v>
      </c>
      <c r="DO32" s="197">
        <v>0</v>
      </c>
      <c r="DP32" s="195">
        <v>0</v>
      </c>
      <c r="DQ32" s="198">
        <v>0</v>
      </c>
      <c r="DR32" s="200">
        <v>0</v>
      </c>
      <c r="DS32" s="201">
        <v>0</v>
      </c>
      <c r="DT32" s="195">
        <v>0</v>
      </c>
      <c r="DU32" s="195">
        <v>0</v>
      </c>
      <c r="DV32" s="196">
        <v>2</v>
      </c>
      <c r="DW32" s="197">
        <v>8</v>
      </c>
      <c r="DX32" s="197">
        <v>25</v>
      </c>
      <c r="DY32" s="197">
        <v>48</v>
      </c>
      <c r="DZ32" s="195">
        <v>31</v>
      </c>
      <c r="EA32" s="198">
        <v>114</v>
      </c>
      <c r="EB32" s="200">
        <v>114</v>
      </c>
      <c r="EC32" s="37"/>
    </row>
    <row r="33" spans="2:133" ht="21" customHeight="1" x14ac:dyDescent="0.2">
      <c r="B33" s="62" t="s">
        <v>30</v>
      </c>
      <c r="C33" s="194">
        <v>0</v>
      </c>
      <c r="D33" s="195">
        <v>0</v>
      </c>
      <c r="E33" s="195">
        <v>0</v>
      </c>
      <c r="F33" s="196">
        <v>1</v>
      </c>
      <c r="G33" s="197">
        <v>1</v>
      </c>
      <c r="H33" s="197">
        <v>25</v>
      </c>
      <c r="I33" s="197">
        <v>22</v>
      </c>
      <c r="J33" s="195">
        <v>14</v>
      </c>
      <c r="K33" s="198">
        <v>63</v>
      </c>
      <c r="L33" s="199">
        <v>63</v>
      </c>
      <c r="M33" s="194">
        <v>0</v>
      </c>
      <c r="N33" s="195">
        <v>0</v>
      </c>
      <c r="O33" s="198">
        <v>0</v>
      </c>
      <c r="P33" s="196">
        <v>1</v>
      </c>
      <c r="Q33" s="197">
        <v>1</v>
      </c>
      <c r="R33" s="197">
        <v>25</v>
      </c>
      <c r="S33" s="197">
        <v>22</v>
      </c>
      <c r="T33" s="195">
        <v>14</v>
      </c>
      <c r="U33" s="198">
        <v>63</v>
      </c>
      <c r="V33" s="200">
        <v>63</v>
      </c>
      <c r="W33" s="201">
        <v>0</v>
      </c>
      <c r="X33" s="195">
        <v>0</v>
      </c>
      <c r="Y33" s="198">
        <v>0</v>
      </c>
      <c r="Z33" s="201">
        <v>0</v>
      </c>
      <c r="AA33" s="197">
        <v>0</v>
      </c>
      <c r="AB33" s="197">
        <v>0</v>
      </c>
      <c r="AC33" s="197">
        <v>0</v>
      </c>
      <c r="AD33" s="195">
        <v>0</v>
      </c>
      <c r="AE33" s="198">
        <v>0</v>
      </c>
      <c r="AF33" s="202">
        <v>0</v>
      </c>
      <c r="AG33" s="201">
        <v>0</v>
      </c>
      <c r="AH33" s="195">
        <v>0</v>
      </c>
      <c r="AI33" s="198">
        <v>0</v>
      </c>
      <c r="AJ33" s="201">
        <v>8</v>
      </c>
      <c r="AK33" s="197">
        <v>1</v>
      </c>
      <c r="AL33" s="197">
        <v>15</v>
      </c>
      <c r="AM33" s="197">
        <v>18</v>
      </c>
      <c r="AN33" s="195">
        <v>5</v>
      </c>
      <c r="AO33" s="198">
        <v>47</v>
      </c>
      <c r="AP33" s="202">
        <v>47</v>
      </c>
      <c r="AQ33" s="201">
        <v>0</v>
      </c>
      <c r="AR33" s="195">
        <v>0</v>
      </c>
      <c r="AS33" s="198">
        <v>0</v>
      </c>
      <c r="AT33" s="196">
        <v>8</v>
      </c>
      <c r="AU33" s="197">
        <v>1</v>
      </c>
      <c r="AV33" s="197">
        <v>14</v>
      </c>
      <c r="AW33" s="197">
        <v>18</v>
      </c>
      <c r="AX33" s="195">
        <v>5</v>
      </c>
      <c r="AY33" s="198">
        <v>46</v>
      </c>
      <c r="AZ33" s="199">
        <v>46</v>
      </c>
      <c r="BA33" s="194">
        <v>0</v>
      </c>
      <c r="BB33" s="195">
        <v>0</v>
      </c>
      <c r="BC33" s="195">
        <v>0</v>
      </c>
      <c r="BD33" s="196">
        <v>0</v>
      </c>
      <c r="BE33" s="197">
        <v>0</v>
      </c>
      <c r="BF33" s="197">
        <v>1</v>
      </c>
      <c r="BG33" s="197">
        <v>0</v>
      </c>
      <c r="BH33" s="195">
        <v>0</v>
      </c>
      <c r="BI33" s="198">
        <v>1</v>
      </c>
      <c r="BJ33" s="200">
        <v>1</v>
      </c>
      <c r="BK33" s="201">
        <v>0</v>
      </c>
      <c r="BL33" s="195">
        <v>0</v>
      </c>
      <c r="BM33" s="195">
        <v>0</v>
      </c>
      <c r="BN33" s="196">
        <v>0</v>
      </c>
      <c r="BO33" s="197">
        <v>0</v>
      </c>
      <c r="BP33" s="197">
        <v>0</v>
      </c>
      <c r="BQ33" s="197">
        <v>0</v>
      </c>
      <c r="BR33" s="195">
        <v>0</v>
      </c>
      <c r="BS33" s="198">
        <v>0</v>
      </c>
      <c r="BT33" s="199">
        <v>0</v>
      </c>
      <c r="BU33" s="194">
        <v>0</v>
      </c>
      <c r="BV33" s="195">
        <v>0</v>
      </c>
      <c r="BW33" s="195">
        <v>0</v>
      </c>
      <c r="BX33" s="196">
        <v>0</v>
      </c>
      <c r="BY33" s="197">
        <v>0</v>
      </c>
      <c r="BZ33" s="197">
        <v>0</v>
      </c>
      <c r="CA33" s="197">
        <v>0</v>
      </c>
      <c r="CB33" s="195">
        <v>0</v>
      </c>
      <c r="CC33" s="198">
        <v>0</v>
      </c>
      <c r="CD33" s="200">
        <v>0</v>
      </c>
      <c r="CE33" s="201">
        <v>0</v>
      </c>
      <c r="CF33" s="195">
        <v>0</v>
      </c>
      <c r="CG33" s="195">
        <v>0</v>
      </c>
      <c r="CH33" s="196">
        <v>0</v>
      </c>
      <c r="CI33" s="197">
        <v>0</v>
      </c>
      <c r="CJ33" s="197">
        <v>0</v>
      </c>
      <c r="CK33" s="197">
        <v>0</v>
      </c>
      <c r="CL33" s="195">
        <v>0</v>
      </c>
      <c r="CM33" s="198">
        <v>0</v>
      </c>
      <c r="CN33" s="200">
        <v>0</v>
      </c>
      <c r="CO33" s="201">
        <v>0</v>
      </c>
      <c r="CP33" s="195">
        <v>0</v>
      </c>
      <c r="CQ33" s="195">
        <v>0</v>
      </c>
      <c r="CR33" s="196">
        <v>0</v>
      </c>
      <c r="CS33" s="197">
        <v>1</v>
      </c>
      <c r="CT33" s="197">
        <v>0</v>
      </c>
      <c r="CU33" s="197">
        <v>0</v>
      </c>
      <c r="CV33" s="195">
        <v>3</v>
      </c>
      <c r="CW33" s="198">
        <v>4</v>
      </c>
      <c r="CX33" s="199">
        <v>4</v>
      </c>
      <c r="CY33" s="194">
        <v>0</v>
      </c>
      <c r="CZ33" s="195">
        <v>0</v>
      </c>
      <c r="DA33" s="195">
        <v>0</v>
      </c>
      <c r="DB33" s="196">
        <v>0</v>
      </c>
      <c r="DC33" s="197">
        <v>1</v>
      </c>
      <c r="DD33" s="197">
        <v>0</v>
      </c>
      <c r="DE33" s="197">
        <v>0</v>
      </c>
      <c r="DF33" s="195">
        <v>2</v>
      </c>
      <c r="DG33" s="198">
        <v>3</v>
      </c>
      <c r="DH33" s="200">
        <v>3</v>
      </c>
      <c r="DI33" s="201">
        <v>0</v>
      </c>
      <c r="DJ33" s="195">
        <v>0</v>
      </c>
      <c r="DK33" s="195">
        <v>0</v>
      </c>
      <c r="DL33" s="196">
        <v>0</v>
      </c>
      <c r="DM33" s="197">
        <v>0</v>
      </c>
      <c r="DN33" s="197">
        <v>0</v>
      </c>
      <c r="DO33" s="197">
        <v>0</v>
      </c>
      <c r="DP33" s="195">
        <v>1</v>
      </c>
      <c r="DQ33" s="198">
        <v>1</v>
      </c>
      <c r="DR33" s="200">
        <v>1</v>
      </c>
      <c r="DS33" s="201">
        <v>0</v>
      </c>
      <c r="DT33" s="195">
        <v>0</v>
      </c>
      <c r="DU33" s="195">
        <v>0</v>
      </c>
      <c r="DV33" s="196">
        <v>9</v>
      </c>
      <c r="DW33" s="197">
        <v>3</v>
      </c>
      <c r="DX33" s="197">
        <v>38</v>
      </c>
      <c r="DY33" s="197">
        <v>40</v>
      </c>
      <c r="DZ33" s="195">
        <v>22</v>
      </c>
      <c r="EA33" s="198">
        <v>112</v>
      </c>
      <c r="EB33" s="200">
        <v>112</v>
      </c>
      <c r="EC33" s="37"/>
    </row>
    <row r="34" spans="2:133" ht="21" customHeight="1" x14ac:dyDescent="0.2">
      <c r="B34" s="62" t="s">
        <v>31</v>
      </c>
      <c r="C34" s="194">
        <v>0</v>
      </c>
      <c r="D34" s="195">
        <v>0</v>
      </c>
      <c r="E34" s="195">
        <v>0</v>
      </c>
      <c r="F34" s="196">
        <v>0</v>
      </c>
      <c r="G34" s="197">
        <v>2</v>
      </c>
      <c r="H34" s="197">
        <v>31</v>
      </c>
      <c r="I34" s="197">
        <v>29</v>
      </c>
      <c r="J34" s="195">
        <v>22</v>
      </c>
      <c r="K34" s="198">
        <v>84</v>
      </c>
      <c r="L34" s="199">
        <v>84</v>
      </c>
      <c r="M34" s="194">
        <v>0</v>
      </c>
      <c r="N34" s="195">
        <v>0</v>
      </c>
      <c r="O34" s="198">
        <v>0</v>
      </c>
      <c r="P34" s="196">
        <v>0</v>
      </c>
      <c r="Q34" s="197">
        <v>2</v>
      </c>
      <c r="R34" s="197">
        <v>30</v>
      </c>
      <c r="S34" s="197">
        <v>29</v>
      </c>
      <c r="T34" s="195">
        <v>22</v>
      </c>
      <c r="U34" s="198">
        <v>83</v>
      </c>
      <c r="V34" s="200">
        <v>83</v>
      </c>
      <c r="W34" s="201">
        <v>0</v>
      </c>
      <c r="X34" s="195">
        <v>0</v>
      </c>
      <c r="Y34" s="198">
        <v>0</v>
      </c>
      <c r="Z34" s="201">
        <v>0</v>
      </c>
      <c r="AA34" s="197">
        <v>0</v>
      </c>
      <c r="AB34" s="197">
        <v>1</v>
      </c>
      <c r="AC34" s="197">
        <v>0</v>
      </c>
      <c r="AD34" s="195">
        <v>0</v>
      </c>
      <c r="AE34" s="198">
        <v>1</v>
      </c>
      <c r="AF34" s="202">
        <v>1</v>
      </c>
      <c r="AG34" s="201">
        <v>0</v>
      </c>
      <c r="AH34" s="195">
        <v>0</v>
      </c>
      <c r="AI34" s="198">
        <v>0</v>
      </c>
      <c r="AJ34" s="201">
        <v>3</v>
      </c>
      <c r="AK34" s="197">
        <v>13</v>
      </c>
      <c r="AL34" s="197">
        <v>9</v>
      </c>
      <c r="AM34" s="197">
        <v>7</v>
      </c>
      <c r="AN34" s="195">
        <v>6</v>
      </c>
      <c r="AO34" s="198">
        <v>38</v>
      </c>
      <c r="AP34" s="202">
        <v>38</v>
      </c>
      <c r="AQ34" s="201">
        <v>0</v>
      </c>
      <c r="AR34" s="195">
        <v>0</v>
      </c>
      <c r="AS34" s="198">
        <v>0</v>
      </c>
      <c r="AT34" s="196">
        <v>3</v>
      </c>
      <c r="AU34" s="197">
        <v>13</v>
      </c>
      <c r="AV34" s="197">
        <v>9</v>
      </c>
      <c r="AW34" s="197">
        <v>7</v>
      </c>
      <c r="AX34" s="195">
        <v>6</v>
      </c>
      <c r="AY34" s="198">
        <v>38</v>
      </c>
      <c r="AZ34" s="199">
        <v>38</v>
      </c>
      <c r="BA34" s="194">
        <v>0</v>
      </c>
      <c r="BB34" s="195">
        <v>0</v>
      </c>
      <c r="BC34" s="195">
        <v>0</v>
      </c>
      <c r="BD34" s="196">
        <v>0</v>
      </c>
      <c r="BE34" s="197">
        <v>0</v>
      </c>
      <c r="BF34" s="197">
        <v>0</v>
      </c>
      <c r="BG34" s="197">
        <v>0</v>
      </c>
      <c r="BH34" s="195">
        <v>0</v>
      </c>
      <c r="BI34" s="198">
        <v>0</v>
      </c>
      <c r="BJ34" s="200">
        <v>0</v>
      </c>
      <c r="BK34" s="201">
        <v>0</v>
      </c>
      <c r="BL34" s="195">
        <v>0</v>
      </c>
      <c r="BM34" s="195">
        <v>0</v>
      </c>
      <c r="BN34" s="196">
        <v>0</v>
      </c>
      <c r="BO34" s="197">
        <v>0</v>
      </c>
      <c r="BP34" s="197">
        <v>0</v>
      </c>
      <c r="BQ34" s="197">
        <v>0</v>
      </c>
      <c r="BR34" s="195">
        <v>0</v>
      </c>
      <c r="BS34" s="198">
        <v>0</v>
      </c>
      <c r="BT34" s="199">
        <v>0</v>
      </c>
      <c r="BU34" s="194">
        <v>0</v>
      </c>
      <c r="BV34" s="195">
        <v>0</v>
      </c>
      <c r="BW34" s="195">
        <v>0</v>
      </c>
      <c r="BX34" s="196">
        <v>0</v>
      </c>
      <c r="BY34" s="197">
        <v>0</v>
      </c>
      <c r="BZ34" s="197">
        <v>0</v>
      </c>
      <c r="CA34" s="197">
        <v>0</v>
      </c>
      <c r="CB34" s="195">
        <v>0</v>
      </c>
      <c r="CC34" s="198">
        <v>0</v>
      </c>
      <c r="CD34" s="200">
        <v>0</v>
      </c>
      <c r="CE34" s="201">
        <v>0</v>
      </c>
      <c r="CF34" s="195">
        <v>0</v>
      </c>
      <c r="CG34" s="195">
        <v>0</v>
      </c>
      <c r="CH34" s="196">
        <v>0</v>
      </c>
      <c r="CI34" s="197">
        <v>0</v>
      </c>
      <c r="CJ34" s="197">
        <v>0</v>
      </c>
      <c r="CK34" s="197">
        <v>0</v>
      </c>
      <c r="CL34" s="195">
        <v>0</v>
      </c>
      <c r="CM34" s="198">
        <v>0</v>
      </c>
      <c r="CN34" s="200">
        <v>0</v>
      </c>
      <c r="CO34" s="201">
        <v>0</v>
      </c>
      <c r="CP34" s="195">
        <v>0</v>
      </c>
      <c r="CQ34" s="195">
        <v>0</v>
      </c>
      <c r="CR34" s="196">
        <v>0</v>
      </c>
      <c r="CS34" s="197">
        <v>0</v>
      </c>
      <c r="CT34" s="197">
        <v>0</v>
      </c>
      <c r="CU34" s="197">
        <v>0</v>
      </c>
      <c r="CV34" s="195">
        <v>0</v>
      </c>
      <c r="CW34" s="198">
        <v>0</v>
      </c>
      <c r="CX34" s="199">
        <v>0</v>
      </c>
      <c r="CY34" s="194">
        <v>0</v>
      </c>
      <c r="CZ34" s="195">
        <v>0</v>
      </c>
      <c r="DA34" s="195">
        <v>0</v>
      </c>
      <c r="DB34" s="196">
        <v>0</v>
      </c>
      <c r="DC34" s="197">
        <v>0</v>
      </c>
      <c r="DD34" s="197">
        <v>0</v>
      </c>
      <c r="DE34" s="197">
        <v>0</v>
      </c>
      <c r="DF34" s="195">
        <v>0</v>
      </c>
      <c r="DG34" s="198">
        <v>0</v>
      </c>
      <c r="DH34" s="200">
        <v>0</v>
      </c>
      <c r="DI34" s="201">
        <v>0</v>
      </c>
      <c r="DJ34" s="195">
        <v>0</v>
      </c>
      <c r="DK34" s="195">
        <v>0</v>
      </c>
      <c r="DL34" s="196">
        <v>0</v>
      </c>
      <c r="DM34" s="197">
        <v>0</v>
      </c>
      <c r="DN34" s="197">
        <v>0</v>
      </c>
      <c r="DO34" s="197">
        <v>0</v>
      </c>
      <c r="DP34" s="195">
        <v>0</v>
      </c>
      <c r="DQ34" s="198">
        <v>0</v>
      </c>
      <c r="DR34" s="200">
        <v>0</v>
      </c>
      <c r="DS34" s="201">
        <v>0</v>
      </c>
      <c r="DT34" s="195">
        <v>0</v>
      </c>
      <c r="DU34" s="195">
        <v>0</v>
      </c>
      <c r="DV34" s="196">
        <v>3</v>
      </c>
      <c r="DW34" s="197">
        <v>15</v>
      </c>
      <c r="DX34" s="197">
        <v>40</v>
      </c>
      <c r="DY34" s="197">
        <v>36</v>
      </c>
      <c r="DZ34" s="195">
        <v>28</v>
      </c>
      <c r="EA34" s="198">
        <v>122</v>
      </c>
      <c r="EB34" s="200">
        <v>122</v>
      </c>
      <c r="EC34" s="37"/>
    </row>
    <row r="35" spans="2:133" ht="21" customHeight="1" x14ac:dyDescent="0.2">
      <c r="B35" s="62" t="s">
        <v>32</v>
      </c>
      <c r="C35" s="194">
        <v>0</v>
      </c>
      <c r="D35" s="195">
        <v>0</v>
      </c>
      <c r="E35" s="195">
        <v>0</v>
      </c>
      <c r="F35" s="196">
        <v>2</v>
      </c>
      <c r="G35" s="197">
        <v>1</v>
      </c>
      <c r="H35" s="197">
        <v>11</v>
      </c>
      <c r="I35" s="197">
        <v>21</v>
      </c>
      <c r="J35" s="195">
        <v>12</v>
      </c>
      <c r="K35" s="198">
        <v>47</v>
      </c>
      <c r="L35" s="199">
        <v>47</v>
      </c>
      <c r="M35" s="194">
        <v>0</v>
      </c>
      <c r="N35" s="195">
        <v>0</v>
      </c>
      <c r="O35" s="198">
        <v>0</v>
      </c>
      <c r="P35" s="196">
        <v>2</v>
      </c>
      <c r="Q35" s="197">
        <v>1</v>
      </c>
      <c r="R35" s="197">
        <v>11</v>
      </c>
      <c r="S35" s="197">
        <v>21</v>
      </c>
      <c r="T35" s="195">
        <v>11</v>
      </c>
      <c r="U35" s="198">
        <v>46</v>
      </c>
      <c r="V35" s="200">
        <v>46</v>
      </c>
      <c r="W35" s="201">
        <v>0</v>
      </c>
      <c r="X35" s="195">
        <v>0</v>
      </c>
      <c r="Y35" s="198">
        <v>0</v>
      </c>
      <c r="Z35" s="201">
        <v>0</v>
      </c>
      <c r="AA35" s="197">
        <v>0</v>
      </c>
      <c r="AB35" s="197">
        <v>0</v>
      </c>
      <c r="AC35" s="197">
        <v>0</v>
      </c>
      <c r="AD35" s="195">
        <v>1</v>
      </c>
      <c r="AE35" s="198">
        <v>1</v>
      </c>
      <c r="AF35" s="202">
        <v>1</v>
      </c>
      <c r="AG35" s="201">
        <v>0</v>
      </c>
      <c r="AH35" s="195">
        <v>0</v>
      </c>
      <c r="AI35" s="198">
        <v>0</v>
      </c>
      <c r="AJ35" s="201">
        <v>1</v>
      </c>
      <c r="AK35" s="197">
        <v>10</v>
      </c>
      <c r="AL35" s="197">
        <v>13</v>
      </c>
      <c r="AM35" s="197">
        <v>16</v>
      </c>
      <c r="AN35" s="195">
        <v>6</v>
      </c>
      <c r="AO35" s="198">
        <v>46</v>
      </c>
      <c r="AP35" s="202">
        <v>46</v>
      </c>
      <c r="AQ35" s="201">
        <v>0</v>
      </c>
      <c r="AR35" s="195">
        <v>0</v>
      </c>
      <c r="AS35" s="198">
        <v>0</v>
      </c>
      <c r="AT35" s="196">
        <v>1</v>
      </c>
      <c r="AU35" s="197">
        <v>10</v>
      </c>
      <c r="AV35" s="197">
        <v>13</v>
      </c>
      <c r="AW35" s="197">
        <v>16</v>
      </c>
      <c r="AX35" s="195">
        <v>6</v>
      </c>
      <c r="AY35" s="198">
        <v>46</v>
      </c>
      <c r="AZ35" s="199">
        <v>46</v>
      </c>
      <c r="BA35" s="194">
        <v>0</v>
      </c>
      <c r="BB35" s="195">
        <v>0</v>
      </c>
      <c r="BC35" s="195">
        <v>0</v>
      </c>
      <c r="BD35" s="196">
        <v>0</v>
      </c>
      <c r="BE35" s="197">
        <v>0</v>
      </c>
      <c r="BF35" s="197">
        <v>0</v>
      </c>
      <c r="BG35" s="197">
        <v>0</v>
      </c>
      <c r="BH35" s="195">
        <v>0</v>
      </c>
      <c r="BI35" s="198">
        <v>0</v>
      </c>
      <c r="BJ35" s="200">
        <v>0</v>
      </c>
      <c r="BK35" s="201">
        <v>0</v>
      </c>
      <c r="BL35" s="195">
        <v>0</v>
      </c>
      <c r="BM35" s="195">
        <v>0</v>
      </c>
      <c r="BN35" s="196">
        <v>0</v>
      </c>
      <c r="BO35" s="197">
        <v>0</v>
      </c>
      <c r="BP35" s="197">
        <v>0</v>
      </c>
      <c r="BQ35" s="197">
        <v>0</v>
      </c>
      <c r="BR35" s="195">
        <v>0</v>
      </c>
      <c r="BS35" s="198">
        <v>0</v>
      </c>
      <c r="BT35" s="199">
        <v>0</v>
      </c>
      <c r="BU35" s="194">
        <v>0</v>
      </c>
      <c r="BV35" s="195">
        <v>0</v>
      </c>
      <c r="BW35" s="195">
        <v>0</v>
      </c>
      <c r="BX35" s="196">
        <v>0</v>
      </c>
      <c r="BY35" s="197">
        <v>0</v>
      </c>
      <c r="BZ35" s="197">
        <v>0</v>
      </c>
      <c r="CA35" s="197">
        <v>0</v>
      </c>
      <c r="CB35" s="195">
        <v>0</v>
      </c>
      <c r="CC35" s="198">
        <v>0</v>
      </c>
      <c r="CD35" s="200">
        <v>0</v>
      </c>
      <c r="CE35" s="201">
        <v>0</v>
      </c>
      <c r="CF35" s="195">
        <v>0</v>
      </c>
      <c r="CG35" s="195">
        <v>0</v>
      </c>
      <c r="CH35" s="196">
        <v>0</v>
      </c>
      <c r="CI35" s="197">
        <v>0</v>
      </c>
      <c r="CJ35" s="197">
        <v>0</v>
      </c>
      <c r="CK35" s="197">
        <v>0</v>
      </c>
      <c r="CL35" s="195">
        <v>0</v>
      </c>
      <c r="CM35" s="198">
        <v>0</v>
      </c>
      <c r="CN35" s="200">
        <v>0</v>
      </c>
      <c r="CO35" s="201">
        <v>0</v>
      </c>
      <c r="CP35" s="195">
        <v>0</v>
      </c>
      <c r="CQ35" s="195">
        <v>0</v>
      </c>
      <c r="CR35" s="196">
        <v>0</v>
      </c>
      <c r="CS35" s="197">
        <v>0</v>
      </c>
      <c r="CT35" s="197">
        <v>0</v>
      </c>
      <c r="CU35" s="197">
        <v>0</v>
      </c>
      <c r="CV35" s="195">
        <v>1</v>
      </c>
      <c r="CW35" s="198">
        <v>1</v>
      </c>
      <c r="CX35" s="199">
        <v>1</v>
      </c>
      <c r="CY35" s="194">
        <v>0</v>
      </c>
      <c r="CZ35" s="195">
        <v>0</v>
      </c>
      <c r="DA35" s="195">
        <v>0</v>
      </c>
      <c r="DB35" s="196">
        <v>0</v>
      </c>
      <c r="DC35" s="197">
        <v>0</v>
      </c>
      <c r="DD35" s="197">
        <v>0</v>
      </c>
      <c r="DE35" s="197">
        <v>0</v>
      </c>
      <c r="DF35" s="195">
        <v>1</v>
      </c>
      <c r="DG35" s="198">
        <v>1</v>
      </c>
      <c r="DH35" s="200">
        <v>1</v>
      </c>
      <c r="DI35" s="201">
        <v>0</v>
      </c>
      <c r="DJ35" s="195">
        <v>0</v>
      </c>
      <c r="DK35" s="195">
        <v>0</v>
      </c>
      <c r="DL35" s="196">
        <v>0</v>
      </c>
      <c r="DM35" s="197">
        <v>0</v>
      </c>
      <c r="DN35" s="197">
        <v>0</v>
      </c>
      <c r="DO35" s="197">
        <v>0</v>
      </c>
      <c r="DP35" s="195">
        <v>0</v>
      </c>
      <c r="DQ35" s="198">
        <v>0</v>
      </c>
      <c r="DR35" s="200">
        <v>0</v>
      </c>
      <c r="DS35" s="201">
        <v>0</v>
      </c>
      <c r="DT35" s="195">
        <v>0</v>
      </c>
      <c r="DU35" s="195">
        <v>0</v>
      </c>
      <c r="DV35" s="196">
        <v>3</v>
      </c>
      <c r="DW35" s="197">
        <v>11</v>
      </c>
      <c r="DX35" s="197">
        <v>24</v>
      </c>
      <c r="DY35" s="197">
        <v>37</v>
      </c>
      <c r="DZ35" s="195">
        <v>18</v>
      </c>
      <c r="EA35" s="198">
        <v>93</v>
      </c>
      <c r="EB35" s="200">
        <v>93</v>
      </c>
      <c r="EC35" s="37"/>
    </row>
    <row r="36" spans="2:133" ht="21" customHeight="1" x14ac:dyDescent="0.2">
      <c r="B36" s="62" t="s">
        <v>33</v>
      </c>
      <c r="C36" s="194">
        <v>0</v>
      </c>
      <c r="D36" s="195">
        <v>0</v>
      </c>
      <c r="E36" s="195">
        <v>0</v>
      </c>
      <c r="F36" s="196">
        <v>0</v>
      </c>
      <c r="G36" s="197">
        <v>5</v>
      </c>
      <c r="H36" s="197">
        <v>22</v>
      </c>
      <c r="I36" s="197">
        <v>37</v>
      </c>
      <c r="J36" s="195">
        <v>21</v>
      </c>
      <c r="K36" s="198">
        <v>85</v>
      </c>
      <c r="L36" s="199">
        <v>85</v>
      </c>
      <c r="M36" s="194">
        <v>0</v>
      </c>
      <c r="N36" s="195">
        <v>0</v>
      </c>
      <c r="O36" s="198">
        <v>0</v>
      </c>
      <c r="P36" s="196">
        <v>0</v>
      </c>
      <c r="Q36" s="197">
        <v>5</v>
      </c>
      <c r="R36" s="197">
        <v>22</v>
      </c>
      <c r="S36" s="197">
        <v>37</v>
      </c>
      <c r="T36" s="195">
        <v>21</v>
      </c>
      <c r="U36" s="198">
        <v>85</v>
      </c>
      <c r="V36" s="200">
        <v>85</v>
      </c>
      <c r="W36" s="201">
        <v>0</v>
      </c>
      <c r="X36" s="195">
        <v>0</v>
      </c>
      <c r="Y36" s="198">
        <v>0</v>
      </c>
      <c r="Z36" s="201">
        <v>0</v>
      </c>
      <c r="AA36" s="197">
        <v>0</v>
      </c>
      <c r="AB36" s="197">
        <v>0</v>
      </c>
      <c r="AC36" s="197">
        <v>0</v>
      </c>
      <c r="AD36" s="195">
        <v>0</v>
      </c>
      <c r="AE36" s="198">
        <v>0</v>
      </c>
      <c r="AF36" s="202">
        <v>0</v>
      </c>
      <c r="AG36" s="201">
        <v>0</v>
      </c>
      <c r="AH36" s="195">
        <v>0</v>
      </c>
      <c r="AI36" s="198">
        <v>0</v>
      </c>
      <c r="AJ36" s="201">
        <v>8</v>
      </c>
      <c r="AK36" s="197">
        <v>6</v>
      </c>
      <c r="AL36" s="197">
        <v>10</v>
      </c>
      <c r="AM36" s="197">
        <v>14</v>
      </c>
      <c r="AN36" s="195">
        <v>3</v>
      </c>
      <c r="AO36" s="198">
        <v>41</v>
      </c>
      <c r="AP36" s="202">
        <v>41</v>
      </c>
      <c r="AQ36" s="201">
        <v>0</v>
      </c>
      <c r="AR36" s="195">
        <v>0</v>
      </c>
      <c r="AS36" s="198">
        <v>0</v>
      </c>
      <c r="AT36" s="196">
        <v>8</v>
      </c>
      <c r="AU36" s="197">
        <v>6</v>
      </c>
      <c r="AV36" s="197">
        <v>10</v>
      </c>
      <c r="AW36" s="197">
        <v>14</v>
      </c>
      <c r="AX36" s="195">
        <v>3</v>
      </c>
      <c r="AY36" s="198">
        <v>41</v>
      </c>
      <c r="AZ36" s="199">
        <v>41</v>
      </c>
      <c r="BA36" s="194">
        <v>0</v>
      </c>
      <c r="BB36" s="195">
        <v>0</v>
      </c>
      <c r="BC36" s="195">
        <v>0</v>
      </c>
      <c r="BD36" s="196">
        <v>0</v>
      </c>
      <c r="BE36" s="197">
        <v>0</v>
      </c>
      <c r="BF36" s="197">
        <v>0</v>
      </c>
      <c r="BG36" s="197">
        <v>0</v>
      </c>
      <c r="BH36" s="195">
        <v>0</v>
      </c>
      <c r="BI36" s="198">
        <v>0</v>
      </c>
      <c r="BJ36" s="200">
        <v>0</v>
      </c>
      <c r="BK36" s="201">
        <v>0</v>
      </c>
      <c r="BL36" s="195">
        <v>0</v>
      </c>
      <c r="BM36" s="195">
        <v>0</v>
      </c>
      <c r="BN36" s="196">
        <v>0</v>
      </c>
      <c r="BO36" s="197">
        <v>0</v>
      </c>
      <c r="BP36" s="197">
        <v>0</v>
      </c>
      <c r="BQ36" s="197">
        <v>0</v>
      </c>
      <c r="BR36" s="195">
        <v>0</v>
      </c>
      <c r="BS36" s="198">
        <v>0</v>
      </c>
      <c r="BT36" s="199">
        <v>0</v>
      </c>
      <c r="BU36" s="194">
        <v>0</v>
      </c>
      <c r="BV36" s="195">
        <v>0</v>
      </c>
      <c r="BW36" s="195">
        <v>0</v>
      </c>
      <c r="BX36" s="196">
        <v>0</v>
      </c>
      <c r="BY36" s="197">
        <v>0</v>
      </c>
      <c r="BZ36" s="197">
        <v>0</v>
      </c>
      <c r="CA36" s="197">
        <v>0</v>
      </c>
      <c r="CB36" s="195">
        <v>0</v>
      </c>
      <c r="CC36" s="198">
        <v>0</v>
      </c>
      <c r="CD36" s="200">
        <v>0</v>
      </c>
      <c r="CE36" s="201">
        <v>0</v>
      </c>
      <c r="CF36" s="195">
        <v>0</v>
      </c>
      <c r="CG36" s="195">
        <v>0</v>
      </c>
      <c r="CH36" s="196">
        <v>0</v>
      </c>
      <c r="CI36" s="197">
        <v>0</v>
      </c>
      <c r="CJ36" s="197">
        <v>0</v>
      </c>
      <c r="CK36" s="197">
        <v>0</v>
      </c>
      <c r="CL36" s="195">
        <v>0</v>
      </c>
      <c r="CM36" s="198">
        <v>0</v>
      </c>
      <c r="CN36" s="200">
        <v>0</v>
      </c>
      <c r="CO36" s="201">
        <v>0</v>
      </c>
      <c r="CP36" s="195">
        <v>0</v>
      </c>
      <c r="CQ36" s="195">
        <v>0</v>
      </c>
      <c r="CR36" s="196">
        <v>3</v>
      </c>
      <c r="CS36" s="197">
        <v>7</v>
      </c>
      <c r="CT36" s="197">
        <v>6</v>
      </c>
      <c r="CU36" s="197">
        <v>7</v>
      </c>
      <c r="CV36" s="195">
        <v>9</v>
      </c>
      <c r="CW36" s="198">
        <v>32</v>
      </c>
      <c r="CX36" s="199">
        <v>32</v>
      </c>
      <c r="CY36" s="194">
        <v>0</v>
      </c>
      <c r="CZ36" s="195">
        <v>0</v>
      </c>
      <c r="DA36" s="195">
        <v>0</v>
      </c>
      <c r="DB36" s="196">
        <v>3</v>
      </c>
      <c r="DC36" s="197">
        <v>7</v>
      </c>
      <c r="DD36" s="197">
        <v>6</v>
      </c>
      <c r="DE36" s="197">
        <v>7</v>
      </c>
      <c r="DF36" s="195">
        <v>9</v>
      </c>
      <c r="DG36" s="198">
        <v>32</v>
      </c>
      <c r="DH36" s="200">
        <v>32</v>
      </c>
      <c r="DI36" s="201">
        <v>0</v>
      </c>
      <c r="DJ36" s="195">
        <v>0</v>
      </c>
      <c r="DK36" s="195">
        <v>0</v>
      </c>
      <c r="DL36" s="196">
        <v>0</v>
      </c>
      <c r="DM36" s="197">
        <v>0</v>
      </c>
      <c r="DN36" s="197">
        <v>0</v>
      </c>
      <c r="DO36" s="197">
        <v>0</v>
      </c>
      <c r="DP36" s="195">
        <v>0</v>
      </c>
      <c r="DQ36" s="198">
        <v>0</v>
      </c>
      <c r="DR36" s="200">
        <v>0</v>
      </c>
      <c r="DS36" s="201">
        <v>0</v>
      </c>
      <c r="DT36" s="195">
        <v>0</v>
      </c>
      <c r="DU36" s="195">
        <v>0</v>
      </c>
      <c r="DV36" s="196">
        <v>11</v>
      </c>
      <c r="DW36" s="197">
        <v>18</v>
      </c>
      <c r="DX36" s="197">
        <v>38</v>
      </c>
      <c r="DY36" s="197">
        <v>58</v>
      </c>
      <c r="DZ36" s="195">
        <v>33</v>
      </c>
      <c r="EA36" s="198">
        <v>158</v>
      </c>
      <c r="EB36" s="200">
        <v>158</v>
      </c>
      <c r="EC36" s="37"/>
    </row>
    <row r="37" spans="2:133" ht="21" customHeight="1" x14ac:dyDescent="0.2">
      <c r="B37" s="62" t="s">
        <v>34</v>
      </c>
      <c r="C37" s="194">
        <v>0</v>
      </c>
      <c r="D37" s="195">
        <v>0</v>
      </c>
      <c r="E37" s="195">
        <v>0</v>
      </c>
      <c r="F37" s="196">
        <v>0</v>
      </c>
      <c r="G37" s="197">
        <v>0</v>
      </c>
      <c r="H37" s="197">
        <v>6</v>
      </c>
      <c r="I37" s="197">
        <v>24</v>
      </c>
      <c r="J37" s="195">
        <v>13</v>
      </c>
      <c r="K37" s="198">
        <v>43</v>
      </c>
      <c r="L37" s="199">
        <v>43</v>
      </c>
      <c r="M37" s="194">
        <v>0</v>
      </c>
      <c r="N37" s="195">
        <v>0</v>
      </c>
      <c r="O37" s="198">
        <v>0</v>
      </c>
      <c r="P37" s="196">
        <v>0</v>
      </c>
      <c r="Q37" s="197">
        <v>0</v>
      </c>
      <c r="R37" s="197">
        <v>6</v>
      </c>
      <c r="S37" s="197">
        <v>24</v>
      </c>
      <c r="T37" s="195">
        <v>13</v>
      </c>
      <c r="U37" s="198">
        <v>43</v>
      </c>
      <c r="V37" s="200">
        <v>43</v>
      </c>
      <c r="W37" s="201">
        <v>0</v>
      </c>
      <c r="X37" s="195">
        <v>0</v>
      </c>
      <c r="Y37" s="198">
        <v>0</v>
      </c>
      <c r="Z37" s="201">
        <v>0</v>
      </c>
      <c r="AA37" s="197">
        <v>0</v>
      </c>
      <c r="AB37" s="197">
        <v>0</v>
      </c>
      <c r="AC37" s="197">
        <v>0</v>
      </c>
      <c r="AD37" s="195">
        <v>0</v>
      </c>
      <c r="AE37" s="198">
        <v>0</v>
      </c>
      <c r="AF37" s="202">
        <v>0</v>
      </c>
      <c r="AG37" s="201">
        <v>0</v>
      </c>
      <c r="AH37" s="195">
        <v>0</v>
      </c>
      <c r="AI37" s="198">
        <v>0</v>
      </c>
      <c r="AJ37" s="201">
        <v>4</v>
      </c>
      <c r="AK37" s="197">
        <v>12</v>
      </c>
      <c r="AL37" s="197">
        <v>12</v>
      </c>
      <c r="AM37" s="197">
        <v>13</v>
      </c>
      <c r="AN37" s="195">
        <v>6</v>
      </c>
      <c r="AO37" s="198">
        <v>47</v>
      </c>
      <c r="AP37" s="202">
        <v>47</v>
      </c>
      <c r="AQ37" s="201">
        <v>0</v>
      </c>
      <c r="AR37" s="195">
        <v>0</v>
      </c>
      <c r="AS37" s="198">
        <v>0</v>
      </c>
      <c r="AT37" s="196">
        <v>4</v>
      </c>
      <c r="AU37" s="197">
        <v>12</v>
      </c>
      <c r="AV37" s="197">
        <v>12</v>
      </c>
      <c r="AW37" s="197">
        <v>13</v>
      </c>
      <c r="AX37" s="195">
        <v>6</v>
      </c>
      <c r="AY37" s="198">
        <v>47</v>
      </c>
      <c r="AZ37" s="199">
        <v>47</v>
      </c>
      <c r="BA37" s="194">
        <v>0</v>
      </c>
      <c r="BB37" s="195">
        <v>0</v>
      </c>
      <c r="BC37" s="195">
        <v>0</v>
      </c>
      <c r="BD37" s="196">
        <v>0</v>
      </c>
      <c r="BE37" s="197">
        <v>0</v>
      </c>
      <c r="BF37" s="197">
        <v>0</v>
      </c>
      <c r="BG37" s="197">
        <v>0</v>
      </c>
      <c r="BH37" s="195">
        <v>0</v>
      </c>
      <c r="BI37" s="198">
        <v>0</v>
      </c>
      <c r="BJ37" s="200">
        <v>0</v>
      </c>
      <c r="BK37" s="201">
        <v>0</v>
      </c>
      <c r="BL37" s="195">
        <v>0</v>
      </c>
      <c r="BM37" s="195">
        <v>0</v>
      </c>
      <c r="BN37" s="196">
        <v>0</v>
      </c>
      <c r="BO37" s="197">
        <v>0</v>
      </c>
      <c r="BP37" s="197">
        <v>0</v>
      </c>
      <c r="BQ37" s="197">
        <v>0</v>
      </c>
      <c r="BR37" s="195">
        <v>0</v>
      </c>
      <c r="BS37" s="198">
        <v>0</v>
      </c>
      <c r="BT37" s="199">
        <v>0</v>
      </c>
      <c r="BU37" s="194">
        <v>0</v>
      </c>
      <c r="BV37" s="195">
        <v>0</v>
      </c>
      <c r="BW37" s="195">
        <v>0</v>
      </c>
      <c r="BX37" s="196">
        <v>0</v>
      </c>
      <c r="BY37" s="197">
        <v>0</v>
      </c>
      <c r="BZ37" s="197">
        <v>0</v>
      </c>
      <c r="CA37" s="197">
        <v>0</v>
      </c>
      <c r="CB37" s="195">
        <v>0</v>
      </c>
      <c r="CC37" s="198">
        <v>0</v>
      </c>
      <c r="CD37" s="200">
        <v>0</v>
      </c>
      <c r="CE37" s="201">
        <v>0</v>
      </c>
      <c r="CF37" s="195">
        <v>0</v>
      </c>
      <c r="CG37" s="195">
        <v>0</v>
      </c>
      <c r="CH37" s="196">
        <v>0</v>
      </c>
      <c r="CI37" s="197">
        <v>0</v>
      </c>
      <c r="CJ37" s="197">
        <v>0</v>
      </c>
      <c r="CK37" s="197">
        <v>0</v>
      </c>
      <c r="CL37" s="195">
        <v>0</v>
      </c>
      <c r="CM37" s="198">
        <v>0</v>
      </c>
      <c r="CN37" s="200">
        <v>0</v>
      </c>
      <c r="CO37" s="201">
        <v>0</v>
      </c>
      <c r="CP37" s="195">
        <v>0</v>
      </c>
      <c r="CQ37" s="195">
        <v>0</v>
      </c>
      <c r="CR37" s="196">
        <v>0</v>
      </c>
      <c r="CS37" s="197">
        <v>1</v>
      </c>
      <c r="CT37" s="197">
        <v>0</v>
      </c>
      <c r="CU37" s="197">
        <v>0</v>
      </c>
      <c r="CV37" s="195">
        <v>0</v>
      </c>
      <c r="CW37" s="198">
        <v>1</v>
      </c>
      <c r="CX37" s="199">
        <v>1</v>
      </c>
      <c r="CY37" s="194">
        <v>0</v>
      </c>
      <c r="CZ37" s="195">
        <v>0</v>
      </c>
      <c r="DA37" s="195">
        <v>0</v>
      </c>
      <c r="DB37" s="196">
        <v>0</v>
      </c>
      <c r="DC37" s="197">
        <v>1</v>
      </c>
      <c r="DD37" s="197">
        <v>0</v>
      </c>
      <c r="DE37" s="197">
        <v>0</v>
      </c>
      <c r="DF37" s="195">
        <v>0</v>
      </c>
      <c r="DG37" s="198">
        <v>1</v>
      </c>
      <c r="DH37" s="200">
        <v>1</v>
      </c>
      <c r="DI37" s="201">
        <v>0</v>
      </c>
      <c r="DJ37" s="195">
        <v>0</v>
      </c>
      <c r="DK37" s="195">
        <v>0</v>
      </c>
      <c r="DL37" s="196">
        <v>0</v>
      </c>
      <c r="DM37" s="197">
        <v>0</v>
      </c>
      <c r="DN37" s="197">
        <v>0</v>
      </c>
      <c r="DO37" s="197">
        <v>0</v>
      </c>
      <c r="DP37" s="195">
        <v>0</v>
      </c>
      <c r="DQ37" s="198">
        <v>0</v>
      </c>
      <c r="DR37" s="200">
        <v>0</v>
      </c>
      <c r="DS37" s="201">
        <v>0</v>
      </c>
      <c r="DT37" s="195">
        <v>0</v>
      </c>
      <c r="DU37" s="195">
        <v>0</v>
      </c>
      <c r="DV37" s="196">
        <v>4</v>
      </c>
      <c r="DW37" s="197">
        <v>13</v>
      </c>
      <c r="DX37" s="197">
        <v>18</v>
      </c>
      <c r="DY37" s="197">
        <v>37</v>
      </c>
      <c r="DZ37" s="195">
        <v>19</v>
      </c>
      <c r="EA37" s="198">
        <v>91</v>
      </c>
      <c r="EB37" s="200">
        <v>91</v>
      </c>
      <c r="EC37" s="37"/>
    </row>
    <row r="38" spans="2:133" ht="21" customHeight="1" x14ac:dyDescent="0.2">
      <c r="B38" s="62" t="s">
        <v>35</v>
      </c>
      <c r="C38" s="194">
        <v>0</v>
      </c>
      <c r="D38" s="195">
        <v>0</v>
      </c>
      <c r="E38" s="195">
        <v>0</v>
      </c>
      <c r="F38" s="196">
        <v>1</v>
      </c>
      <c r="G38" s="197">
        <v>3</v>
      </c>
      <c r="H38" s="197">
        <v>24</v>
      </c>
      <c r="I38" s="197">
        <v>51</v>
      </c>
      <c r="J38" s="195">
        <v>30</v>
      </c>
      <c r="K38" s="198">
        <v>109</v>
      </c>
      <c r="L38" s="199">
        <v>109</v>
      </c>
      <c r="M38" s="194">
        <v>0</v>
      </c>
      <c r="N38" s="195">
        <v>0</v>
      </c>
      <c r="O38" s="198">
        <v>0</v>
      </c>
      <c r="P38" s="196">
        <v>1</v>
      </c>
      <c r="Q38" s="197">
        <v>3</v>
      </c>
      <c r="R38" s="197">
        <v>24</v>
      </c>
      <c r="S38" s="197">
        <v>51</v>
      </c>
      <c r="T38" s="195">
        <v>30</v>
      </c>
      <c r="U38" s="198">
        <v>109</v>
      </c>
      <c r="V38" s="200">
        <v>109</v>
      </c>
      <c r="W38" s="201">
        <v>0</v>
      </c>
      <c r="X38" s="195">
        <v>0</v>
      </c>
      <c r="Y38" s="198">
        <v>0</v>
      </c>
      <c r="Z38" s="201">
        <v>0</v>
      </c>
      <c r="AA38" s="197">
        <v>0</v>
      </c>
      <c r="AB38" s="197">
        <v>0</v>
      </c>
      <c r="AC38" s="197">
        <v>0</v>
      </c>
      <c r="AD38" s="195">
        <v>0</v>
      </c>
      <c r="AE38" s="198">
        <v>0</v>
      </c>
      <c r="AF38" s="202">
        <v>0</v>
      </c>
      <c r="AG38" s="201">
        <v>0</v>
      </c>
      <c r="AH38" s="195">
        <v>0</v>
      </c>
      <c r="AI38" s="198">
        <v>0</v>
      </c>
      <c r="AJ38" s="201">
        <v>18</v>
      </c>
      <c r="AK38" s="197">
        <v>34</v>
      </c>
      <c r="AL38" s="197">
        <v>26</v>
      </c>
      <c r="AM38" s="197">
        <v>15</v>
      </c>
      <c r="AN38" s="195">
        <v>7</v>
      </c>
      <c r="AO38" s="198">
        <v>100</v>
      </c>
      <c r="AP38" s="202">
        <v>100</v>
      </c>
      <c r="AQ38" s="201">
        <v>0</v>
      </c>
      <c r="AR38" s="195">
        <v>0</v>
      </c>
      <c r="AS38" s="198">
        <v>0</v>
      </c>
      <c r="AT38" s="196">
        <v>18</v>
      </c>
      <c r="AU38" s="197">
        <v>34</v>
      </c>
      <c r="AV38" s="197">
        <v>26</v>
      </c>
      <c r="AW38" s="197">
        <v>14</v>
      </c>
      <c r="AX38" s="195">
        <v>7</v>
      </c>
      <c r="AY38" s="198">
        <v>99</v>
      </c>
      <c r="AZ38" s="199">
        <v>99</v>
      </c>
      <c r="BA38" s="194">
        <v>0</v>
      </c>
      <c r="BB38" s="195">
        <v>0</v>
      </c>
      <c r="BC38" s="195">
        <v>0</v>
      </c>
      <c r="BD38" s="196">
        <v>0</v>
      </c>
      <c r="BE38" s="197">
        <v>0</v>
      </c>
      <c r="BF38" s="197">
        <v>0</v>
      </c>
      <c r="BG38" s="197">
        <v>1</v>
      </c>
      <c r="BH38" s="195">
        <v>0</v>
      </c>
      <c r="BI38" s="198">
        <v>1</v>
      </c>
      <c r="BJ38" s="200">
        <v>1</v>
      </c>
      <c r="BK38" s="201">
        <v>0</v>
      </c>
      <c r="BL38" s="195">
        <v>0</v>
      </c>
      <c r="BM38" s="195">
        <v>0</v>
      </c>
      <c r="BN38" s="196">
        <v>0</v>
      </c>
      <c r="BO38" s="197">
        <v>0</v>
      </c>
      <c r="BP38" s="197">
        <v>0</v>
      </c>
      <c r="BQ38" s="197">
        <v>0</v>
      </c>
      <c r="BR38" s="195">
        <v>0</v>
      </c>
      <c r="BS38" s="198">
        <v>0</v>
      </c>
      <c r="BT38" s="199">
        <v>0</v>
      </c>
      <c r="BU38" s="194">
        <v>0</v>
      </c>
      <c r="BV38" s="195">
        <v>0</v>
      </c>
      <c r="BW38" s="195">
        <v>0</v>
      </c>
      <c r="BX38" s="196">
        <v>0</v>
      </c>
      <c r="BY38" s="197">
        <v>0</v>
      </c>
      <c r="BZ38" s="197">
        <v>0</v>
      </c>
      <c r="CA38" s="197">
        <v>0</v>
      </c>
      <c r="CB38" s="195">
        <v>0</v>
      </c>
      <c r="CC38" s="198">
        <v>0</v>
      </c>
      <c r="CD38" s="200">
        <v>0</v>
      </c>
      <c r="CE38" s="201">
        <v>0</v>
      </c>
      <c r="CF38" s="195">
        <v>0</v>
      </c>
      <c r="CG38" s="195">
        <v>0</v>
      </c>
      <c r="CH38" s="196">
        <v>0</v>
      </c>
      <c r="CI38" s="197">
        <v>0</v>
      </c>
      <c r="CJ38" s="197">
        <v>0</v>
      </c>
      <c r="CK38" s="197">
        <v>0</v>
      </c>
      <c r="CL38" s="195">
        <v>0</v>
      </c>
      <c r="CM38" s="198">
        <v>0</v>
      </c>
      <c r="CN38" s="200">
        <v>0</v>
      </c>
      <c r="CO38" s="201">
        <v>0</v>
      </c>
      <c r="CP38" s="195">
        <v>0</v>
      </c>
      <c r="CQ38" s="195">
        <v>0</v>
      </c>
      <c r="CR38" s="196">
        <v>4</v>
      </c>
      <c r="CS38" s="197">
        <v>2</v>
      </c>
      <c r="CT38" s="197">
        <v>5</v>
      </c>
      <c r="CU38" s="197">
        <v>7</v>
      </c>
      <c r="CV38" s="195">
        <v>11</v>
      </c>
      <c r="CW38" s="198">
        <v>29</v>
      </c>
      <c r="CX38" s="199">
        <v>29</v>
      </c>
      <c r="CY38" s="194">
        <v>0</v>
      </c>
      <c r="CZ38" s="195">
        <v>0</v>
      </c>
      <c r="DA38" s="195">
        <v>0</v>
      </c>
      <c r="DB38" s="196">
        <v>4</v>
      </c>
      <c r="DC38" s="197">
        <v>1</v>
      </c>
      <c r="DD38" s="197">
        <v>5</v>
      </c>
      <c r="DE38" s="197">
        <v>7</v>
      </c>
      <c r="DF38" s="195">
        <v>10</v>
      </c>
      <c r="DG38" s="198">
        <v>27</v>
      </c>
      <c r="DH38" s="200">
        <v>27</v>
      </c>
      <c r="DI38" s="201">
        <v>0</v>
      </c>
      <c r="DJ38" s="195">
        <v>0</v>
      </c>
      <c r="DK38" s="195">
        <v>0</v>
      </c>
      <c r="DL38" s="196">
        <v>0</v>
      </c>
      <c r="DM38" s="197">
        <v>1</v>
      </c>
      <c r="DN38" s="197">
        <v>0</v>
      </c>
      <c r="DO38" s="197">
        <v>0</v>
      </c>
      <c r="DP38" s="195">
        <v>1</v>
      </c>
      <c r="DQ38" s="198">
        <v>2</v>
      </c>
      <c r="DR38" s="200">
        <v>2</v>
      </c>
      <c r="DS38" s="201">
        <v>0</v>
      </c>
      <c r="DT38" s="195">
        <v>0</v>
      </c>
      <c r="DU38" s="195">
        <v>0</v>
      </c>
      <c r="DV38" s="196">
        <v>23</v>
      </c>
      <c r="DW38" s="197">
        <v>39</v>
      </c>
      <c r="DX38" s="197">
        <v>55</v>
      </c>
      <c r="DY38" s="197">
        <v>73</v>
      </c>
      <c r="DZ38" s="195">
        <v>48</v>
      </c>
      <c r="EA38" s="198">
        <v>238</v>
      </c>
      <c r="EB38" s="200">
        <v>238</v>
      </c>
      <c r="EC38" s="37"/>
    </row>
    <row r="39" spans="2:133" ht="21" customHeight="1" x14ac:dyDescent="0.2">
      <c r="B39" s="62" t="s">
        <v>36</v>
      </c>
      <c r="C39" s="194">
        <v>0</v>
      </c>
      <c r="D39" s="195">
        <v>0</v>
      </c>
      <c r="E39" s="195">
        <v>0</v>
      </c>
      <c r="F39" s="196">
        <v>0</v>
      </c>
      <c r="G39" s="197">
        <v>3</v>
      </c>
      <c r="H39" s="197">
        <v>53</v>
      </c>
      <c r="I39" s="197">
        <v>78</v>
      </c>
      <c r="J39" s="195">
        <v>71</v>
      </c>
      <c r="K39" s="198">
        <v>205</v>
      </c>
      <c r="L39" s="199">
        <v>205</v>
      </c>
      <c r="M39" s="194">
        <v>0</v>
      </c>
      <c r="N39" s="195">
        <v>0</v>
      </c>
      <c r="O39" s="198">
        <v>0</v>
      </c>
      <c r="P39" s="196">
        <v>0</v>
      </c>
      <c r="Q39" s="197">
        <v>3</v>
      </c>
      <c r="R39" s="197">
        <v>53</v>
      </c>
      <c r="S39" s="197">
        <v>73</v>
      </c>
      <c r="T39" s="195">
        <v>70</v>
      </c>
      <c r="U39" s="198">
        <v>199</v>
      </c>
      <c r="V39" s="200">
        <v>199</v>
      </c>
      <c r="W39" s="201">
        <v>0</v>
      </c>
      <c r="X39" s="195">
        <v>0</v>
      </c>
      <c r="Y39" s="198">
        <v>0</v>
      </c>
      <c r="Z39" s="201">
        <v>0</v>
      </c>
      <c r="AA39" s="197">
        <v>0</v>
      </c>
      <c r="AB39" s="197">
        <v>0</v>
      </c>
      <c r="AC39" s="197">
        <v>5</v>
      </c>
      <c r="AD39" s="195">
        <v>1</v>
      </c>
      <c r="AE39" s="198">
        <v>6</v>
      </c>
      <c r="AF39" s="202">
        <v>6</v>
      </c>
      <c r="AG39" s="201">
        <v>0</v>
      </c>
      <c r="AH39" s="195">
        <v>0</v>
      </c>
      <c r="AI39" s="198">
        <v>0</v>
      </c>
      <c r="AJ39" s="201">
        <v>23</v>
      </c>
      <c r="AK39" s="197">
        <v>25</v>
      </c>
      <c r="AL39" s="197">
        <v>45</v>
      </c>
      <c r="AM39" s="197">
        <v>38</v>
      </c>
      <c r="AN39" s="195">
        <v>23</v>
      </c>
      <c r="AO39" s="198">
        <v>154</v>
      </c>
      <c r="AP39" s="202">
        <v>154</v>
      </c>
      <c r="AQ39" s="201">
        <v>0</v>
      </c>
      <c r="AR39" s="195">
        <v>0</v>
      </c>
      <c r="AS39" s="198">
        <v>0</v>
      </c>
      <c r="AT39" s="196">
        <v>23</v>
      </c>
      <c r="AU39" s="197">
        <v>25</v>
      </c>
      <c r="AV39" s="197">
        <v>44</v>
      </c>
      <c r="AW39" s="197">
        <v>36</v>
      </c>
      <c r="AX39" s="195">
        <v>22</v>
      </c>
      <c r="AY39" s="198">
        <v>150</v>
      </c>
      <c r="AZ39" s="199">
        <v>150</v>
      </c>
      <c r="BA39" s="194">
        <v>0</v>
      </c>
      <c r="BB39" s="195">
        <v>0</v>
      </c>
      <c r="BC39" s="195">
        <v>0</v>
      </c>
      <c r="BD39" s="196">
        <v>0</v>
      </c>
      <c r="BE39" s="197">
        <v>0</v>
      </c>
      <c r="BF39" s="197">
        <v>1</v>
      </c>
      <c r="BG39" s="197">
        <v>2</v>
      </c>
      <c r="BH39" s="195">
        <v>1</v>
      </c>
      <c r="BI39" s="198">
        <v>4</v>
      </c>
      <c r="BJ39" s="200">
        <v>4</v>
      </c>
      <c r="BK39" s="201">
        <v>0</v>
      </c>
      <c r="BL39" s="195">
        <v>0</v>
      </c>
      <c r="BM39" s="195">
        <v>0</v>
      </c>
      <c r="BN39" s="196">
        <v>0</v>
      </c>
      <c r="BO39" s="197">
        <v>0</v>
      </c>
      <c r="BP39" s="197">
        <v>0</v>
      </c>
      <c r="BQ39" s="197">
        <v>2</v>
      </c>
      <c r="BR39" s="195">
        <v>1</v>
      </c>
      <c r="BS39" s="198">
        <v>3</v>
      </c>
      <c r="BT39" s="199">
        <v>3</v>
      </c>
      <c r="BU39" s="194">
        <v>0</v>
      </c>
      <c r="BV39" s="195">
        <v>0</v>
      </c>
      <c r="BW39" s="195">
        <v>0</v>
      </c>
      <c r="BX39" s="196">
        <v>0</v>
      </c>
      <c r="BY39" s="197">
        <v>0</v>
      </c>
      <c r="BZ39" s="197">
        <v>0</v>
      </c>
      <c r="CA39" s="197">
        <v>2</v>
      </c>
      <c r="CB39" s="195">
        <v>1</v>
      </c>
      <c r="CC39" s="198">
        <v>3</v>
      </c>
      <c r="CD39" s="200">
        <v>3</v>
      </c>
      <c r="CE39" s="201">
        <v>0</v>
      </c>
      <c r="CF39" s="195">
        <v>0</v>
      </c>
      <c r="CG39" s="195">
        <v>0</v>
      </c>
      <c r="CH39" s="196">
        <v>0</v>
      </c>
      <c r="CI39" s="197">
        <v>0</v>
      </c>
      <c r="CJ39" s="197">
        <v>0</v>
      </c>
      <c r="CK39" s="197">
        <v>0</v>
      </c>
      <c r="CL39" s="195">
        <v>0</v>
      </c>
      <c r="CM39" s="198">
        <v>0</v>
      </c>
      <c r="CN39" s="200">
        <v>0</v>
      </c>
      <c r="CO39" s="201">
        <v>0</v>
      </c>
      <c r="CP39" s="195">
        <v>0</v>
      </c>
      <c r="CQ39" s="195">
        <v>0</v>
      </c>
      <c r="CR39" s="196">
        <v>0</v>
      </c>
      <c r="CS39" s="197">
        <v>0</v>
      </c>
      <c r="CT39" s="197">
        <v>0</v>
      </c>
      <c r="CU39" s="197">
        <v>6</v>
      </c>
      <c r="CV39" s="195">
        <v>1</v>
      </c>
      <c r="CW39" s="198">
        <v>7</v>
      </c>
      <c r="CX39" s="199">
        <v>7</v>
      </c>
      <c r="CY39" s="194">
        <v>0</v>
      </c>
      <c r="CZ39" s="195">
        <v>0</v>
      </c>
      <c r="DA39" s="195">
        <v>0</v>
      </c>
      <c r="DB39" s="196">
        <v>0</v>
      </c>
      <c r="DC39" s="197">
        <v>0</v>
      </c>
      <c r="DD39" s="197">
        <v>0</v>
      </c>
      <c r="DE39" s="197">
        <v>5</v>
      </c>
      <c r="DF39" s="195">
        <v>1</v>
      </c>
      <c r="DG39" s="198">
        <v>6</v>
      </c>
      <c r="DH39" s="200">
        <v>6</v>
      </c>
      <c r="DI39" s="201">
        <v>0</v>
      </c>
      <c r="DJ39" s="195">
        <v>0</v>
      </c>
      <c r="DK39" s="195">
        <v>0</v>
      </c>
      <c r="DL39" s="196">
        <v>0</v>
      </c>
      <c r="DM39" s="197">
        <v>0</v>
      </c>
      <c r="DN39" s="197">
        <v>0</v>
      </c>
      <c r="DO39" s="197">
        <v>1</v>
      </c>
      <c r="DP39" s="195">
        <v>0</v>
      </c>
      <c r="DQ39" s="198">
        <v>1</v>
      </c>
      <c r="DR39" s="200">
        <v>1</v>
      </c>
      <c r="DS39" s="201">
        <v>0</v>
      </c>
      <c r="DT39" s="195">
        <v>0</v>
      </c>
      <c r="DU39" s="195">
        <v>0</v>
      </c>
      <c r="DV39" s="196">
        <v>23</v>
      </c>
      <c r="DW39" s="197">
        <v>28</v>
      </c>
      <c r="DX39" s="197">
        <v>98</v>
      </c>
      <c r="DY39" s="197">
        <v>124</v>
      </c>
      <c r="DZ39" s="195">
        <v>96</v>
      </c>
      <c r="EA39" s="198">
        <v>369</v>
      </c>
      <c r="EB39" s="200">
        <v>369</v>
      </c>
      <c r="EC39" s="37"/>
    </row>
    <row r="40" spans="2:133" ht="21" customHeight="1" thickBot="1" x14ac:dyDescent="0.25">
      <c r="B40" s="63" t="s">
        <v>37</v>
      </c>
      <c r="C40" s="203">
        <v>0</v>
      </c>
      <c r="D40" s="204">
        <v>0</v>
      </c>
      <c r="E40" s="204">
        <v>0</v>
      </c>
      <c r="F40" s="205">
        <v>0</v>
      </c>
      <c r="G40" s="206">
        <v>0</v>
      </c>
      <c r="H40" s="206">
        <v>9</v>
      </c>
      <c r="I40" s="206">
        <v>7</v>
      </c>
      <c r="J40" s="204">
        <v>6</v>
      </c>
      <c r="K40" s="207">
        <v>22</v>
      </c>
      <c r="L40" s="208">
        <v>22</v>
      </c>
      <c r="M40" s="203">
        <v>0</v>
      </c>
      <c r="N40" s="204">
        <v>0</v>
      </c>
      <c r="O40" s="207">
        <v>0</v>
      </c>
      <c r="P40" s="205">
        <v>0</v>
      </c>
      <c r="Q40" s="206">
        <v>0</v>
      </c>
      <c r="R40" s="206">
        <v>9</v>
      </c>
      <c r="S40" s="206">
        <v>7</v>
      </c>
      <c r="T40" s="204">
        <v>6</v>
      </c>
      <c r="U40" s="207">
        <v>22</v>
      </c>
      <c r="V40" s="209">
        <v>22</v>
      </c>
      <c r="W40" s="210">
        <v>0</v>
      </c>
      <c r="X40" s="204">
        <v>0</v>
      </c>
      <c r="Y40" s="207">
        <v>0</v>
      </c>
      <c r="Z40" s="210">
        <v>0</v>
      </c>
      <c r="AA40" s="206">
        <v>0</v>
      </c>
      <c r="AB40" s="206">
        <v>0</v>
      </c>
      <c r="AC40" s="206">
        <v>0</v>
      </c>
      <c r="AD40" s="204">
        <v>0</v>
      </c>
      <c r="AE40" s="207">
        <v>0</v>
      </c>
      <c r="AF40" s="211">
        <v>0</v>
      </c>
      <c r="AG40" s="210">
        <v>0</v>
      </c>
      <c r="AH40" s="204">
        <v>0</v>
      </c>
      <c r="AI40" s="207">
        <v>0</v>
      </c>
      <c r="AJ40" s="210">
        <v>2</v>
      </c>
      <c r="AK40" s="206">
        <v>0</v>
      </c>
      <c r="AL40" s="206">
        <v>7</v>
      </c>
      <c r="AM40" s="206">
        <v>3</v>
      </c>
      <c r="AN40" s="204">
        <v>1</v>
      </c>
      <c r="AO40" s="207">
        <v>13</v>
      </c>
      <c r="AP40" s="211">
        <v>13</v>
      </c>
      <c r="AQ40" s="210">
        <v>0</v>
      </c>
      <c r="AR40" s="204">
        <v>0</v>
      </c>
      <c r="AS40" s="207">
        <v>0</v>
      </c>
      <c r="AT40" s="205">
        <v>2</v>
      </c>
      <c r="AU40" s="206">
        <v>0</v>
      </c>
      <c r="AV40" s="206">
        <v>7</v>
      </c>
      <c r="AW40" s="206">
        <v>3</v>
      </c>
      <c r="AX40" s="204">
        <v>1</v>
      </c>
      <c r="AY40" s="207">
        <v>13</v>
      </c>
      <c r="AZ40" s="208">
        <v>13</v>
      </c>
      <c r="BA40" s="203">
        <v>0</v>
      </c>
      <c r="BB40" s="204">
        <v>0</v>
      </c>
      <c r="BC40" s="204">
        <v>0</v>
      </c>
      <c r="BD40" s="205">
        <v>0</v>
      </c>
      <c r="BE40" s="206">
        <v>0</v>
      </c>
      <c r="BF40" s="206">
        <v>0</v>
      </c>
      <c r="BG40" s="206">
        <v>0</v>
      </c>
      <c r="BH40" s="204">
        <v>0</v>
      </c>
      <c r="BI40" s="207">
        <v>0</v>
      </c>
      <c r="BJ40" s="209">
        <v>0</v>
      </c>
      <c r="BK40" s="210">
        <v>0</v>
      </c>
      <c r="BL40" s="204">
        <v>0</v>
      </c>
      <c r="BM40" s="204">
        <v>0</v>
      </c>
      <c r="BN40" s="205">
        <v>0</v>
      </c>
      <c r="BO40" s="206">
        <v>0</v>
      </c>
      <c r="BP40" s="206">
        <v>0</v>
      </c>
      <c r="BQ40" s="206">
        <v>1</v>
      </c>
      <c r="BR40" s="204">
        <v>0</v>
      </c>
      <c r="BS40" s="207">
        <v>1</v>
      </c>
      <c r="BT40" s="208">
        <v>1</v>
      </c>
      <c r="BU40" s="203">
        <v>0</v>
      </c>
      <c r="BV40" s="204">
        <v>0</v>
      </c>
      <c r="BW40" s="204">
        <v>0</v>
      </c>
      <c r="BX40" s="205">
        <v>0</v>
      </c>
      <c r="BY40" s="206">
        <v>0</v>
      </c>
      <c r="BZ40" s="206">
        <v>0</v>
      </c>
      <c r="CA40" s="206">
        <v>1</v>
      </c>
      <c r="CB40" s="204">
        <v>0</v>
      </c>
      <c r="CC40" s="207">
        <v>1</v>
      </c>
      <c r="CD40" s="209">
        <v>1</v>
      </c>
      <c r="CE40" s="210">
        <v>0</v>
      </c>
      <c r="CF40" s="204">
        <v>0</v>
      </c>
      <c r="CG40" s="204">
        <v>0</v>
      </c>
      <c r="CH40" s="205">
        <v>0</v>
      </c>
      <c r="CI40" s="206">
        <v>0</v>
      </c>
      <c r="CJ40" s="206">
        <v>0</v>
      </c>
      <c r="CK40" s="206">
        <v>0</v>
      </c>
      <c r="CL40" s="204">
        <v>0</v>
      </c>
      <c r="CM40" s="207">
        <v>0</v>
      </c>
      <c r="CN40" s="209">
        <v>0</v>
      </c>
      <c r="CO40" s="210">
        <v>0</v>
      </c>
      <c r="CP40" s="204">
        <v>0</v>
      </c>
      <c r="CQ40" s="204">
        <v>0</v>
      </c>
      <c r="CR40" s="205">
        <v>0</v>
      </c>
      <c r="CS40" s="206">
        <v>0</v>
      </c>
      <c r="CT40" s="206">
        <v>0</v>
      </c>
      <c r="CU40" s="206">
        <v>0</v>
      </c>
      <c r="CV40" s="204">
        <v>1</v>
      </c>
      <c r="CW40" s="207">
        <v>1</v>
      </c>
      <c r="CX40" s="208">
        <v>1</v>
      </c>
      <c r="CY40" s="203">
        <v>0</v>
      </c>
      <c r="CZ40" s="204">
        <v>0</v>
      </c>
      <c r="DA40" s="204">
        <v>0</v>
      </c>
      <c r="DB40" s="205">
        <v>0</v>
      </c>
      <c r="DC40" s="206">
        <v>0</v>
      </c>
      <c r="DD40" s="206">
        <v>0</v>
      </c>
      <c r="DE40" s="206">
        <v>0</v>
      </c>
      <c r="DF40" s="204">
        <v>1</v>
      </c>
      <c r="DG40" s="207">
        <v>1</v>
      </c>
      <c r="DH40" s="209">
        <v>1</v>
      </c>
      <c r="DI40" s="210">
        <v>0</v>
      </c>
      <c r="DJ40" s="204">
        <v>0</v>
      </c>
      <c r="DK40" s="204">
        <v>0</v>
      </c>
      <c r="DL40" s="205">
        <v>0</v>
      </c>
      <c r="DM40" s="206">
        <v>0</v>
      </c>
      <c r="DN40" s="206">
        <v>0</v>
      </c>
      <c r="DO40" s="206">
        <v>0</v>
      </c>
      <c r="DP40" s="204">
        <v>0</v>
      </c>
      <c r="DQ40" s="207">
        <v>0</v>
      </c>
      <c r="DR40" s="209">
        <v>0</v>
      </c>
      <c r="DS40" s="210">
        <v>0</v>
      </c>
      <c r="DT40" s="204">
        <v>0</v>
      </c>
      <c r="DU40" s="204">
        <v>0</v>
      </c>
      <c r="DV40" s="205">
        <v>2</v>
      </c>
      <c r="DW40" s="206">
        <v>0</v>
      </c>
      <c r="DX40" s="206">
        <v>16</v>
      </c>
      <c r="DY40" s="206">
        <v>11</v>
      </c>
      <c r="DZ40" s="204">
        <v>8</v>
      </c>
      <c r="EA40" s="207">
        <v>37</v>
      </c>
      <c r="EB40" s="209">
        <v>37</v>
      </c>
      <c r="EC40" s="37"/>
    </row>
    <row r="41" spans="2:133" x14ac:dyDescent="0.2">
      <c r="C41" s="38"/>
      <c r="D41" s="38"/>
      <c r="E41" s="38"/>
      <c r="F41" s="38"/>
      <c r="G41" s="38"/>
      <c r="H41" s="38"/>
      <c r="I41" s="38"/>
      <c r="J41" s="38"/>
      <c r="K41" s="38"/>
      <c r="L41" s="38"/>
      <c r="M41" s="38"/>
      <c r="N41" s="38"/>
      <c r="O41" s="38"/>
      <c r="P41" s="38"/>
      <c r="Q41" s="38"/>
      <c r="R41" s="38"/>
      <c r="S41" s="38"/>
      <c r="T41" s="38"/>
      <c r="U41" s="38"/>
      <c r="V41" s="38"/>
      <c r="W41" s="38"/>
      <c r="X41" s="38"/>
      <c r="Y41" s="38"/>
      <c r="Z41" s="38"/>
      <c r="AA41" s="38"/>
      <c r="AB41" s="38"/>
      <c r="AC41" s="38"/>
      <c r="AD41" s="38"/>
      <c r="AE41" s="38"/>
      <c r="AF41" s="38"/>
      <c r="AG41" s="37"/>
      <c r="AH41" s="37"/>
      <c r="AI41" s="37"/>
      <c r="AJ41" s="37"/>
      <c r="AK41" s="37"/>
      <c r="AL41" s="37"/>
      <c r="AM41" s="37"/>
      <c r="AN41" s="37"/>
      <c r="AO41" s="37"/>
      <c r="AP41" s="37"/>
      <c r="AQ41" s="37"/>
      <c r="AR41" s="37"/>
      <c r="AS41" s="37"/>
      <c r="AT41" s="37"/>
      <c r="AU41" s="37"/>
      <c r="AV41" s="37"/>
      <c r="AW41" s="37"/>
      <c r="AX41" s="37"/>
      <c r="AY41" s="37"/>
      <c r="AZ41" s="37"/>
      <c r="BA41" s="37"/>
      <c r="BB41" s="37"/>
      <c r="BC41" s="37"/>
      <c r="BD41" s="37"/>
      <c r="BE41" s="37"/>
      <c r="BF41" s="37"/>
      <c r="BG41" s="37"/>
      <c r="BH41" s="37"/>
      <c r="BI41" s="37"/>
      <c r="BJ41" s="37"/>
      <c r="BK41" s="37"/>
      <c r="BL41" s="37"/>
      <c r="BM41" s="37"/>
      <c r="BN41" s="37"/>
      <c r="BO41" s="37"/>
      <c r="BP41" s="37"/>
      <c r="BQ41" s="37"/>
      <c r="BR41" s="37"/>
      <c r="BS41" s="37"/>
      <c r="BT41" s="37"/>
      <c r="BU41" s="37"/>
      <c r="BV41" s="37"/>
      <c r="BW41" s="37"/>
      <c r="BX41" s="37"/>
      <c r="BY41" s="37"/>
      <c r="BZ41" s="37"/>
      <c r="CA41" s="37"/>
      <c r="CB41" s="37"/>
      <c r="CC41" s="37"/>
      <c r="CD41" s="37"/>
      <c r="CE41" s="37"/>
      <c r="CF41" s="37"/>
      <c r="CG41" s="37"/>
      <c r="CH41" s="37"/>
      <c r="CI41" s="37"/>
      <c r="CJ41" s="37"/>
      <c r="CK41" s="37"/>
      <c r="CL41" s="37"/>
      <c r="CM41" s="37"/>
      <c r="CN41" s="37"/>
      <c r="CO41" s="37"/>
      <c r="CP41" s="37"/>
      <c r="CQ41" s="37"/>
      <c r="CR41" s="37"/>
      <c r="CS41" s="37"/>
      <c r="CT41" s="37"/>
      <c r="CU41" s="37"/>
      <c r="CV41" s="37"/>
      <c r="CW41" s="37"/>
      <c r="CX41" s="37"/>
      <c r="CY41" s="37"/>
      <c r="CZ41" s="37"/>
      <c r="DA41" s="37"/>
      <c r="DB41" s="37"/>
      <c r="DC41" s="37"/>
      <c r="DD41" s="37"/>
      <c r="DE41" s="37"/>
      <c r="DF41" s="37"/>
      <c r="DG41" s="37"/>
      <c r="DH41" s="37"/>
      <c r="DI41" s="37"/>
      <c r="DJ41" s="37"/>
      <c r="DK41" s="37"/>
      <c r="DL41" s="37"/>
      <c r="DM41" s="37"/>
      <c r="DN41" s="37"/>
      <c r="DO41" s="37"/>
      <c r="DP41" s="37"/>
      <c r="DQ41" s="37"/>
      <c r="DR41" s="37"/>
      <c r="DS41" s="37"/>
      <c r="DT41" s="37"/>
      <c r="DU41" s="37"/>
      <c r="DV41" s="37"/>
      <c r="DW41" s="37"/>
      <c r="DX41" s="37"/>
      <c r="DY41" s="37"/>
      <c r="DZ41" s="37"/>
      <c r="EA41" s="37"/>
      <c r="EB41" s="37"/>
      <c r="EC41" s="37"/>
    </row>
    <row r="42" spans="2:133" x14ac:dyDescent="0.2">
      <c r="C42" s="38"/>
      <c r="D42" s="38"/>
      <c r="E42" s="38"/>
      <c r="F42" s="38"/>
      <c r="G42" s="38"/>
      <c r="H42" s="38"/>
      <c r="I42" s="38"/>
      <c r="J42" s="38"/>
      <c r="K42" s="38"/>
      <c r="L42" s="38"/>
      <c r="M42" s="38"/>
      <c r="N42" s="38"/>
      <c r="O42" s="38"/>
      <c r="P42" s="38"/>
      <c r="Q42" s="38"/>
      <c r="R42" s="38"/>
      <c r="S42" s="38"/>
      <c r="T42" s="38"/>
      <c r="U42" s="38"/>
      <c r="V42" s="38"/>
      <c r="W42" s="38"/>
      <c r="X42" s="38"/>
      <c r="Y42" s="38"/>
      <c r="Z42" s="38"/>
      <c r="AA42" s="38"/>
      <c r="AB42" s="38"/>
      <c r="AC42" s="38"/>
      <c r="AD42" s="38"/>
      <c r="AE42" s="38"/>
      <c r="AF42" s="38"/>
      <c r="AG42" s="37"/>
      <c r="AH42" s="37"/>
      <c r="AI42" s="37"/>
      <c r="AJ42" s="37"/>
      <c r="AK42" s="37"/>
      <c r="AL42" s="37"/>
      <c r="AM42" s="37"/>
      <c r="AN42" s="37"/>
      <c r="AO42" s="37"/>
      <c r="AP42" s="37"/>
      <c r="AQ42" s="37"/>
      <c r="AR42" s="37"/>
      <c r="AS42" s="37"/>
      <c r="AT42" s="37"/>
      <c r="AU42" s="37"/>
      <c r="AV42" s="37"/>
      <c r="AW42" s="37"/>
      <c r="AX42" s="37"/>
      <c r="AY42" s="37"/>
      <c r="AZ42" s="37"/>
      <c r="BA42" s="37"/>
      <c r="BB42" s="37"/>
      <c r="BC42" s="37"/>
      <c r="BD42" s="37"/>
      <c r="BE42" s="37"/>
      <c r="BF42" s="37"/>
      <c r="BG42" s="37"/>
      <c r="BH42" s="37"/>
      <c r="BI42" s="37"/>
      <c r="BJ42" s="37"/>
      <c r="BK42" s="37"/>
      <c r="BL42" s="37"/>
      <c r="BM42" s="37"/>
      <c r="BN42" s="37"/>
      <c r="BO42" s="37"/>
      <c r="BP42" s="37"/>
      <c r="BQ42" s="37"/>
      <c r="BR42" s="37"/>
      <c r="BS42" s="37"/>
      <c r="BT42" s="37"/>
      <c r="BU42" s="37"/>
      <c r="BV42" s="37"/>
      <c r="BW42" s="37"/>
      <c r="BX42" s="37"/>
      <c r="BY42" s="37"/>
      <c r="BZ42" s="37"/>
      <c r="CA42" s="37"/>
      <c r="CB42" s="37"/>
      <c r="CC42" s="37"/>
      <c r="CD42" s="37"/>
      <c r="CE42" s="37"/>
      <c r="CF42" s="37"/>
      <c r="CG42" s="37"/>
      <c r="CH42" s="37"/>
      <c r="CI42" s="37"/>
      <c r="CJ42" s="37"/>
      <c r="CK42" s="37"/>
      <c r="CL42" s="37"/>
      <c r="CM42" s="37"/>
      <c r="CN42" s="37"/>
      <c r="CO42" s="37"/>
      <c r="CP42" s="37"/>
      <c r="CQ42" s="37"/>
      <c r="CR42" s="37"/>
      <c r="CS42" s="37"/>
      <c r="CT42" s="37"/>
      <c r="CU42" s="37"/>
      <c r="CV42" s="37"/>
      <c r="CW42" s="37"/>
      <c r="CX42" s="37"/>
      <c r="CY42" s="37"/>
      <c r="CZ42" s="37"/>
      <c r="DA42" s="37"/>
      <c r="DB42" s="37"/>
      <c r="DC42" s="37"/>
      <c r="DD42" s="37"/>
      <c r="DE42" s="37"/>
      <c r="DF42" s="37"/>
      <c r="DG42" s="37"/>
      <c r="DH42" s="37"/>
      <c r="DI42" s="37"/>
      <c r="DJ42" s="37"/>
      <c r="DK42" s="37"/>
      <c r="DL42" s="37"/>
      <c r="DM42" s="37"/>
      <c r="DN42" s="37"/>
      <c r="DO42" s="37"/>
      <c r="DP42" s="37"/>
      <c r="DQ42" s="37"/>
      <c r="DR42" s="37"/>
      <c r="DS42" s="37"/>
      <c r="DT42" s="37"/>
      <c r="DU42" s="37"/>
      <c r="DV42" s="37"/>
      <c r="DW42" s="37"/>
      <c r="DX42" s="37"/>
      <c r="DY42" s="37"/>
      <c r="DZ42" s="37"/>
      <c r="EA42" s="37"/>
      <c r="EB42" s="37"/>
      <c r="EC42" s="37"/>
    </row>
    <row r="43" spans="2:133" x14ac:dyDescent="0.2">
      <c r="C43" s="38"/>
      <c r="D43" s="38"/>
      <c r="E43" s="38"/>
      <c r="F43" s="38"/>
      <c r="G43" s="38"/>
      <c r="H43" s="38"/>
      <c r="I43" s="38"/>
      <c r="J43" s="38"/>
      <c r="K43" s="38"/>
      <c r="L43" s="38"/>
      <c r="M43" s="38"/>
      <c r="N43" s="38"/>
      <c r="O43" s="38"/>
      <c r="P43" s="38"/>
      <c r="Q43" s="38"/>
      <c r="R43" s="38"/>
      <c r="S43" s="38"/>
      <c r="T43" s="38"/>
      <c r="U43" s="38"/>
      <c r="V43" s="38"/>
      <c r="W43" s="38"/>
      <c r="X43" s="38"/>
      <c r="Y43" s="38"/>
      <c r="Z43" s="38"/>
      <c r="AA43" s="38"/>
      <c r="AB43" s="38"/>
      <c r="AC43" s="38"/>
      <c r="AD43" s="38"/>
      <c r="AE43" s="38"/>
      <c r="AF43" s="38"/>
      <c r="AG43" s="37"/>
      <c r="AH43" s="37"/>
      <c r="AI43" s="37"/>
      <c r="AJ43" s="37"/>
      <c r="AK43" s="37"/>
      <c r="AL43" s="37"/>
      <c r="AM43" s="37"/>
      <c r="AN43" s="37"/>
      <c r="AO43" s="37"/>
      <c r="AP43" s="37"/>
      <c r="AQ43" s="37"/>
      <c r="AR43" s="37"/>
      <c r="AS43" s="37"/>
      <c r="AT43" s="37"/>
      <c r="AU43" s="37"/>
      <c r="AV43" s="37"/>
      <c r="AW43" s="37"/>
      <c r="AX43" s="37"/>
      <c r="AY43" s="37"/>
      <c r="AZ43" s="37"/>
      <c r="BA43" s="37"/>
      <c r="BB43" s="37"/>
      <c r="BC43" s="37"/>
      <c r="BD43" s="37"/>
      <c r="BE43" s="37"/>
      <c r="BF43" s="37"/>
      <c r="BG43" s="37"/>
      <c r="BH43" s="37"/>
      <c r="BI43" s="37"/>
      <c r="BJ43" s="37"/>
      <c r="BK43" s="37"/>
      <c r="BL43" s="37"/>
      <c r="BM43" s="37"/>
      <c r="BN43" s="37"/>
      <c r="BO43" s="37"/>
      <c r="BP43" s="37"/>
      <c r="BQ43" s="37"/>
      <c r="BR43" s="37"/>
      <c r="BS43" s="37"/>
      <c r="BT43" s="37"/>
      <c r="BU43" s="37"/>
      <c r="BV43" s="37"/>
      <c r="BW43" s="37"/>
      <c r="BX43" s="37"/>
      <c r="BY43" s="37"/>
      <c r="BZ43" s="37"/>
      <c r="CA43" s="37"/>
      <c r="CB43" s="37"/>
      <c r="CC43" s="37"/>
      <c r="CD43" s="37"/>
      <c r="CE43" s="37"/>
      <c r="CF43" s="37"/>
      <c r="CG43" s="37"/>
      <c r="CH43" s="37"/>
      <c r="CI43" s="37"/>
      <c r="CJ43" s="37"/>
      <c r="CK43" s="37"/>
      <c r="CL43" s="37"/>
      <c r="CM43" s="37"/>
      <c r="CN43" s="37"/>
      <c r="CO43" s="37"/>
      <c r="CP43" s="37"/>
      <c r="CQ43" s="37"/>
      <c r="CR43" s="37"/>
      <c r="CS43" s="37"/>
      <c r="CT43" s="37"/>
      <c r="CU43" s="37"/>
      <c r="CV43" s="37"/>
      <c r="CW43" s="37"/>
      <c r="CX43" s="37"/>
      <c r="CY43" s="37"/>
      <c r="CZ43" s="37"/>
      <c r="DA43" s="37"/>
      <c r="DB43" s="37"/>
      <c r="DC43" s="37"/>
      <c r="DD43" s="37"/>
      <c r="DE43" s="37"/>
      <c r="DF43" s="37"/>
      <c r="DG43" s="37"/>
      <c r="DH43" s="37"/>
      <c r="DI43" s="37"/>
      <c r="DJ43" s="37"/>
      <c r="DK43" s="37"/>
      <c r="DL43" s="37"/>
      <c r="DM43" s="37"/>
      <c r="DN43" s="37"/>
      <c r="DO43" s="37"/>
      <c r="DP43" s="37"/>
      <c r="DQ43" s="37"/>
      <c r="DR43" s="37"/>
      <c r="DS43" s="37"/>
      <c r="DT43" s="37"/>
      <c r="DU43" s="37"/>
      <c r="DV43" s="37"/>
      <c r="DW43" s="37"/>
      <c r="DX43" s="37"/>
      <c r="DY43" s="37"/>
      <c r="DZ43" s="37"/>
      <c r="EA43" s="37"/>
      <c r="EB43" s="37"/>
      <c r="EC43" s="37"/>
    </row>
    <row r="44" spans="2:133" x14ac:dyDescent="0.2">
      <c r="C44" s="38"/>
      <c r="D44" s="38"/>
      <c r="E44" s="38"/>
      <c r="F44" s="38"/>
      <c r="G44" s="38"/>
      <c r="H44" s="38"/>
      <c r="I44" s="38"/>
      <c r="J44" s="38"/>
      <c r="K44" s="38"/>
      <c r="L44" s="38"/>
      <c r="M44" s="38"/>
      <c r="N44" s="38"/>
      <c r="O44" s="38"/>
      <c r="P44" s="38"/>
      <c r="Q44" s="38"/>
      <c r="R44" s="38"/>
      <c r="S44" s="38"/>
      <c r="T44" s="38"/>
      <c r="U44" s="38"/>
      <c r="V44" s="38"/>
      <c r="W44" s="38"/>
      <c r="X44" s="38"/>
      <c r="Y44" s="38"/>
      <c r="Z44" s="38"/>
      <c r="AA44" s="38"/>
      <c r="AB44" s="38"/>
      <c r="AC44" s="38"/>
      <c r="AD44" s="38"/>
      <c r="AE44" s="38"/>
      <c r="AF44" s="38"/>
      <c r="AG44" s="37"/>
      <c r="AH44" s="37"/>
      <c r="AI44" s="37"/>
      <c r="AJ44" s="37"/>
      <c r="AK44" s="37"/>
      <c r="AL44" s="37"/>
      <c r="AM44" s="37"/>
      <c r="AN44" s="37"/>
      <c r="AO44" s="37"/>
      <c r="AP44" s="37"/>
      <c r="AQ44" s="37"/>
      <c r="AR44" s="37"/>
      <c r="AS44" s="37"/>
      <c r="AT44" s="37"/>
      <c r="AU44" s="37"/>
      <c r="AV44" s="37"/>
      <c r="AW44" s="37"/>
      <c r="AX44" s="37"/>
      <c r="AY44" s="37"/>
      <c r="AZ44" s="37"/>
      <c r="BA44" s="37"/>
      <c r="BB44" s="37"/>
      <c r="BC44" s="37"/>
      <c r="BD44" s="37"/>
      <c r="BE44" s="37"/>
      <c r="BF44" s="37"/>
      <c r="BG44" s="37"/>
      <c r="BH44" s="37"/>
      <c r="BI44" s="37"/>
      <c r="BJ44" s="37"/>
      <c r="BK44" s="37"/>
      <c r="BL44" s="37"/>
      <c r="BM44" s="37"/>
      <c r="BN44" s="37"/>
      <c r="BO44" s="37"/>
      <c r="BP44" s="37"/>
      <c r="BQ44" s="37"/>
      <c r="BR44" s="37"/>
      <c r="BS44" s="37"/>
      <c r="BT44" s="37"/>
      <c r="BU44" s="37"/>
      <c r="BV44" s="37"/>
      <c r="BW44" s="37"/>
      <c r="BX44" s="37"/>
      <c r="BY44" s="37"/>
      <c r="BZ44" s="37"/>
      <c r="CA44" s="37"/>
      <c r="CB44" s="37"/>
      <c r="CC44" s="37"/>
      <c r="CD44" s="37"/>
      <c r="CE44" s="37"/>
      <c r="CF44" s="37"/>
      <c r="CG44" s="37"/>
      <c r="CH44" s="37"/>
      <c r="CI44" s="37"/>
      <c r="CJ44" s="37"/>
      <c r="CK44" s="37"/>
      <c r="CL44" s="37"/>
      <c r="CM44" s="37"/>
      <c r="CN44" s="37"/>
      <c r="CO44" s="37"/>
      <c r="CP44" s="37"/>
      <c r="CQ44" s="37"/>
      <c r="CR44" s="37"/>
      <c r="CS44" s="37"/>
      <c r="CT44" s="37"/>
      <c r="CU44" s="37"/>
      <c r="CV44" s="37"/>
      <c r="CW44" s="37"/>
      <c r="CX44" s="37"/>
      <c r="CY44" s="37"/>
      <c r="CZ44" s="37"/>
      <c r="DA44" s="37"/>
      <c r="DB44" s="37"/>
      <c r="DC44" s="37"/>
      <c r="DD44" s="37"/>
      <c r="DE44" s="37"/>
      <c r="DF44" s="37"/>
      <c r="DG44" s="37"/>
      <c r="DH44" s="37"/>
      <c r="DI44" s="37"/>
      <c r="DJ44" s="37"/>
      <c r="DK44" s="37"/>
      <c r="DL44" s="37"/>
      <c r="DM44" s="37"/>
      <c r="DN44" s="37"/>
      <c r="DO44" s="37"/>
      <c r="DP44" s="37"/>
      <c r="DQ44" s="37"/>
      <c r="DR44" s="37"/>
      <c r="DS44" s="37"/>
      <c r="DT44" s="37"/>
      <c r="DU44" s="37"/>
      <c r="DV44" s="37"/>
      <c r="DW44" s="37"/>
      <c r="DX44" s="37"/>
      <c r="DY44" s="37"/>
      <c r="DZ44" s="37"/>
      <c r="EA44" s="37"/>
      <c r="EB44" s="37"/>
      <c r="EC44" s="37"/>
    </row>
    <row r="45" spans="2:133" x14ac:dyDescent="0.2">
      <c r="C45" s="38"/>
      <c r="D45" s="38"/>
      <c r="E45" s="38"/>
      <c r="F45" s="38"/>
      <c r="G45" s="38"/>
      <c r="H45" s="38"/>
      <c r="I45" s="38"/>
      <c r="J45" s="38"/>
      <c r="K45" s="38"/>
      <c r="L45" s="38"/>
      <c r="M45" s="38"/>
      <c r="N45" s="38"/>
      <c r="O45" s="38"/>
      <c r="P45" s="38"/>
      <c r="Q45" s="38"/>
      <c r="R45" s="38"/>
      <c r="S45" s="38"/>
      <c r="T45" s="38"/>
      <c r="U45" s="38"/>
      <c r="V45" s="38"/>
      <c r="W45" s="38"/>
      <c r="X45" s="38"/>
      <c r="Y45" s="38"/>
      <c r="Z45" s="38"/>
      <c r="AA45" s="38"/>
      <c r="AB45" s="38"/>
      <c r="AC45" s="38"/>
      <c r="AD45" s="38"/>
      <c r="AE45" s="38"/>
      <c r="AF45" s="38"/>
      <c r="AG45" s="37"/>
      <c r="AH45" s="37"/>
      <c r="AI45" s="37"/>
      <c r="AJ45" s="37"/>
      <c r="AK45" s="37"/>
      <c r="AL45" s="37"/>
      <c r="AM45" s="37"/>
      <c r="AN45" s="37"/>
      <c r="AO45" s="37"/>
      <c r="AP45" s="37"/>
      <c r="AQ45" s="37"/>
      <c r="AR45" s="37"/>
      <c r="AS45" s="37"/>
      <c r="AT45" s="37"/>
      <c r="AU45" s="37"/>
      <c r="AV45" s="37"/>
      <c r="AW45" s="37"/>
      <c r="AX45" s="37"/>
      <c r="AY45" s="37"/>
      <c r="AZ45" s="37"/>
      <c r="BA45" s="37"/>
      <c r="BB45" s="37"/>
      <c r="BC45" s="37"/>
      <c r="BD45" s="37"/>
      <c r="BE45" s="37"/>
      <c r="BF45" s="37"/>
      <c r="BG45" s="37"/>
      <c r="BH45" s="37"/>
      <c r="BI45" s="37"/>
      <c r="BJ45" s="37"/>
      <c r="BK45" s="37"/>
      <c r="BL45" s="37"/>
      <c r="BM45" s="37"/>
      <c r="BN45" s="37"/>
      <c r="BO45" s="37"/>
      <c r="BP45" s="37"/>
      <c r="BQ45" s="37"/>
      <c r="BR45" s="37"/>
      <c r="BS45" s="37"/>
      <c r="BT45" s="37"/>
      <c r="BU45" s="37"/>
      <c r="BV45" s="37"/>
      <c r="BW45" s="37"/>
      <c r="BX45" s="37"/>
      <c r="BY45" s="37"/>
      <c r="BZ45" s="37"/>
      <c r="CA45" s="37"/>
      <c r="CB45" s="37"/>
      <c r="CC45" s="37"/>
      <c r="CD45" s="37"/>
      <c r="CE45" s="37"/>
      <c r="CF45" s="37"/>
      <c r="CG45" s="37"/>
      <c r="CH45" s="37"/>
      <c r="CI45" s="37"/>
      <c r="CJ45" s="37"/>
      <c r="CK45" s="37"/>
      <c r="CL45" s="37"/>
      <c r="CM45" s="37"/>
      <c r="CN45" s="37"/>
      <c r="CO45" s="37"/>
      <c r="CP45" s="37"/>
      <c r="CQ45" s="37"/>
      <c r="CR45" s="37"/>
      <c r="CS45" s="37"/>
      <c r="CT45" s="37"/>
      <c r="CU45" s="37"/>
      <c r="CV45" s="37"/>
      <c r="CW45" s="37"/>
      <c r="CX45" s="37"/>
      <c r="CY45" s="37"/>
      <c r="CZ45" s="37"/>
      <c r="DA45" s="37"/>
      <c r="DB45" s="37"/>
      <c r="DC45" s="37"/>
      <c r="DD45" s="37"/>
      <c r="DE45" s="37"/>
      <c r="DF45" s="37"/>
      <c r="DG45" s="37"/>
      <c r="DH45" s="37"/>
      <c r="DI45" s="37"/>
      <c r="DJ45" s="37"/>
      <c r="DK45" s="37"/>
      <c r="DL45" s="37"/>
      <c r="DM45" s="37"/>
      <c r="DN45" s="37"/>
      <c r="DO45" s="37"/>
      <c r="DP45" s="37"/>
      <c r="DQ45" s="37"/>
      <c r="DR45" s="37"/>
      <c r="DS45" s="37"/>
      <c r="DT45" s="37"/>
      <c r="DU45" s="37"/>
      <c r="DV45" s="37"/>
      <c r="DW45" s="37"/>
      <c r="DX45" s="37"/>
      <c r="DY45" s="37"/>
      <c r="DZ45" s="37"/>
      <c r="EA45" s="37"/>
      <c r="EB45" s="37"/>
      <c r="EC45" s="37"/>
    </row>
    <row r="46" spans="2:133" x14ac:dyDescent="0.2">
      <c r="C46" s="3"/>
      <c r="D46" s="3"/>
      <c r="E46" s="3"/>
      <c r="F46" s="3"/>
      <c r="G46" s="3"/>
      <c r="H46" s="3"/>
      <c r="I46" s="3"/>
      <c r="J46" s="3"/>
      <c r="K46" s="3"/>
      <c r="L46" s="3"/>
      <c r="M46" s="3"/>
      <c r="N46" s="3"/>
      <c r="O46" s="3"/>
      <c r="P46" s="3"/>
      <c r="Q46" s="3"/>
      <c r="R46" s="3"/>
      <c r="S46" s="3"/>
      <c r="T46" s="3"/>
      <c r="U46" s="3"/>
      <c r="V46" s="3"/>
      <c r="W46" s="3"/>
      <c r="X46" s="3"/>
      <c r="Y46" s="3"/>
      <c r="Z46" s="3"/>
      <c r="AA46" s="3"/>
      <c r="AB46" s="3"/>
      <c r="AC46" s="3"/>
      <c r="AD46" s="3"/>
      <c r="AE46" s="3"/>
      <c r="AF46" s="3"/>
    </row>
    <row r="47" spans="2:133" x14ac:dyDescent="0.2">
      <c r="C47" s="3"/>
      <c r="D47" s="3"/>
      <c r="E47" s="3"/>
      <c r="F47" s="3"/>
      <c r="G47" s="3"/>
      <c r="H47" s="3"/>
      <c r="I47" s="3"/>
      <c r="J47" s="3"/>
      <c r="K47" s="3"/>
      <c r="L47" s="3"/>
      <c r="M47" s="3"/>
      <c r="N47" s="3"/>
      <c r="O47" s="3"/>
      <c r="P47" s="3"/>
      <c r="Q47" s="3"/>
      <c r="R47" s="3"/>
      <c r="S47" s="3"/>
      <c r="T47" s="3"/>
      <c r="U47" s="3"/>
      <c r="V47" s="3"/>
      <c r="W47" s="3"/>
      <c r="X47" s="3"/>
      <c r="Y47" s="3"/>
      <c r="Z47" s="3"/>
      <c r="AA47" s="3"/>
      <c r="AB47" s="3"/>
      <c r="AC47" s="3"/>
      <c r="AD47" s="3"/>
      <c r="AE47" s="3"/>
      <c r="AF47" s="3"/>
    </row>
    <row r="48" spans="2:133" x14ac:dyDescent="0.2">
      <c r="C48" s="3"/>
      <c r="D48" s="3"/>
      <c r="E48" s="3"/>
      <c r="F48" s="3"/>
      <c r="G48" s="3"/>
      <c r="H48" s="3"/>
      <c r="I48" s="3"/>
      <c r="J48" s="3"/>
      <c r="K48" s="3"/>
      <c r="L48" s="3"/>
      <c r="M48" s="3"/>
      <c r="N48" s="3"/>
      <c r="O48" s="3"/>
      <c r="P48" s="3"/>
      <c r="Q48" s="3"/>
      <c r="R48" s="3"/>
      <c r="S48" s="3"/>
      <c r="T48" s="3"/>
      <c r="U48" s="3"/>
      <c r="V48" s="3"/>
      <c r="W48" s="3"/>
      <c r="X48" s="3"/>
      <c r="Y48" s="3"/>
      <c r="Z48" s="3"/>
      <c r="AA48" s="3"/>
      <c r="AB48" s="3"/>
      <c r="AC48" s="3"/>
      <c r="AD48" s="3"/>
      <c r="AE48" s="3"/>
      <c r="AF48" s="3"/>
    </row>
    <row r="49" spans="3:32" x14ac:dyDescent="0.2">
      <c r="C49" s="3"/>
      <c r="D49" s="3"/>
      <c r="E49" s="3"/>
      <c r="F49" s="3"/>
      <c r="G49" s="3"/>
      <c r="H49" s="3"/>
      <c r="I49" s="3"/>
      <c r="J49" s="3"/>
      <c r="K49" s="3"/>
      <c r="L49" s="3"/>
      <c r="M49" s="3"/>
      <c r="N49" s="3"/>
      <c r="O49" s="3"/>
      <c r="P49" s="3"/>
      <c r="Q49" s="3"/>
      <c r="R49" s="3"/>
      <c r="S49" s="3"/>
      <c r="T49" s="3"/>
      <c r="U49" s="3"/>
      <c r="V49" s="3"/>
      <c r="W49" s="3"/>
      <c r="X49" s="3"/>
      <c r="Y49" s="3"/>
      <c r="Z49" s="3"/>
      <c r="AA49" s="3"/>
      <c r="AB49" s="3"/>
      <c r="AC49" s="3"/>
      <c r="AD49" s="3"/>
      <c r="AE49" s="3"/>
      <c r="AF49" s="3"/>
    </row>
    <row r="50" spans="3:32" x14ac:dyDescent="0.2">
      <c r="C50" s="3"/>
      <c r="D50" s="3"/>
      <c r="E50" s="3"/>
      <c r="F50" s="3"/>
      <c r="G50" s="3"/>
      <c r="H50" s="3"/>
      <c r="I50" s="3"/>
      <c r="J50" s="3"/>
      <c r="K50" s="3"/>
      <c r="L50" s="3"/>
      <c r="M50" s="3"/>
      <c r="N50" s="3"/>
      <c r="O50" s="3"/>
      <c r="P50" s="3"/>
      <c r="Q50" s="3"/>
      <c r="R50" s="3"/>
      <c r="S50" s="3"/>
      <c r="T50" s="3"/>
      <c r="U50" s="3"/>
      <c r="V50" s="3"/>
      <c r="W50" s="3"/>
      <c r="X50" s="3"/>
      <c r="Y50" s="3"/>
      <c r="Z50" s="3"/>
      <c r="AA50" s="3"/>
      <c r="AB50" s="3"/>
      <c r="AC50" s="3"/>
      <c r="AD50" s="3"/>
      <c r="AE50" s="3"/>
      <c r="AF50" s="3"/>
    </row>
    <row r="51" spans="3:32" x14ac:dyDescent="0.2">
      <c r="C51" s="3"/>
      <c r="D51" s="3"/>
      <c r="E51" s="3"/>
      <c r="F51" s="3"/>
      <c r="G51" s="3"/>
      <c r="H51" s="3"/>
      <c r="I51" s="3"/>
      <c r="J51" s="3"/>
      <c r="K51" s="3"/>
      <c r="L51" s="3"/>
      <c r="M51" s="3"/>
      <c r="N51" s="3"/>
      <c r="O51" s="3"/>
      <c r="P51" s="3"/>
      <c r="Q51" s="3"/>
      <c r="R51" s="3"/>
      <c r="S51" s="3"/>
      <c r="T51" s="3"/>
      <c r="U51" s="3"/>
      <c r="V51" s="3"/>
      <c r="W51" s="3"/>
      <c r="X51" s="3"/>
      <c r="Y51" s="3"/>
      <c r="Z51" s="3"/>
      <c r="AA51" s="3"/>
      <c r="AB51" s="3"/>
      <c r="AC51" s="3"/>
      <c r="AD51" s="3"/>
      <c r="AE51" s="3"/>
      <c r="AF51" s="3"/>
    </row>
    <row r="52" spans="3:32" x14ac:dyDescent="0.2">
      <c r="C52" s="3"/>
      <c r="D52" s="3"/>
      <c r="E52" s="3"/>
      <c r="F52" s="3"/>
      <c r="G52" s="3"/>
      <c r="H52" s="3"/>
      <c r="I52" s="3"/>
      <c r="J52" s="3"/>
      <c r="K52" s="3"/>
      <c r="L52" s="3"/>
      <c r="M52" s="3"/>
      <c r="N52" s="3"/>
      <c r="O52" s="3"/>
      <c r="P52" s="3"/>
      <c r="Q52" s="3"/>
      <c r="R52" s="3"/>
      <c r="S52" s="3"/>
      <c r="T52" s="3"/>
      <c r="U52" s="3"/>
      <c r="V52" s="3"/>
      <c r="W52" s="3"/>
      <c r="X52" s="3"/>
      <c r="Y52" s="3"/>
      <c r="Z52" s="3"/>
      <c r="AA52" s="3"/>
      <c r="AB52" s="3"/>
      <c r="AC52" s="3"/>
      <c r="AD52" s="3"/>
      <c r="AE52" s="3"/>
      <c r="AF52" s="3"/>
    </row>
    <row r="53" spans="3:32" x14ac:dyDescent="0.2">
      <c r="C53" s="3"/>
      <c r="D53" s="3"/>
      <c r="E53" s="3"/>
      <c r="F53" s="3"/>
      <c r="G53" s="3"/>
      <c r="H53" s="3"/>
      <c r="I53" s="3"/>
      <c r="J53" s="3"/>
      <c r="K53" s="3"/>
      <c r="L53" s="3"/>
      <c r="M53" s="3"/>
      <c r="N53" s="3"/>
      <c r="O53" s="3"/>
      <c r="P53" s="3"/>
      <c r="Q53" s="3"/>
      <c r="R53" s="3"/>
      <c r="S53" s="3"/>
      <c r="T53" s="3"/>
      <c r="U53" s="3"/>
      <c r="V53" s="3"/>
      <c r="W53" s="3"/>
      <c r="X53" s="3"/>
      <c r="Y53" s="3"/>
      <c r="Z53" s="3"/>
      <c r="AA53" s="3"/>
      <c r="AB53" s="3"/>
      <c r="AC53" s="3"/>
      <c r="AD53" s="3"/>
      <c r="AE53" s="3"/>
      <c r="AF53" s="3"/>
    </row>
    <row r="54" spans="3:32" x14ac:dyDescent="0.2">
      <c r="C54" s="3"/>
      <c r="D54" s="3"/>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row>
    <row r="55" spans="3:32" x14ac:dyDescent="0.2">
      <c r="C55" s="3"/>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row>
    <row r="56" spans="3:32" x14ac:dyDescent="0.2">
      <c r="C56" s="3"/>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row>
    <row r="57" spans="3:32" x14ac:dyDescent="0.2">
      <c r="C57" s="3"/>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row>
    <row r="58" spans="3:32" x14ac:dyDescent="0.2">
      <c r="C58" s="3"/>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row>
    <row r="59" spans="3:32" x14ac:dyDescent="0.2">
      <c r="C59" s="3"/>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row>
    <row r="60" spans="3:32" x14ac:dyDescent="0.2">
      <c r="C60" s="3"/>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row>
    <row r="61" spans="3:32" x14ac:dyDescent="0.2">
      <c r="C61" s="3"/>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row>
    <row r="62" spans="3:32" x14ac:dyDescent="0.2">
      <c r="C62" s="3"/>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row>
    <row r="63" spans="3:32" x14ac:dyDescent="0.2">
      <c r="C63" s="3"/>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row>
    <row r="64" spans="3:32" x14ac:dyDescent="0.2">
      <c r="C64" s="3"/>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row>
    <row r="65" spans="3:32" x14ac:dyDescent="0.2">
      <c r="C65" s="3"/>
      <c r="D65" s="3"/>
      <c r="E65" s="3"/>
      <c r="F65" s="3"/>
      <c r="G65" s="3"/>
      <c r="H65" s="3"/>
      <c r="I65" s="3"/>
      <c r="J65" s="3"/>
      <c r="K65" s="3"/>
      <c r="L65" s="3"/>
      <c r="M65" s="3"/>
      <c r="N65" s="3"/>
      <c r="O65" s="3"/>
      <c r="P65" s="3"/>
      <c r="Q65" s="3"/>
      <c r="R65" s="3"/>
      <c r="S65" s="3"/>
      <c r="T65" s="3"/>
      <c r="U65" s="3"/>
      <c r="V65" s="3"/>
      <c r="W65" s="3"/>
      <c r="X65" s="3"/>
      <c r="Y65" s="3"/>
      <c r="Z65" s="3"/>
      <c r="AA65" s="3"/>
      <c r="AB65" s="3"/>
      <c r="AC65" s="3"/>
      <c r="AD65" s="3"/>
      <c r="AE65" s="3"/>
      <c r="AF65" s="3"/>
    </row>
    <row r="66" spans="3:32" x14ac:dyDescent="0.2">
      <c r="C66" s="3"/>
      <c r="D66" s="3"/>
      <c r="E66" s="3"/>
      <c r="F66" s="3"/>
      <c r="G66" s="3"/>
      <c r="H66" s="3"/>
      <c r="I66" s="3"/>
      <c r="J66" s="3"/>
      <c r="K66" s="3"/>
      <c r="L66" s="3"/>
      <c r="M66" s="3"/>
      <c r="N66" s="3"/>
      <c r="O66" s="3"/>
      <c r="P66" s="3"/>
      <c r="Q66" s="3"/>
      <c r="R66" s="3"/>
      <c r="S66" s="3"/>
      <c r="T66" s="3"/>
      <c r="U66" s="3"/>
      <c r="V66" s="3"/>
      <c r="W66" s="3"/>
      <c r="X66" s="3"/>
      <c r="Y66" s="3"/>
      <c r="Z66" s="3"/>
      <c r="AA66" s="3"/>
      <c r="AB66" s="3"/>
      <c r="AC66" s="3"/>
      <c r="AD66" s="3"/>
      <c r="AE66" s="3"/>
      <c r="AF66" s="3"/>
    </row>
    <row r="67" spans="3:32" x14ac:dyDescent="0.2">
      <c r="C67" s="3"/>
      <c r="D67" s="3"/>
      <c r="E67" s="3"/>
      <c r="F67" s="3"/>
      <c r="G67" s="3"/>
      <c r="H67" s="3"/>
      <c r="I67" s="3"/>
      <c r="J67" s="3"/>
      <c r="K67" s="3"/>
      <c r="L67" s="3"/>
      <c r="M67" s="3"/>
      <c r="N67" s="3"/>
      <c r="O67" s="3"/>
      <c r="P67" s="3"/>
      <c r="Q67" s="3"/>
      <c r="R67" s="3"/>
      <c r="S67" s="3"/>
      <c r="T67" s="3"/>
      <c r="U67" s="3"/>
      <c r="V67" s="3"/>
      <c r="W67" s="3"/>
      <c r="X67" s="3"/>
      <c r="Y67" s="3"/>
      <c r="Z67" s="3"/>
      <c r="AA67" s="3"/>
      <c r="AB67" s="3"/>
      <c r="AC67" s="3"/>
      <c r="AD67" s="3"/>
      <c r="AE67" s="3"/>
      <c r="AF67" s="3"/>
    </row>
    <row r="68" spans="3:32" x14ac:dyDescent="0.2">
      <c r="C68" s="3"/>
      <c r="D68" s="3"/>
      <c r="E68" s="3"/>
      <c r="F68" s="3"/>
      <c r="G68" s="3"/>
      <c r="H68" s="3"/>
      <c r="I68" s="3"/>
      <c r="J68" s="3"/>
      <c r="K68" s="3"/>
      <c r="L68" s="3"/>
      <c r="M68" s="3"/>
      <c r="N68" s="3"/>
      <c r="O68" s="3"/>
      <c r="P68" s="3"/>
      <c r="Q68" s="3"/>
      <c r="R68" s="3"/>
      <c r="S68" s="3"/>
      <c r="T68" s="3"/>
      <c r="U68" s="3"/>
      <c r="V68" s="3"/>
      <c r="W68" s="3"/>
      <c r="X68" s="3"/>
      <c r="Y68" s="3"/>
      <c r="Z68" s="3"/>
      <c r="AA68" s="3"/>
      <c r="AB68" s="3"/>
      <c r="AC68" s="3"/>
      <c r="AD68" s="3"/>
      <c r="AE68" s="3"/>
      <c r="AF68" s="3"/>
    </row>
    <row r="69" spans="3:32" x14ac:dyDescent="0.2">
      <c r="C69" s="3"/>
      <c r="D69" s="3"/>
      <c r="E69" s="3"/>
      <c r="F69" s="3"/>
      <c r="G69" s="3"/>
      <c r="H69" s="3"/>
      <c r="I69" s="3"/>
      <c r="J69" s="3"/>
      <c r="K69" s="3"/>
      <c r="L69" s="3"/>
      <c r="M69" s="3"/>
      <c r="N69" s="3"/>
      <c r="O69" s="3"/>
      <c r="P69" s="3"/>
      <c r="Q69" s="3"/>
      <c r="R69" s="3"/>
      <c r="S69" s="3"/>
      <c r="T69" s="3"/>
      <c r="U69" s="3"/>
      <c r="V69" s="3"/>
      <c r="W69" s="3"/>
      <c r="X69" s="3"/>
      <c r="Y69" s="3"/>
      <c r="Z69" s="3"/>
      <c r="AA69" s="3"/>
      <c r="AB69" s="3"/>
      <c r="AC69" s="3"/>
      <c r="AD69" s="3"/>
      <c r="AE69" s="3"/>
      <c r="AF69" s="3"/>
    </row>
    <row r="70" spans="3:32" x14ac:dyDescent="0.2">
      <c r="C70" s="3"/>
      <c r="D70" s="3"/>
      <c r="E70" s="3"/>
      <c r="F70" s="3"/>
      <c r="G70" s="3"/>
      <c r="H70" s="3"/>
      <c r="I70" s="3"/>
      <c r="J70" s="3"/>
      <c r="K70" s="3"/>
      <c r="L70" s="3"/>
      <c r="M70" s="3"/>
      <c r="N70" s="3"/>
      <c r="O70" s="3"/>
      <c r="P70" s="3"/>
      <c r="Q70" s="3"/>
      <c r="R70" s="3"/>
      <c r="S70" s="3"/>
      <c r="T70" s="3"/>
      <c r="U70" s="3"/>
      <c r="V70" s="3"/>
      <c r="W70" s="3"/>
      <c r="X70" s="3"/>
      <c r="Y70" s="3"/>
      <c r="Z70" s="3"/>
      <c r="AA70" s="3"/>
      <c r="AB70" s="3"/>
      <c r="AC70" s="3"/>
      <c r="AD70" s="3"/>
      <c r="AE70" s="3"/>
      <c r="AF70" s="3"/>
    </row>
    <row r="71" spans="3:32" x14ac:dyDescent="0.2">
      <c r="C71" s="3"/>
      <c r="D71" s="3"/>
      <c r="E71" s="3"/>
      <c r="F71" s="3"/>
      <c r="G71" s="3"/>
      <c r="H71" s="3"/>
      <c r="I71" s="3"/>
      <c r="J71" s="3"/>
      <c r="K71" s="3"/>
      <c r="L71" s="3"/>
      <c r="M71" s="3"/>
      <c r="N71" s="3"/>
      <c r="O71" s="3"/>
      <c r="P71" s="3"/>
      <c r="Q71" s="3"/>
      <c r="R71" s="3"/>
      <c r="S71" s="3"/>
      <c r="T71" s="3"/>
      <c r="U71" s="3"/>
      <c r="V71" s="3"/>
      <c r="W71" s="3"/>
      <c r="X71" s="3"/>
      <c r="Y71" s="3"/>
      <c r="Z71" s="3"/>
      <c r="AA71" s="3"/>
      <c r="AB71" s="3"/>
      <c r="AC71" s="3"/>
      <c r="AD71" s="3"/>
      <c r="AE71" s="3"/>
      <c r="AF71" s="3"/>
    </row>
    <row r="72" spans="3:32" x14ac:dyDescent="0.2">
      <c r="C72" s="3"/>
      <c r="D72" s="3"/>
      <c r="E72" s="3"/>
      <c r="F72" s="3"/>
      <c r="G72" s="3"/>
      <c r="H72" s="3"/>
      <c r="I72" s="3"/>
      <c r="J72" s="3"/>
      <c r="K72" s="3"/>
      <c r="L72" s="3"/>
      <c r="M72" s="3"/>
      <c r="N72" s="3"/>
      <c r="O72" s="3"/>
      <c r="P72" s="3"/>
      <c r="Q72" s="3"/>
      <c r="R72" s="3"/>
      <c r="S72" s="3"/>
      <c r="T72" s="3"/>
      <c r="U72" s="3"/>
      <c r="V72" s="3"/>
      <c r="W72" s="3"/>
      <c r="X72" s="3"/>
      <c r="Y72" s="3"/>
      <c r="Z72" s="3"/>
      <c r="AA72" s="3"/>
      <c r="AB72" s="3"/>
      <c r="AC72" s="3"/>
      <c r="AD72" s="3"/>
      <c r="AE72" s="3"/>
      <c r="AF72" s="3"/>
    </row>
    <row r="73" spans="3:32" x14ac:dyDescent="0.2">
      <c r="C73" s="3"/>
      <c r="D73" s="3"/>
      <c r="E73" s="3"/>
      <c r="F73" s="3"/>
      <c r="G73" s="3"/>
      <c r="H73" s="3"/>
      <c r="I73" s="3"/>
      <c r="J73" s="3"/>
      <c r="K73" s="3"/>
      <c r="L73" s="3"/>
      <c r="M73" s="3"/>
      <c r="N73" s="3"/>
      <c r="O73" s="3"/>
      <c r="P73" s="3"/>
      <c r="Q73" s="3"/>
      <c r="R73" s="3"/>
      <c r="S73" s="3"/>
      <c r="T73" s="3"/>
      <c r="U73" s="3"/>
      <c r="V73" s="3"/>
      <c r="W73" s="3"/>
      <c r="X73" s="3"/>
      <c r="Y73" s="3"/>
      <c r="Z73" s="3"/>
      <c r="AA73" s="3"/>
      <c r="AB73" s="3"/>
      <c r="AC73" s="3"/>
      <c r="AD73" s="3"/>
      <c r="AE73" s="3"/>
      <c r="AF73" s="3"/>
    </row>
    <row r="74" spans="3:32" x14ac:dyDescent="0.2">
      <c r="C74" s="3"/>
      <c r="D74" s="3"/>
      <c r="E74" s="3"/>
      <c r="F74" s="3"/>
      <c r="G74" s="3"/>
      <c r="H74" s="3"/>
      <c r="I74" s="3"/>
      <c r="J74" s="3"/>
      <c r="K74" s="3"/>
      <c r="L74" s="3"/>
      <c r="M74" s="3"/>
      <c r="N74" s="3"/>
      <c r="O74" s="3"/>
      <c r="P74" s="3"/>
      <c r="Q74" s="3"/>
      <c r="R74" s="3"/>
      <c r="S74" s="3"/>
      <c r="T74" s="3"/>
      <c r="U74" s="3"/>
      <c r="V74" s="3"/>
      <c r="W74" s="3"/>
      <c r="X74" s="3"/>
      <c r="Y74" s="3"/>
      <c r="Z74" s="3"/>
      <c r="AA74" s="3"/>
      <c r="AB74" s="3"/>
      <c r="AC74" s="3"/>
      <c r="AD74" s="3"/>
      <c r="AE74" s="3"/>
      <c r="AF74" s="3"/>
    </row>
    <row r="75" spans="3:32" x14ac:dyDescent="0.2">
      <c r="C75" s="3"/>
      <c r="D75" s="3"/>
      <c r="E75" s="3"/>
      <c r="F75" s="3"/>
      <c r="G75" s="3"/>
      <c r="H75" s="3"/>
      <c r="I75" s="3"/>
      <c r="J75" s="3"/>
      <c r="K75" s="3"/>
      <c r="L75" s="3"/>
      <c r="M75" s="3"/>
      <c r="N75" s="3"/>
      <c r="O75" s="3"/>
      <c r="P75" s="3"/>
      <c r="Q75" s="3"/>
      <c r="R75" s="3"/>
      <c r="S75" s="3"/>
      <c r="T75" s="3"/>
      <c r="U75" s="3"/>
      <c r="V75" s="3"/>
      <c r="W75" s="3"/>
      <c r="X75" s="3"/>
      <c r="Y75" s="3"/>
      <c r="Z75" s="3"/>
      <c r="AA75" s="3"/>
      <c r="AB75" s="3"/>
      <c r="AC75" s="3"/>
      <c r="AD75" s="3"/>
      <c r="AE75" s="3"/>
      <c r="AF75" s="3"/>
    </row>
    <row r="76" spans="3:32" x14ac:dyDescent="0.2">
      <c r="C76" s="3"/>
      <c r="D76" s="3"/>
      <c r="E76" s="3"/>
      <c r="F76" s="3"/>
      <c r="G76" s="3"/>
      <c r="H76" s="3"/>
      <c r="I76" s="3"/>
      <c r="J76" s="3"/>
      <c r="K76" s="3"/>
      <c r="L76" s="3"/>
      <c r="M76" s="3"/>
      <c r="N76" s="3"/>
      <c r="O76" s="3"/>
      <c r="P76" s="3"/>
      <c r="Q76" s="3"/>
      <c r="R76" s="3"/>
      <c r="S76" s="3"/>
      <c r="T76" s="3"/>
      <c r="U76" s="3"/>
      <c r="V76" s="3"/>
      <c r="W76" s="3"/>
      <c r="X76" s="3"/>
      <c r="Y76" s="3"/>
      <c r="Z76" s="3"/>
      <c r="AA76" s="3"/>
      <c r="AB76" s="3"/>
      <c r="AC76" s="3"/>
      <c r="AD76" s="3"/>
      <c r="AE76" s="3"/>
      <c r="AF76" s="3"/>
    </row>
    <row r="77" spans="3:32" x14ac:dyDescent="0.2">
      <c r="C77" s="3"/>
      <c r="D77" s="3"/>
      <c r="E77" s="3"/>
      <c r="F77" s="3"/>
      <c r="G77" s="3"/>
      <c r="H77" s="3"/>
      <c r="I77" s="3"/>
      <c r="J77" s="3"/>
      <c r="K77" s="3"/>
      <c r="L77" s="3"/>
      <c r="M77" s="3"/>
      <c r="N77" s="3"/>
      <c r="O77" s="3"/>
      <c r="P77" s="3"/>
      <c r="Q77" s="3"/>
      <c r="R77" s="3"/>
      <c r="S77" s="3"/>
      <c r="T77" s="3"/>
      <c r="U77" s="3"/>
      <c r="V77" s="3"/>
      <c r="W77" s="3"/>
      <c r="X77" s="3"/>
      <c r="Y77" s="3"/>
      <c r="Z77" s="3"/>
      <c r="AA77" s="3"/>
      <c r="AB77" s="3"/>
      <c r="AC77" s="3"/>
      <c r="AD77" s="3"/>
      <c r="AE77" s="3"/>
      <c r="AF77" s="3"/>
    </row>
    <row r="78" spans="3:32" x14ac:dyDescent="0.2">
      <c r="C78" s="3"/>
      <c r="D78" s="3"/>
      <c r="E78" s="3"/>
      <c r="F78" s="3"/>
      <c r="G78" s="3"/>
      <c r="H78" s="3"/>
      <c r="I78" s="3"/>
      <c r="J78" s="3"/>
      <c r="K78" s="3"/>
      <c r="L78" s="3"/>
      <c r="M78" s="3"/>
      <c r="N78" s="3"/>
      <c r="O78" s="3"/>
      <c r="P78" s="3"/>
      <c r="Q78" s="3"/>
      <c r="R78" s="3"/>
      <c r="S78" s="3"/>
      <c r="T78" s="3"/>
      <c r="U78" s="3"/>
      <c r="V78" s="3"/>
      <c r="W78" s="3"/>
      <c r="X78" s="3"/>
      <c r="Y78" s="3"/>
      <c r="Z78" s="3"/>
      <c r="AA78" s="3"/>
      <c r="AB78" s="3"/>
      <c r="AC78" s="3"/>
      <c r="AD78" s="3"/>
      <c r="AE78" s="3"/>
      <c r="AF78" s="3"/>
    </row>
    <row r="79" spans="3:32" x14ac:dyDescent="0.2">
      <c r="C79" s="3"/>
      <c r="D79" s="3"/>
      <c r="E79" s="3"/>
      <c r="F79" s="3"/>
      <c r="G79" s="3"/>
      <c r="H79" s="3"/>
      <c r="I79" s="3"/>
      <c r="J79" s="3"/>
      <c r="K79" s="3"/>
      <c r="L79" s="3"/>
      <c r="M79" s="3"/>
      <c r="N79" s="3"/>
      <c r="O79" s="3"/>
      <c r="P79" s="3"/>
      <c r="Q79" s="3"/>
      <c r="R79" s="3"/>
      <c r="S79" s="3"/>
      <c r="T79" s="3"/>
      <c r="U79" s="3"/>
      <c r="V79" s="3"/>
      <c r="W79" s="3"/>
      <c r="X79" s="3"/>
      <c r="Y79" s="3"/>
      <c r="Z79" s="3"/>
      <c r="AA79" s="3"/>
      <c r="AB79" s="3"/>
      <c r="AC79" s="3"/>
      <c r="AD79" s="3"/>
      <c r="AE79" s="3"/>
      <c r="AF79" s="3"/>
    </row>
    <row r="80" spans="3:32" x14ac:dyDescent="0.2">
      <c r="C80" s="3"/>
      <c r="D80" s="3"/>
      <c r="E80" s="3"/>
      <c r="F80" s="3"/>
      <c r="G80" s="3"/>
      <c r="H80" s="3"/>
      <c r="I80" s="3"/>
      <c r="J80" s="3"/>
      <c r="K80" s="3"/>
      <c r="L80" s="3"/>
      <c r="M80" s="3"/>
      <c r="N80" s="3"/>
      <c r="O80" s="3"/>
      <c r="P80" s="3"/>
      <c r="Q80" s="3"/>
      <c r="R80" s="3"/>
      <c r="S80" s="3"/>
      <c r="T80" s="3"/>
      <c r="U80" s="3"/>
      <c r="V80" s="3"/>
      <c r="W80" s="3"/>
      <c r="X80" s="3"/>
      <c r="Y80" s="3"/>
      <c r="Z80" s="3"/>
      <c r="AA80" s="3"/>
      <c r="AB80" s="3"/>
      <c r="AC80" s="3"/>
      <c r="AD80" s="3"/>
      <c r="AE80" s="3"/>
      <c r="AF80" s="3"/>
    </row>
    <row r="81" spans="3:32" x14ac:dyDescent="0.2">
      <c r="C81" s="3"/>
      <c r="D81" s="3"/>
      <c r="E81" s="3"/>
      <c r="F81" s="3"/>
      <c r="G81" s="3"/>
      <c r="H81" s="3"/>
      <c r="I81" s="3"/>
      <c r="J81" s="3"/>
      <c r="K81" s="3"/>
      <c r="L81" s="3"/>
      <c r="M81" s="3"/>
      <c r="N81" s="3"/>
      <c r="O81" s="3"/>
      <c r="P81" s="3"/>
      <c r="Q81" s="3"/>
      <c r="R81" s="3"/>
      <c r="S81" s="3"/>
      <c r="T81" s="3"/>
      <c r="U81" s="3"/>
      <c r="V81" s="3"/>
      <c r="W81" s="3"/>
      <c r="X81" s="3"/>
      <c r="Y81" s="3"/>
      <c r="Z81" s="3"/>
      <c r="AA81" s="3"/>
      <c r="AB81" s="3"/>
      <c r="AC81" s="3"/>
      <c r="AD81" s="3"/>
      <c r="AE81" s="3"/>
      <c r="AF81" s="3"/>
    </row>
    <row r="82" spans="3:32" x14ac:dyDescent="0.2">
      <c r="C82" s="3"/>
      <c r="D82" s="3"/>
      <c r="E82" s="3"/>
      <c r="F82" s="3"/>
      <c r="G82" s="3"/>
      <c r="H82" s="3"/>
      <c r="I82" s="3"/>
      <c r="J82" s="3"/>
      <c r="K82" s="3"/>
      <c r="L82" s="3"/>
      <c r="M82" s="3"/>
      <c r="N82" s="3"/>
      <c r="O82" s="3"/>
      <c r="P82" s="3"/>
      <c r="Q82" s="3"/>
      <c r="R82" s="3"/>
      <c r="S82" s="3"/>
      <c r="T82" s="3"/>
      <c r="U82" s="3"/>
      <c r="V82" s="3"/>
      <c r="W82" s="3"/>
      <c r="X82" s="3"/>
      <c r="Y82" s="3"/>
      <c r="Z82" s="3"/>
      <c r="AA82" s="3"/>
      <c r="AB82" s="3"/>
      <c r="AC82" s="3"/>
      <c r="AD82" s="3"/>
      <c r="AE82" s="3"/>
      <c r="AF82" s="3"/>
    </row>
    <row r="83" spans="3:32" x14ac:dyDescent="0.2">
      <c r="C83" s="3"/>
      <c r="D83" s="3"/>
      <c r="E83" s="3"/>
      <c r="F83" s="3"/>
      <c r="G83" s="3"/>
      <c r="H83" s="3"/>
      <c r="I83" s="3"/>
      <c r="J83" s="3"/>
      <c r="K83" s="3"/>
      <c r="L83" s="3"/>
      <c r="M83" s="3"/>
      <c r="N83" s="3"/>
      <c r="O83" s="3"/>
      <c r="P83" s="3"/>
      <c r="Q83" s="3"/>
      <c r="R83" s="3"/>
      <c r="S83" s="3"/>
      <c r="T83" s="3"/>
      <c r="U83" s="3"/>
      <c r="V83" s="3"/>
      <c r="W83" s="3"/>
      <c r="X83" s="3"/>
      <c r="Y83" s="3"/>
      <c r="Z83" s="3"/>
      <c r="AA83" s="3"/>
      <c r="AB83" s="3"/>
      <c r="AC83" s="3"/>
      <c r="AD83" s="3"/>
      <c r="AE83" s="3"/>
      <c r="AF83" s="3"/>
    </row>
    <row r="84" spans="3:32" x14ac:dyDescent="0.2">
      <c r="C84" s="3"/>
      <c r="D84" s="3"/>
      <c r="E84" s="3"/>
      <c r="F84" s="3"/>
      <c r="G84" s="3"/>
      <c r="H84" s="3"/>
      <c r="I84" s="3"/>
      <c r="J84" s="3"/>
      <c r="K84" s="3"/>
      <c r="L84" s="3"/>
      <c r="M84" s="3"/>
      <c r="N84" s="3"/>
      <c r="O84" s="3"/>
      <c r="P84" s="3"/>
      <c r="Q84" s="3"/>
      <c r="R84" s="3"/>
      <c r="S84" s="3"/>
      <c r="T84" s="3"/>
      <c r="U84" s="3"/>
      <c r="V84" s="3"/>
      <c r="W84" s="3"/>
      <c r="X84" s="3"/>
      <c r="Y84" s="3"/>
      <c r="Z84" s="3"/>
      <c r="AA84" s="3"/>
      <c r="AB84" s="3"/>
      <c r="AC84" s="3"/>
      <c r="AD84" s="3"/>
      <c r="AE84" s="3"/>
      <c r="AF84" s="3"/>
    </row>
    <row r="85" spans="3:32" x14ac:dyDescent="0.2">
      <c r="C85" s="3"/>
      <c r="D85" s="3"/>
      <c r="E85" s="3"/>
      <c r="F85" s="3"/>
      <c r="G85" s="3"/>
      <c r="H85" s="3"/>
      <c r="I85" s="3"/>
      <c r="J85" s="3"/>
      <c r="K85" s="3"/>
      <c r="L85" s="3"/>
      <c r="M85" s="3"/>
      <c r="N85" s="3"/>
      <c r="O85" s="3"/>
      <c r="P85" s="3"/>
      <c r="Q85" s="3"/>
      <c r="R85" s="3"/>
      <c r="S85" s="3"/>
      <c r="T85" s="3"/>
      <c r="U85" s="3"/>
      <c r="V85" s="3"/>
      <c r="W85" s="3"/>
      <c r="X85" s="3"/>
      <c r="Y85" s="3"/>
      <c r="Z85" s="3"/>
      <c r="AA85" s="3"/>
      <c r="AB85" s="3"/>
      <c r="AC85" s="3"/>
      <c r="AD85" s="3"/>
      <c r="AE85" s="3"/>
      <c r="AF85" s="3"/>
    </row>
    <row r="86" spans="3:32" x14ac:dyDescent="0.2">
      <c r="C86" s="3"/>
      <c r="D86" s="3"/>
      <c r="E86" s="3"/>
      <c r="F86" s="3"/>
      <c r="G86" s="3"/>
      <c r="H86" s="3"/>
      <c r="I86" s="3"/>
      <c r="J86" s="3"/>
      <c r="K86" s="3"/>
      <c r="L86" s="3"/>
      <c r="M86" s="3"/>
      <c r="N86" s="3"/>
      <c r="O86" s="3"/>
      <c r="P86" s="3"/>
      <c r="Q86" s="3"/>
      <c r="R86" s="3"/>
      <c r="S86" s="3"/>
      <c r="T86" s="3"/>
      <c r="U86" s="3"/>
      <c r="V86" s="3"/>
      <c r="W86" s="3"/>
      <c r="X86" s="3"/>
      <c r="Y86" s="3"/>
      <c r="Z86" s="3"/>
      <c r="AA86" s="3"/>
      <c r="AB86" s="3"/>
      <c r="AC86" s="3"/>
      <c r="AD86" s="3"/>
      <c r="AE86" s="3"/>
      <c r="AF86" s="3"/>
    </row>
    <row r="87" spans="3:32" x14ac:dyDescent="0.2">
      <c r="C87" s="3"/>
      <c r="D87" s="3"/>
      <c r="E87" s="3"/>
      <c r="F87" s="3"/>
      <c r="G87" s="3"/>
      <c r="H87" s="3"/>
      <c r="I87" s="3"/>
      <c r="J87" s="3"/>
      <c r="K87" s="3"/>
      <c r="L87" s="3"/>
      <c r="M87" s="3"/>
      <c r="N87" s="3"/>
      <c r="O87" s="3"/>
      <c r="P87" s="3"/>
      <c r="Q87" s="3"/>
      <c r="R87" s="3"/>
      <c r="S87" s="3"/>
      <c r="T87" s="3"/>
      <c r="U87" s="3"/>
      <c r="V87" s="3"/>
      <c r="W87" s="3"/>
      <c r="X87" s="3"/>
      <c r="Y87" s="3"/>
      <c r="Z87" s="3"/>
      <c r="AA87" s="3"/>
      <c r="AB87" s="3"/>
      <c r="AC87" s="3"/>
      <c r="AD87" s="3"/>
      <c r="AE87" s="3"/>
      <c r="AF87" s="3"/>
    </row>
    <row r="88" spans="3:32" x14ac:dyDescent="0.2">
      <c r="C88" s="3"/>
      <c r="D88" s="3"/>
      <c r="E88" s="3"/>
      <c r="F88" s="3"/>
      <c r="G88" s="3"/>
      <c r="H88" s="3"/>
      <c r="I88" s="3"/>
      <c r="J88" s="3"/>
      <c r="K88" s="3"/>
      <c r="L88" s="3"/>
      <c r="M88" s="3"/>
      <c r="N88" s="3"/>
      <c r="O88" s="3"/>
      <c r="P88" s="3"/>
      <c r="Q88" s="3"/>
      <c r="R88" s="3"/>
      <c r="S88" s="3"/>
      <c r="T88" s="3"/>
      <c r="U88" s="3"/>
      <c r="V88" s="3"/>
      <c r="W88" s="3"/>
      <c r="X88" s="3"/>
      <c r="Y88" s="3"/>
      <c r="Z88" s="3"/>
      <c r="AA88" s="3"/>
      <c r="AB88" s="3"/>
      <c r="AC88" s="3"/>
      <c r="AD88" s="3"/>
      <c r="AE88" s="3"/>
      <c r="AF88" s="3"/>
    </row>
    <row r="89" spans="3:32" x14ac:dyDescent="0.2">
      <c r="C89" s="3"/>
      <c r="D89" s="3"/>
      <c r="E89" s="3"/>
      <c r="F89" s="3"/>
      <c r="G89" s="3"/>
      <c r="H89" s="3"/>
      <c r="I89" s="3"/>
      <c r="J89" s="3"/>
      <c r="K89" s="3"/>
      <c r="L89" s="3"/>
      <c r="M89" s="3"/>
      <c r="N89" s="3"/>
      <c r="O89" s="3"/>
      <c r="P89" s="3"/>
      <c r="Q89" s="3"/>
      <c r="R89" s="3"/>
      <c r="S89" s="3"/>
      <c r="T89" s="3"/>
      <c r="U89" s="3"/>
      <c r="V89" s="3"/>
      <c r="W89" s="3"/>
      <c r="X89" s="3"/>
      <c r="Y89" s="3"/>
      <c r="Z89" s="3"/>
      <c r="AA89" s="3"/>
      <c r="AB89" s="3"/>
      <c r="AC89" s="3"/>
      <c r="AD89" s="3"/>
      <c r="AE89" s="3"/>
      <c r="AF89" s="3"/>
    </row>
    <row r="90" spans="3:32" x14ac:dyDescent="0.2">
      <c r="C90" s="3"/>
      <c r="D90" s="3"/>
      <c r="E90" s="3"/>
      <c r="F90" s="3"/>
      <c r="G90" s="3"/>
      <c r="H90" s="3"/>
      <c r="I90" s="3"/>
      <c r="J90" s="3"/>
      <c r="K90" s="3"/>
      <c r="L90" s="3"/>
      <c r="M90" s="3"/>
      <c r="N90" s="3"/>
      <c r="O90" s="3"/>
      <c r="P90" s="3"/>
      <c r="Q90" s="3"/>
      <c r="R90" s="3"/>
      <c r="S90" s="3"/>
      <c r="T90" s="3"/>
      <c r="U90" s="3"/>
      <c r="V90" s="3"/>
      <c r="W90" s="3"/>
      <c r="X90" s="3"/>
      <c r="Y90" s="3"/>
      <c r="Z90" s="3"/>
      <c r="AA90" s="3"/>
      <c r="AB90" s="3"/>
      <c r="AC90" s="3"/>
      <c r="AD90" s="3"/>
      <c r="AE90" s="3"/>
      <c r="AF90" s="3"/>
    </row>
    <row r="91" spans="3:32" x14ac:dyDescent="0.2">
      <c r="C91" s="3"/>
      <c r="D91" s="3"/>
      <c r="E91" s="3"/>
      <c r="F91" s="3"/>
      <c r="G91" s="3"/>
      <c r="H91" s="3"/>
      <c r="I91" s="3"/>
      <c r="J91" s="3"/>
      <c r="K91" s="3"/>
      <c r="L91" s="3"/>
      <c r="M91" s="3"/>
      <c r="N91" s="3"/>
      <c r="O91" s="3"/>
      <c r="P91" s="3"/>
      <c r="Q91" s="3"/>
      <c r="R91" s="3"/>
      <c r="S91" s="3"/>
      <c r="T91" s="3"/>
      <c r="U91" s="3"/>
      <c r="V91" s="3"/>
      <c r="W91" s="3"/>
      <c r="X91" s="3"/>
      <c r="Y91" s="3"/>
      <c r="Z91" s="3"/>
      <c r="AA91" s="3"/>
      <c r="AB91" s="3"/>
      <c r="AC91" s="3"/>
      <c r="AD91" s="3"/>
      <c r="AE91" s="3"/>
      <c r="AF91" s="3"/>
    </row>
    <row r="92" spans="3:32" x14ac:dyDescent="0.2">
      <c r="C92" s="3"/>
      <c r="D92" s="3"/>
      <c r="E92" s="3"/>
      <c r="F92" s="3"/>
      <c r="G92" s="3"/>
      <c r="H92" s="3"/>
      <c r="I92" s="3"/>
      <c r="J92" s="3"/>
      <c r="K92" s="3"/>
      <c r="L92" s="3"/>
      <c r="M92" s="3"/>
      <c r="N92" s="3"/>
      <c r="O92" s="3"/>
      <c r="P92" s="3"/>
      <c r="Q92" s="3"/>
      <c r="R92" s="3"/>
      <c r="S92" s="3"/>
      <c r="T92" s="3"/>
      <c r="U92" s="3"/>
      <c r="V92" s="3"/>
      <c r="W92" s="3"/>
      <c r="X92" s="3"/>
      <c r="Y92" s="3"/>
      <c r="Z92" s="3"/>
      <c r="AA92" s="3"/>
      <c r="AB92" s="3"/>
      <c r="AC92" s="3"/>
      <c r="AD92" s="3"/>
      <c r="AE92" s="3"/>
      <c r="AF92" s="3"/>
    </row>
    <row r="93" spans="3:32" x14ac:dyDescent="0.2">
      <c r="C93" s="3"/>
      <c r="D93" s="3"/>
      <c r="E93" s="3"/>
      <c r="F93" s="3"/>
      <c r="G93" s="3"/>
      <c r="H93" s="3"/>
      <c r="I93" s="3"/>
      <c r="J93" s="3"/>
      <c r="K93" s="3"/>
      <c r="L93" s="3"/>
      <c r="M93" s="3"/>
      <c r="N93" s="3"/>
      <c r="O93" s="3"/>
      <c r="P93" s="3"/>
      <c r="Q93" s="3"/>
      <c r="R93" s="3"/>
      <c r="S93" s="3"/>
      <c r="T93" s="3"/>
      <c r="U93" s="3"/>
      <c r="V93" s="3"/>
      <c r="W93" s="3"/>
      <c r="X93" s="3"/>
      <c r="Y93" s="3"/>
      <c r="Z93" s="3"/>
      <c r="AA93" s="3"/>
      <c r="AB93" s="3"/>
      <c r="AC93" s="3"/>
      <c r="AD93" s="3"/>
      <c r="AE93" s="3"/>
      <c r="AF93" s="3"/>
    </row>
    <row r="94" spans="3:32" x14ac:dyDescent="0.2">
      <c r="C94" s="3"/>
      <c r="D94" s="3"/>
      <c r="E94" s="3"/>
      <c r="F94" s="3"/>
      <c r="G94" s="3"/>
      <c r="H94" s="3"/>
      <c r="I94" s="3"/>
      <c r="J94" s="3"/>
      <c r="K94" s="3"/>
      <c r="L94" s="3"/>
      <c r="M94" s="3"/>
      <c r="N94" s="3"/>
      <c r="O94" s="3"/>
      <c r="P94" s="3"/>
      <c r="Q94" s="3"/>
      <c r="R94" s="3"/>
      <c r="S94" s="3"/>
      <c r="T94" s="3"/>
      <c r="U94" s="3"/>
      <c r="V94" s="3"/>
      <c r="W94" s="3"/>
      <c r="X94" s="3"/>
      <c r="Y94" s="3"/>
      <c r="Z94" s="3"/>
      <c r="AA94" s="3"/>
      <c r="AB94" s="3"/>
      <c r="AC94" s="3"/>
      <c r="AD94" s="3"/>
      <c r="AE94" s="3"/>
      <c r="AF94" s="3"/>
    </row>
    <row r="95" spans="3:32" x14ac:dyDescent="0.2">
      <c r="C95" s="3"/>
      <c r="D95" s="3"/>
      <c r="E95" s="3"/>
      <c r="F95" s="3"/>
      <c r="G95" s="3"/>
      <c r="H95" s="3"/>
      <c r="I95" s="3"/>
      <c r="J95" s="3"/>
      <c r="K95" s="3"/>
      <c r="L95" s="3"/>
      <c r="M95" s="3"/>
      <c r="N95" s="3"/>
      <c r="O95" s="3"/>
      <c r="P95" s="3"/>
      <c r="Q95" s="3"/>
      <c r="R95" s="3"/>
      <c r="S95" s="3"/>
      <c r="T95" s="3"/>
      <c r="U95" s="3"/>
      <c r="V95" s="3"/>
      <c r="W95" s="3"/>
      <c r="X95" s="3"/>
      <c r="Y95" s="3"/>
      <c r="Z95" s="3"/>
      <c r="AA95" s="3"/>
      <c r="AB95" s="3"/>
      <c r="AC95" s="3"/>
      <c r="AD95" s="3"/>
      <c r="AE95" s="3"/>
      <c r="AF95" s="3"/>
    </row>
    <row r="96" spans="3:32" x14ac:dyDescent="0.2">
      <c r="C96" s="3"/>
      <c r="D96" s="3"/>
      <c r="E96" s="3"/>
      <c r="F96" s="3"/>
      <c r="G96" s="3"/>
      <c r="H96" s="3"/>
      <c r="I96" s="3"/>
      <c r="J96" s="3"/>
      <c r="K96" s="3"/>
      <c r="L96" s="3"/>
      <c r="M96" s="3"/>
      <c r="N96" s="3"/>
      <c r="O96" s="3"/>
      <c r="P96" s="3"/>
      <c r="Q96" s="3"/>
      <c r="R96" s="3"/>
      <c r="S96" s="3"/>
      <c r="T96" s="3"/>
      <c r="U96" s="3"/>
      <c r="V96" s="3"/>
      <c r="W96" s="3"/>
      <c r="X96" s="3"/>
      <c r="Y96" s="3"/>
      <c r="Z96" s="3"/>
      <c r="AA96" s="3"/>
      <c r="AB96" s="3"/>
      <c r="AC96" s="3"/>
      <c r="AD96" s="3"/>
      <c r="AE96" s="3"/>
      <c r="AF96" s="3"/>
    </row>
    <row r="97" spans="3:32" x14ac:dyDescent="0.2">
      <c r="C97" s="3"/>
      <c r="D97" s="3"/>
      <c r="E97" s="3"/>
      <c r="F97" s="3"/>
      <c r="G97" s="3"/>
      <c r="H97" s="3"/>
      <c r="I97" s="3"/>
      <c r="J97" s="3"/>
      <c r="K97" s="3"/>
      <c r="L97" s="3"/>
      <c r="M97" s="3"/>
      <c r="N97" s="3"/>
      <c r="O97" s="3"/>
      <c r="P97" s="3"/>
      <c r="Q97" s="3"/>
      <c r="R97" s="3"/>
      <c r="S97" s="3"/>
      <c r="T97" s="3"/>
      <c r="U97" s="3"/>
      <c r="V97" s="3"/>
      <c r="W97" s="3"/>
      <c r="X97" s="3"/>
      <c r="Y97" s="3"/>
      <c r="Z97" s="3"/>
      <c r="AA97" s="3"/>
      <c r="AB97" s="3"/>
      <c r="AC97" s="3"/>
      <c r="AD97" s="3"/>
      <c r="AE97" s="3"/>
      <c r="AF97" s="3"/>
    </row>
    <row r="98" spans="3:32" x14ac:dyDescent="0.2">
      <c r="C98" s="3"/>
      <c r="D98" s="3"/>
      <c r="E98" s="3"/>
      <c r="F98" s="3"/>
      <c r="G98" s="3"/>
      <c r="H98" s="3"/>
      <c r="I98" s="3"/>
      <c r="J98" s="3"/>
      <c r="K98" s="3"/>
      <c r="L98" s="3"/>
      <c r="M98" s="3"/>
      <c r="N98" s="3"/>
      <c r="O98" s="3"/>
      <c r="P98" s="3"/>
      <c r="Q98" s="3"/>
      <c r="R98" s="3"/>
      <c r="S98" s="3"/>
      <c r="T98" s="3"/>
      <c r="U98" s="3"/>
      <c r="V98" s="3"/>
      <c r="W98" s="3"/>
      <c r="X98" s="3"/>
      <c r="Y98" s="3"/>
      <c r="Z98" s="3"/>
      <c r="AA98" s="3"/>
      <c r="AB98" s="3"/>
      <c r="AC98" s="3"/>
      <c r="AD98" s="3"/>
      <c r="AE98" s="3"/>
      <c r="AF98" s="3"/>
    </row>
    <row r="99" spans="3:32" x14ac:dyDescent="0.2">
      <c r="C99" s="3"/>
      <c r="D99" s="3"/>
      <c r="E99" s="3"/>
      <c r="F99" s="3"/>
      <c r="G99" s="3"/>
      <c r="H99" s="3"/>
      <c r="I99" s="3"/>
      <c r="J99" s="3"/>
      <c r="K99" s="3"/>
      <c r="L99" s="3"/>
      <c r="M99" s="3"/>
      <c r="N99" s="3"/>
      <c r="O99" s="3"/>
      <c r="P99" s="3"/>
      <c r="Q99" s="3"/>
      <c r="R99" s="3"/>
      <c r="S99" s="3"/>
      <c r="T99" s="3"/>
      <c r="U99" s="3"/>
      <c r="V99" s="3"/>
      <c r="W99" s="3"/>
      <c r="X99" s="3"/>
      <c r="Y99" s="3"/>
      <c r="Z99" s="3"/>
      <c r="AA99" s="3"/>
      <c r="AB99" s="3"/>
      <c r="AC99" s="3"/>
      <c r="AD99" s="3"/>
      <c r="AE99" s="3"/>
      <c r="AF99" s="3"/>
    </row>
    <row r="100" spans="3:32" x14ac:dyDescent="0.2">
      <c r="C100" s="3"/>
      <c r="D100" s="3"/>
      <c r="E100" s="3"/>
      <c r="F100" s="3"/>
      <c r="G100" s="3"/>
      <c r="H100" s="3"/>
      <c r="I100" s="3"/>
      <c r="J100" s="3"/>
      <c r="K100" s="3"/>
      <c r="L100" s="3"/>
      <c r="M100" s="3"/>
      <c r="N100" s="3"/>
      <c r="O100" s="3"/>
      <c r="P100" s="3"/>
      <c r="Q100" s="3"/>
      <c r="R100" s="3"/>
      <c r="S100" s="3"/>
      <c r="T100" s="3"/>
      <c r="U100" s="3"/>
      <c r="V100" s="3"/>
      <c r="W100" s="3"/>
      <c r="X100" s="3"/>
      <c r="Y100" s="3"/>
      <c r="Z100" s="3"/>
      <c r="AA100" s="3"/>
      <c r="AB100" s="3"/>
      <c r="AC100" s="3"/>
      <c r="AD100" s="3"/>
      <c r="AE100" s="3"/>
      <c r="AF100" s="3"/>
    </row>
    <row r="101" spans="3:32" x14ac:dyDescent="0.2">
      <c r="C101" s="3"/>
      <c r="D101" s="3"/>
      <c r="E101" s="3"/>
      <c r="F101" s="3"/>
      <c r="G101" s="3"/>
      <c r="H101" s="3"/>
      <c r="I101" s="3"/>
      <c r="J101" s="3"/>
      <c r="K101" s="3"/>
      <c r="L101" s="3"/>
      <c r="M101" s="3"/>
      <c r="N101" s="3"/>
      <c r="O101" s="3"/>
      <c r="P101" s="3"/>
      <c r="Q101" s="3"/>
      <c r="R101" s="3"/>
      <c r="S101" s="3"/>
      <c r="T101" s="3"/>
      <c r="U101" s="3"/>
      <c r="V101" s="3"/>
      <c r="W101" s="3"/>
      <c r="X101" s="3"/>
      <c r="Y101" s="3"/>
      <c r="Z101" s="3"/>
      <c r="AA101" s="3"/>
      <c r="AB101" s="3"/>
      <c r="AC101" s="3"/>
      <c r="AD101" s="3"/>
      <c r="AE101" s="3"/>
      <c r="AF101" s="3"/>
    </row>
    <row r="102" spans="3:32" x14ac:dyDescent="0.2">
      <c r="C102" s="3"/>
      <c r="D102" s="3"/>
      <c r="E102" s="3"/>
      <c r="F102" s="3"/>
      <c r="G102" s="3"/>
      <c r="H102" s="3"/>
      <c r="I102" s="3"/>
      <c r="J102" s="3"/>
      <c r="K102" s="3"/>
      <c r="L102" s="3"/>
      <c r="M102" s="3"/>
      <c r="N102" s="3"/>
      <c r="O102" s="3"/>
      <c r="P102" s="3"/>
      <c r="Q102" s="3"/>
      <c r="R102" s="3"/>
      <c r="S102" s="3"/>
      <c r="T102" s="3"/>
      <c r="U102" s="3"/>
      <c r="V102" s="3"/>
      <c r="W102" s="3"/>
      <c r="X102" s="3"/>
      <c r="Y102" s="3"/>
      <c r="Z102" s="3"/>
      <c r="AA102" s="3"/>
      <c r="AB102" s="3"/>
      <c r="AC102" s="3"/>
      <c r="AD102" s="3"/>
      <c r="AE102" s="3"/>
      <c r="AF102" s="3"/>
    </row>
    <row r="103" spans="3:32" x14ac:dyDescent="0.2">
      <c r="C103" s="3"/>
      <c r="D103" s="3"/>
      <c r="E103" s="3"/>
      <c r="F103" s="3"/>
      <c r="G103" s="3"/>
      <c r="H103" s="3"/>
      <c r="I103" s="3"/>
      <c r="J103" s="3"/>
      <c r="K103" s="3"/>
      <c r="L103" s="3"/>
      <c r="M103" s="3"/>
      <c r="N103" s="3"/>
      <c r="O103" s="3"/>
      <c r="P103" s="3"/>
      <c r="Q103" s="3"/>
      <c r="R103" s="3"/>
      <c r="S103" s="3"/>
      <c r="T103" s="3"/>
      <c r="U103" s="3"/>
      <c r="V103" s="3"/>
      <c r="W103" s="3"/>
      <c r="X103" s="3"/>
      <c r="Y103" s="3"/>
      <c r="Z103" s="3"/>
      <c r="AA103" s="3"/>
      <c r="AB103" s="3"/>
      <c r="AC103" s="3"/>
      <c r="AD103" s="3"/>
      <c r="AE103" s="3"/>
      <c r="AF103" s="3"/>
    </row>
    <row r="104" spans="3:32" x14ac:dyDescent="0.2">
      <c r="C104" s="3"/>
      <c r="D104" s="3"/>
      <c r="E104" s="3"/>
      <c r="F104" s="3"/>
      <c r="G104" s="3"/>
      <c r="H104" s="3"/>
      <c r="I104" s="3"/>
      <c r="J104" s="3"/>
      <c r="K104" s="3"/>
      <c r="L104" s="3"/>
      <c r="M104" s="3"/>
      <c r="N104" s="3"/>
      <c r="O104" s="3"/>
      <c r="P104" s="3"/>
      <c r="Q104" s="3"/>
      <c r="R104" s="3"/>
      <c r="S104" s="3"/>
      <c r="T104" s="3"/>
      <c r="U104" s="3"/>
      <c r="V104" s="3"/>
      <c r="W104" s="3"/>
      <c r="X104" s="3"/>
      <c r="Y104" s="3"/>
      <c r="Z104" s="3"/>
      <c r="AA104" s="3"/>
      <c r="AB104" s="3"/>
      <c r="AC104" s="3"/>
      <c r="AD104" s="3"/>
      <c r="AE104" s="3"/>
      <c r="AF104" s="3"/>
    </row>
    <row r="105" spans="3:32" x14ac:dyDescent="0.2">
      <c r="C105" s="3"/>
      <c r="D105" s="3"/>
      <c r="E105" s="3"/>
      <c r="F105" s="3"/>
      <c r="G105" s="3"/>
      <c r="H105" s="3"/>
      <c r="I105" s="3"/>
      <c r="J105" s="3"/>
      <c r="K105" s="3"/>
      <c r="L105" s="3"/>
      <c r="M105" s="3"/>
      <c r="N105" s="3"/>
      <c r="O105" s="3"/>
      <c r="P105" s="3"/>
      <c r="Q105" s="3"/>
      <c r="R105" s="3"/>
      <c r="S105" s="3"/>
      <c r="T105" s="3"/>
      <c r="U105" s="3"/>
      <c r="V105" s="3"/>
      <c r="W105" s="3"/>
      <c r="X105" s="3"/>
      <c r="Y105" s="3"/>
      <c r="Z105" s="3"/>
      <c r="AA105" s="3"/>
      <c r="AB105" s="3"/>
      <c r="AC105" s="3"/>
      <c r="AD105" s="3"/>
      <c r="AE105" s="3"/>
      <c r="AF105" s="3"/>
    </row>
    <row r="106" spans="3:32" x14ac:dyDescent="0.2">
      <c r="C106" s="3"/>
      <c r="D106" s="3"/>
      <c r="E106" s="3"/>
      <c r="F106" s="3"/>
      <c r="G106" s="3"/>
      <c r="H106" s="3"/>
      <c r="I106" s="3"/>
      <c r="J106" s="3"/>
      <c r="K106" s="3"/>
      <c r="L106" s="3"/>
      <c r="M106" s="3"/>
      <c r="N106" s="3"/>
      <c r="O106" s="3"/>
      <c r="P106" s="3"/>
      <c r="Q106" s="3"/>
      <c r="R106" s="3"/>
      <c r="S106" s="3"/>
      <c r="T106" s="3"/>
      <c r="U106" s="3"/>
      <c r="V106" s="3"/>
      <c r="W106" s="3"/>
      <c r="X106" s="3"/>
      <c r="Y106" s="3"/>
      <c r="Z106" s="3"/>
      <c r="AA106" s="3"/>
      <c r="AB106" s="3"/>
      <c r="AC106" s="3"/>
      <c r="AD106" s="3"/>
      <c r="AE106" s="3"/>
      <c r="AF106" s="3"/>
    </row>
    <row r="107" spans="3:32" x14ac:dyDescent="0.2">
      <c r="C107" s="3"/>
      <c r="D107" s="3"/>
      <c r="E107" s="3"/>
      <c r="F107" s="3"/>
      <c r="G107" s="3"/>
      <c r="H107" s="3"/>
      <c r="I107" s="3"/>
      <c r="J107" s="3"/>
      <c r="K107" s="3"/>
      <c r="L107" s="3"/>
      <c r="M107" s="3"/>
      <c r="N107" s="3"/>
      <c r="O107" s="3"/>
      <c r="P107" s="3"/>
      <c r="Q107" s="3"/>
      <c r="R107" s="3"/>
      <c r="S107" s="3"/>
      <c r="T107" s="3"/>
      <c r="U107" s="3"/>
      <c r="V107" s="3"/>
      <c r="W107" s="3"/>
      <c r="X107" s="3"/>
      <c r="Y107" s="3"/>
      <c r="Z107" s="3"/>
      <c r="AA107" s="3"/>
      <c r="AB107" s="3"/>
      <c r="AC107" s="3"/>
      <c r="AD107" s="3"/>
      <c r="AE107" s="3"/>
      <c r="AF107" s="3"/>
    </row>
    <row r="108" spans="3:32" x14ac:dyDescent="0.2">
      <c r="C108" s="3"/>
      <c r="D108" s="3"/>
      <c r="E108" s="3"/>
      <c r="F108" s="3"/>
      <c r="G108" s="3"/>
      <c r="H108" s="3"/>
      <c r="I108" s="3"/>
      <c r="J108" s="3"/>
      <c r="K108" s="3"/>
      <c r="L108" s="3"/>
      <c r="M108" s="3"/>
      <c r="N108" s="3"/>
      <c r="O108" s="3"/>
      <c r="P108" s="3"/>
      <c r="Q108" s="3"/>
      <c r="R108" s="3"/>
      <c r="S108" s="3"/>
      <c r="T108" s="3"/>
      <c r="U108" s="3"/>
      <c r="V108" s="3"/>
      <c r="W108" s="3"/>
      <c r="X108" s="3"/>
      <c r="Y108" s="3"/>
      <c r="Z108" s="3"/>
      <c r="AA108" s="3"/>
      <c r="AB108" s="3"/>
      <c r="AC108" s="3"/>
      <c r="AD108" s="3"/>
      <c r="AE108" s="3"/>
      <c r="AF108" s="3"/>
    </row>
    <row r="109" spans="3:32" x14ac:dyDescent="0.2">
      <c r="C109" s="3"/>
      <c r="D109" s="3"/>
      <c r="E109" s="3"/>
      <c r="F109" s="3"/>
      <c r="G109" s="3"/>
      <c r="H109" s="3"/>
      <c r="I109" s="3"/>
      <c r="J109" s="3"/>
      <c r="K109" s="3"/>
      <c r="L109" s="3"/>
      <c r="M109" s="3"/>
      <c r="N109" s="3"/>
      <c r="O109" s="3"/>
      <c r="P109" s="3"/>
      <c r="Q109" s="3"/>
      <c r="R109" s="3"/>
      <c r="S109" s="3"/>
      <c r="T109" s="3"/>
      <c r="U109" s="3"/>
      <c r="V109" s="3"/>
      <c r="W109" s="3"/>
      <c r="X109" s="3"/>
      <c r="Y109" s="3"/>
      <c r="Z109" s="3"/>
      <c r="AA109" s="3"/>
      <c r="AB109" s="3"/>
      <c r="AC109" s="3"/>
      <c r="AD109" s="3"/>
      <c r="AE109" s="3"/>
      <c r="AF109" s="3"/>
    </row>
    <row r="110" spans="3:32" x14ac:dyDescent="0.2">
      <c r="C110" s="3"/>
      <c r="D110" s="3"/>
      <c r="E110" s="3"/>
      <c r="F110" s="3"/>
      <c r="G110" s="3"/>
      <c r="H110" s="3"/>
      <c r="I110" s="3"/>
      <c r="J110" s="3"/>
      <c r="K110" s="3"/>
      <c r="L110" s="3"/>
      <c r="M110" s="3"/>
      <c r="N110" s="3"/>
      <c r="O110" s="3"/>
      <c r="P110" s="3"/>
      <c r="Q110" s="3"/>
      <c r="R110" s="3"/>
      <c r="S110" s="3"/>
      <c r="T110" s="3"/>
      <c r="U110" s="3"/>
      <c r="V110" s="3"/>
      <c r="W110" s="3"/>
      <c r="X110" s="3"/>
      <c r="Y110" s="3"/>
      <c r="Z110" s="3"/>
      <c r="AA110" s="3"/>
      <c r="AB110" s="3"/>
      <c r="AC110" s="3"/>
      <c r="AD110" s="3"/>
      <c r="AE110" s="3"/>
      <c r="AF110" s="3"/>
    </row>
    <row r="111" spans="3:32" x14ac:dyDescent="0.2">
      <c r="C111" s="3"/>
      <c r="D111" s="3"/>
      <c r="E111" s="3"/>
      <c r="F111" s="3"/>
      <c r="G111" s="3"/>
      <c r="H111" s="3"/>
      <c r="I111" s="3"/>
      <c r="J111" s="3"/>
      <c r="K111" s="3"/>
      <c r="L111" s="3"/>
      <c r="M111" s="3"/>
      <c r="N111" s="3"/>
      <c r="O111" s="3"/>
      <c r="P111" s="3"/>
      <c r="Q111" s="3"/>
      <c r="R111" s="3"/>
      <c r="S111" s="3"/>
      <c r="T111" s="3"/>
      <c r="U111" s="3"/>
      <c r="V111" s="3"/>
      <c r="W111" s="3"/>
      <c r="X111" s="3"/>
      <c r="Y111" s="3"/>
      <c r="Z111" s="3"/>
      <c r="AA111" s="3"/>
      <c r="AB111" s="3"/>
      <c r="AC111" s="3"/>
      <c r="AD111" s="3"/>
      <c r="AE111" s="3"/>
      <c r="AF111" s="3"/>
    </row>
    <row r="112" spans="3:32" x14ac:dyDescent="0.2">
      <c r="C112" s="3"/>
      <c r="D112" s="3"/>
      <c r="E112" s="3"/>
      <c r="F112" s="3"/>
      <c r="G112" s="3"/>
      <c r="H112" s="3"/>
      <c r="I112" s="3"/>
      <c r="J112" s="3"/>
      <c r="K112" s="3"/>
      <c r="L112" s="3"/>
      <c r="M112" s="3"/>
      <c r="N112" s="3"/>
      <c r="O112" s="3"/>
      <c r="P112" s="3"/>
      <c r="Q112" s="3"/>
      <c r="R112" s="3"/>
      <c r="S112" s="3"/>
      <c r="T112" s="3"/>
      <c r="U112" s="3"/>
      <c r="V112" s="3"/>
      <c r="W112" s="3"/>
      <c r="X112" s="3"/>
      <c r="Y112" s="3"/>
      <c r="Z112" s="3"/>
      <c r="AA112" s="3"/>
      <c r="AB112" s="3"/>
      <c r="AC112" s="3"/>
      <c r="AD112" s="3"/>
      <c r="AE112" s="3"/>
      <c r="AF112" s="3"/>
    </row>
    <row r="113" spans="3:32" x14ac:dyDescent="0.2">
      <c r="C113" s="3"/>
      <c r="D113" s="3"/>
      <c r="E113" s="3"/>
      <c r="F113" s="3"/>
      <c r="G113" s="3"/>
      <c r="H113" s="3"/>
      <c r="I113" s="3"/>
      <c r="J113" s="3"/>
      <c r="K113" s="3"/>
      <c r="L113" s="3"/>
      <c r="M113" s="3"/>
      <c r="N113" s="3"/>
      <c r="O113" s="3"/>
      <c r="P113" s="3"/>
      <c r="Q113" s="3"/>
      <c r="R113" s="3"/>
      <c r="S113" s="3"/>
      <c r="T113" s="3"/>
      <c r="U113" s="3"/>
      <c r="V113" s="3"/>
      <c r="W113" s="3"/>
      <c r="X113" s="3"/>
      <c r="Y113" s="3"/>
      <c r="Z113" s="3"/>
      <c r="AA113" s="3"/>
      <c r="AB113" s="3"/>
      <c r="AC113" s="3"/>
      <c r="AD113" s="3"/>
      <c r="AE113" s="3"/>
      <c r="AF113" s="3"/>
    </row>
    <row r="114" spans="3:32" x14ac:dyDescent="0.2">
      <c r="C114" s="3"/>
      <c r="D114" s="3"/>
      <c r="E114" s="3"/>
      <c r="F114" s="3"/>
      <c r="G114" s="3"/>
      <c r="H114" s="3"/>
      <c r="I114" s="3"/>
      <c r="J114" s="3"/>
      <c r="K114" s="3"/>
      <c r="L114" s="3"/>
      <c r="M114" s="3"/>
      <c r="N114" s="3"/>
      <c r="O114" s="3"/>
      <c r="P114" s="3"/>
      <c r="Q114" s="3"/>
      <c r="R114" s="3"/>
      <c r="S114" s="3"/>
      <c r="T114" s="3"/>
      <c r="U114" s="3"/>
      <c r="V114" s="3"/>
      <c r="W114" s="3"/>
      <c r="X114" s="3"/>
      <c r="Y114" s="3"/>
      <c r="Z114" s="3"/>
      <c r="AA114" s="3"/>
      <c r="AB114" s="3"/>
      <c r="AC114" s="3"/>
      <c r="AD114" s="3"/>
      <c r="AE114" s="3"/>
      <c r="AF114" s="3"/>
    </row>
    <row r="115" spans="3:32" x14ac:dyDescent="0.2">
      <c r="C115" s="3"/>
      <c r="D115" s="3"/>
      <c r="E115" s="3"/>
      <c r="F115" s="3"/>
      <c r="G115" s="3"/>
      <c r="H115" s="3"/>
      <c r="I115" s="3"/>
      <c r="J115" s="3"/>
      <c r="K115" s="3"/>
      <c r="L115" s="3"/>
      <c r="M115" s="3"/>
      <c r="N115" s="3"/>
      <c r="O115" s="3"/>
      <c r="P115" s="3"/>
      <c r="Q115" s="3"/>
      <c r="R115" s="3"/>
      <c r="S115" s="3"/>
      <c r="T115" s="3"/>
      <c r="U115" s="3"/>
      <c r="V115" s="3"/>
      <c r="W115" s="3"/>
      <c r="X115" s="3"/>
      <c r="Y115" s="3"/>
      <c r="Z115" s="3"/>
      <c r="AA115" s="3"/>
      <c r="AB115" s="3"/>
      <c r="AC115" s="3"/>
      <c r="AD115" s="3"/>
      <c r="AE115" s="3"/>
      <c r="AF115" s="3"/>
    </row>
    <row r="116" spans="3:32" x14ac:dyDescent="0.2">
      <c r="C116" s="3"/>
      <c r="D116" s="3"/>
      <c r="E116" s="3"/>
      <c r="F116" s="3"/>
      <c r="G116" s="3"/>
      <c r="H116" s="3"/>
      <c r="I116" s="3"/>
      <c r="J116" s="3"/>
      <c r="K116" s="3"/>
      <c r="L116" s="3"/>
      <c r="M116" s="3"/>
      <c r="N116" s="3"/>
      <c r="O116" s="3"/>
      <c r="P116" s="3"/>
      <c r="Q116" s="3"/>
      <c r="R116" s="3"/>
      <c r="S116" s="3"/>
      <c r="T116" s="3"/>
      <c r="U116" s="3"/>
      <c r="V116" s="3"/>
      <c r="W116" s="3"/>
      <c r="X116" s="3"/>
      <c r="Y116" s="3"/>
      <c r="Z116" s="3"/>
      <c r="AA116" s="3"/>
      <c r="AB116" s="3"/>
      <c r="AC116" s="3"/>
      <c r="AD116" s="3"/>
      <c r="AE116" s="3"/>
      <c r="AF116" s="3"/>
    </row>
    <row r="117" spans="3:32" x14ac:dyDescent="0.2">
      <c r="C117" s="3"/>
      <c r="D117" s="3"/>
      <c r="E117" s="3"/>
      <c r="F117" s="3"/>
      <c r="G117" s="3"/>
      <c r="H117" s="3"/>
      <c r="I117" s="3"/>
      <c r="J117" s="3"/>
      <c r="K117" s="3"/>
      <c r="L117" s="3"/>
      <c r="M117" s="3"/>
      <c r="N117" s="3"/>
      <c r="O117" s="3"/>
      <c r="P117" s="3"/>
      <c r="Q117" s="3"/>
      <c r="R117" s="3"/>
      <c r="S117" s="3"/>
      <c r="T117" s="3"/>
      <c r="U117" s="3"/>
      <c r="V117" s="3"/>
      <c r="W117" s="3"/>
      <c r="X117" s="3"/>
      <c r="Y117" s="3"/>
      <c r="Z117" s="3"/>
      <c r="AA117" s="3"/>
      <c r="AB117" s="3"/>
      <c r="AC117" s="3"/>
      <c r="AD117" s="3"/>
      <c r="AE117" s="3"/>
      <c r="AF117" s="3"/>
    </row>
    <row r="118" spans="3:32" x14ac:dyDescent="0.2">
      <c r="C118" s="3"/>
      <c r="D118" s="3"/>
      <c r="E118" s="3"/>
      <c r="F118" s="3"/>
      <c r="G118" s="3"/>
      <c r="H118" s="3"/>
      <c r="I118" s="3"/>
      <c r="J118" s="3"/>
      <c r="K118" s="3"/>
      <c r="L118" s="3"/>
      <c r="M118" s="3"/>
      <c r="N118" s="3"/>
      <c r="O118" s="3"/>
      <c r="P118" s="3"/>
      <c r="Q118" s="3"/>
      <c r="R118" s="3"/>
      <c r="S118" s="3"/>
      <c r="T118" s="3"/>
      <c r="U118" s="3"/>
      <c r="V118" s="3"/>
      <c r="W118" s="3"/>
      <c r="X118" s="3"/>
      <c r="Y118" s="3"/>
      <c r="Z118" s="3"/>
      <c r="AA118" s="3"/>
      <c r="AB118" s="3"/>
      <c r="AC118" s="3"/>
      <c r="AD118" s="3"/>
      <c r="AE118" s="3"/>
      <c r="AF118" s="3"/>
    </row>
    <row r="119" spans="3:32" x14ac:dyDescent="0.2">
      <c r="C119" s="3"/>
      <c r="D119" s="3"/>
      <c r="E119" s="3"/>
      <c r="F119" s="3"/>
      <c r="G119" s="3"/>
      <c r="H119" s="3"/>
      <c r="I119" s="3"/>
      <c r="J119" s="3"/>
      <c r="K119" s="3"/>
      <c r="L119" s="3"/>
      <c r="M119" s="3"/>
      <c r="N119" s="3"/>
      <c r="O119" s="3"/>
      <c r="P119" s="3"/>
      <c r="Q119" s="3"/>
      <c r="R119" s="3"/>
      <c r="S119" s="3"/>
      <c r="T119" s="3"/>
      <c r="U119" s="3"/>
      <c r="V119" s="3"/>
      <c r="W119" s="3"/>
      <c r="X119" s="3"/>
      <c r="Y119" s="3"/>
      <c r="Z119" s="3"/>
      <c r="AA119" s="3"/>
      <c r="AB119" s="3"/>
      <c r="AC119" s="3"/>
      <c r="AD119" s="3"/>
      <c r="AE119" s="3"/>
      <c r="AF119" s="3"/>
    </row>
    <row r="120" spans="3:32" x14ac:dyDescent="0.2">
      <c r="C120" s="3"/>
      <c r="D120" s="3"/>
      <c r="E120" s="3"/>
      <c r="F120" s="3"/>
      <c r="G120" s="3"/>
      <c r="H120" s="3"/>
      <c r="I120" s="3"/>
      <c r="J120" s="3"/>
      <c r="K120" s="3"/>
      <c r="L120" s="3"/>
      <c r="M120" s="3"/>
      <c r="N120" s="3"/>
      <c r="O120" s="3"/>
      <c r="P120" s="3"/>
      <c r="Q120" s="3"/>
      <c r="R120" s="3"/>
      <c r="S120" s="3"/>
      <c r="T120" s="3"/>
      <c r="U120" s="3"/>
      <c r="V120" s="3"/>
      <c r="W120" s="3"/>
      <c r="X120" s="3"/>
      <c r="Y120" s="3"/>
      <c r="Z120" s="3"/>
      <c r="AA120" s="3"/>
      <c r="AB120" s="3"/>
      <c r="AC120" s="3"/>
      <c r="AD120" s="3"/>
      <c r="AE120" s="3"/>
      <c r="AF120" s="3"/>
    </row>
    <row r="121" spans="3:32" x14ac:dyDescent="0.2">
      <c r="C121" s="3"/>
      <c r="D121" s="3"/>
      <c r="E121" s="3"/>
      <c r="F121" s="3"/>
      <c r="G121" s="3"/>
      <c r="H121" s="3"/>
      <c r="I121" s="3"/>
      <c r="J121" s="3"/>
      <c r="K121" s="3"/>
      <c r="L121" s="3"/>
      <c r="M121" s="3"/>
      <c r="N121" s="3"/>
      <c r="O121" s="3"/>
      <c r="P121" s="3"/>
      <c r="Q121" s="3"/>
      <c r="R121" s="3"/>
      <c r="S121" s="3"/>
      <c r="T121" s="3"/>
      <c r="U121" s="3"/>
      <c r="V121" s="3"/>
      <c r="W121" s="3"/>
      <c r="X121" s="3"/>
      <c r="Y121" s="3"/>
      <c r="Z121" s="3"/>
      <c r="AA121" s="3"/>
      <c r="AB121" s="3"/>
      <c r="AC121" s="3"/>
      <c r="AD121" s="3"/>
      <c r="AE121" s="3"/>
      <c r="AF121" s="3"/>
    </row>
    <row r="122" spans="3:32" x14ac:dyDescent="0.2">
      <c r="C122" s="3"/>
      <c r="D122" s="3"/>
      <c r="E122" s="3"/>
      <c r="F122" s="3"/>
      <c r="G122" s="3"/>
      <c r="H122" s="3"/>
      <c r="I122" s="3"/>
      <c r="J122" s="3"/>
      <c r="K122" s="3"/>
      <c r="L122" s="3"/>
      <c r="M122" s="3"/>
      <c r="N122" s="3"/>
      <c r="O122" s="3"/>
      <c r="P122" s="3"/>
      <c r="Q122" s="3"/>
      <c r="R122" s="3"/>
      <c r="S122" s="3"/>
      <c r="T122" s="3"/>
      <c r="U122" s="3"/>
      <c r="V122" s="3"/>
      <c r="W122" s="3"/>
      <c r="X122" s="3"/>
      <c r="Y122" s="3"/>
      <c r="Z122" s="3"/>
      <c r="AA122" s="3"/>
      <c r="AB122" s="3"/>
      <c r="AC122" s="3"/>
      <c r="AD122" s="3"/>
      <c r="AE122" s="3"/>
      <c r="AF122" s="3"/>
    </row>
    <row r="123" spans="3:32" x14ac:dyDescent="0.2">
      <c r="C123" s="3"/>
      <c r="D123" s="3"/>
      <c r="E123" s="3"/>
      <c r="F123" s="3"/>
      <c r="G123" s="3"/>
      <c r="H123" s="3"/>
      <c r="I123" s="3"/>
      <c r="J123" s="3"/>
      <c r="K123" s="3"/>
      <c r="L123" s="3"/>
      <c r="M123" s="3"/>
      <c r="N123" s="3"/>
      <c r="O123" s="3"/>
      <c r="P123" s="3"/>
      <c r="Q123" s="3"/>
      <c r="R123" s="3"/>
      <c r="S123" s="3"/>
      <c r="T123" s="3"/>
      <c r="U123" s="3"/>
      <c r="V123" s="3"/>
      <c r="W123" s="3"/>
      <c r="X123" s="3"/>
      <c r="Y123" s="3"/>
      <c r="Z123" s="3"/>
      <c r="AA123" s="3"/>
      <c r="AB123" s="3"/>
      <c r="AC123" s="3"/>
      <c r="AD123" s="3"/>
      <c r="AE123" s="3"/>
      <c r="AF123" s="3"/>
    </row>
    <row r="124" spans="3:32" x14ac:dyDescent="0.2">
      <c r="C124" s="3"/>
      <c r="D124" s="3"/>
      <c r="E124" s="3"/>
      <c r="F124" s="3"/>
      <c r="G124" s="3"/>
      <c r="H124" s="3"/>
      <c r="I124" s="3"/>
      <c r="J124" s="3"/>
      <c r="K124" s="3"/>
      <c r="L124" s="3"/>
      <c r="M124" s="3"/>
      <c r="N124" s="3"/>
      <c r="O124" s="3"/>
      <c r="P124" s="3"/>
      <c r="Q124" s="3"/>
      <c r="R124" s="3"/>
      <c r="S124" s="3"/>
      <c r="T124" s="3"/>
      <c r="U124" s="3"/>
      <c r="V124" s="3"/>
      <c r="W124" s="3"/>
      <c r="X124" s="3"/>
      <c r="Y124" s="3"/>
      <c r="Z124" s="3"/>
      <c r="AA124" s="3"/>
      <c r="AB124" s="3"/>
      <c r="AC124" s="3"/>
      <c r="AD124" s="3"/>
      <c r="AE124" s="3"/>
      <c r="AF124" s="3"/>
    </row>
    <row r="125" spans="3:32" x14ac:dyDescent="0.2">
      <c r="C125" s="3"/>
      <c r="D125" s="3"/>
      <c r="E125" s="3"/>
      <c r="F125" s="3"/>
      <c r="G125" s="3"/>
      <c r="H125" s="3"/>
      <c r="I125" s="3"/>
      <c r="J125" s="3"/>
      <c r="K125" s="3"/>
      <c r="L125" s="3"/>
      <c r="M125" s="3"/>
      <c r="N125" s="3"/>
      <c r="O125" s="3"/>
      <c r="P125" s="3"/>
      <c r="Q125" s="3"/>
      <c r="R125" s="3"/>
      <c r="S125" s="3"/>
      <c r="T125" s="3"/>
      <c r="U125" s="3"/>
      <c r="V125" s="3"/>
      <c r="W125" s="3"/>
      <c r="X125" s="3"/>
      <c r="Y125" s="3"/>
      <c r="Z125" s="3"/>
      <c r="AA125" s="3"/>
      <c r="AB125" s="3"/>
      <c r="AC125" s="3"/>
      <c r="AD125" s="3"/>
      <c r="AE125" s="3"/>
      <c r="AF125" s="3"/>
    </row>
    <row r="126" spans="3:32" x14ac:dyDescent="0.2">
      <c r="C126" s="3"/>
      <c r="D126" s="3"/>
      <c r="E126" s="3"/>
      <c r="F126" s="3"/>
      <c r="G126" s="3"/>
      <c r="H126" s="3"/>
      <c r="I126" s="3"/>
      <c r="J126" s="3"/>
      <c r="K126" s="3"/>
      <c r="L126" s="3"/>
      <c r="M126" s="3"/>
      <c r="N126" s="3"/>
      <c r="O126" s="3"/>
      <c r="P126" s="3"/>
      <c r="Q126" s="3"/>
      <c r="R126" s="3"/>
      <c r="S126" s="3"/>
      <c r="T126" s="3"/>
      <c r="U126" s="3"/>
      <c r="V126" s="3"/>
      <c r="W126" s="3"/>
      <c r="X126" s="3"/>
      <c r="Y126" s="3"/>
      <c r="Z126" s="3"/>
      <c r="AA126" s="3"/>
      <c r="AB126" s="3"/>
      <c r="AC126" s="3"/>
      <c r="AD126" s="3"/>
      <c r="AE126" s="3"/>
      <c r="AF126" s="3"/>
    </row>
    <row r="127" spans="3:32" x14ac:dyDescent="0.2">
      <c r="C127" s="3"/>
      <c r="D127" s="3"/>
      <c r="E127" s="3"/>
      <c r="F127" s="3"/>
      <c r="G127" s="3"/>
      <c r="H127" s="3"/>
      <c r="I127" s="3"/>
      <c r="J127" s="3"/>
      <c r="K127" s="3"/>
      <c r="L127" s="3"/>
      <c r="M127" s="3"/>
      <c r="N127" s="3"/>
      <c r="O127" s="3"/>
      <c r="P127" s="3"/>
      <c r="Q127" s="3"/>
      <c r="R127" s="3"/>
      <c r="S127" s="3"/>
      <c r="T127" s="3"/>
      <c r="U127" s="3"/>
      <c r="V127" s="3"/>
      <c r="W127" s="3"/>
      <c r="X127" s="3"/>
      <c r="Y127" s="3"/>
      <c r="Z127" s="3"/>
      <c r="AA127" s="3"/>
      <c r="AB127" s="3"/>
      <c r="AC127" s="3"/>
      <c r="AD127" s="3"/>
      <c r="AE127" s="3"/>
      <c r="AF127" s="3"/>
    </row>
    <row r="128" spans="3:32" x14ac:dyDescent="0.2">
      <c r="C128" s="3"/>
      <c r="D128" s="3"/>
      <c r="E128" s="3"/>
      <c r="F128" s="3"/>
      <c r="G128" s="3"/>
      <c r="H128" s="3"/>
      <c r="I128" s="3"/>
      <c r="J128" s="3"/>
      <c r="K128" s="3"/>
      <c r="L128" s="3"/>
      <c r="M128" s="3"/>
      <c r="N128" s="3"/>
      <c r="O128" s="3"/>
      <c r="P128" s="3"/>
      <c r="Q128" s="3"/>
      <c r="R128" s="3"/>
      <c r="S128" s="3"/>
      <c r="T128" s="3"/>
      <c r="U128" s="3"/>
      <c r="V128" s="3"/>
      <c r="W128" s="3"/>
      <c r="X128" s="3"/>
      <c r="Y128" s="3"/>
      <c r="Z128" s="3"/>
      <c r="AA128" s="3"/>
      <c r="AB128" s="3"/>
      <c r="AC128" s="3"/>
      <c r="AD128" s="3"/>
      <c r="AE128" s="3"/>
      <c r="AF128" s="3"/>
    </row>
    <row r="129" spans="3:32" x14ac:dyDescent="0.2">
      <c r="C129" s="3"/>
      <c r="D129" s="3"/>
      <c r="E129" s="3"/>
      <c r="F129" s="3"/>
      <c r="G129" s="3"/>
      <c r="H129" s="3"/>
      <c r="I129" s="3"/>
      <c r="J129" s="3"/>
      <c r="K129" s="3"/>
      <c r="L129" s="3"/>
      <c r="M129" s="3"/>
      <c r="N129" s="3"/>
      <c r="O129" s="3"/>
      <c r="P129" s="3"/>
      <c r="Q129" s="3"/>
      <c r="R129" s="3"/>
      <c r="S129" s="3"/>
      <c r="T129" s="3"/>
      <c r="U129" s="3"/>
      <c r="V129" s="3"/>
      <c r="W129" s="3"/>
      <c r="X129" s="3"/>
      <c r="Y129" s="3"/>
      <c r="Z129" s="3"/>
      <c r="AA129" s="3"/>
      <c r="AB129" s="3"/>
      <c r="AC129" s="3"/>
      <c r="AD129" s="3"/>
      <c r="AE129" s="3"/>
      <c r="AF129" s="3"/>
    </row>
    <row r="130" spans="3:32" x14ac:dyDescent="0.2">
      <c r="C130" s="3"/>
      <c r="D130" s="3"/>
      <c r="E130" s="3"/>
      <c r="F130" s="3"/>
      <c r="G130" s="3"/>
      <c r="H130" s="3"/>
      <c r="I130" s="3"/>
      <c r="J130" s="3"/>
      <c r="K130" s="3"/>
      <c r="L130" s="3"/>
      <c r="M130" s="3"/>
      <c r="N130" s="3"/>
      <c r="O130" s="3"/>
      <c r="P130" s="3"/>
      <c r="Q130" s="3"/>
      <c r="R130" s="3"/>
      <c r="S130" s="3"/>
      <c r="T130" s="3"/>
      <c r="U130" s="3"/>
      <c r="V130" s="3"/>
      <c r="W130" s="3"/>
      <c r="X130" s="3"/>
      <c r="Y130" s="3"/>
      <c r="Z130" s="3"/>
      <c r="AA130" s="3"/>
      <c r="AB130" s="3"/>
      <c r="AC130" s="3"/>
      <c r="AD130" s="3"/>
      <c r="AE130" s="3"/>
      <c r="AF130" s="3"/>
    </row>
    <row r="131" spans="3:32" x14ac:dyDescent="0.2">
      <c r="C131" s="3"/>
      <c r="D131" s="3"/>
      <c r="E131" s="3"/>
      <c r="F131" s="3"/>
      <c r="G131" s="3"/>
      <c r="H131" s="3"/>
      <c r="I131" s="3"/>
      <c r="J131" s="3"/>
      <c r="K131" s="3"/>
      <c r="L131" s="3"/>
      <c r="M131" s="3"/>
      <c r="N131" s="3"/>
      <c r="O131" s="3"/>
      <c r="P131" s="3"/>
      <c r="Q131" s="3"/>
      <c r="R131" s="3"/>
      <c r="S131" s="3"/>
      <c r="T131" s="3"/>
      <c r="U131" s="3"/>
      <c r="V131" s="3"/>
      <c r="W131" s="3"/>
      <c r="X131" s="3"/>
      <c r="Y131" s="3"/>
      <c r="Z131" s="3"/>
      <c r="AA131" s="3"/>
      <c r="AB131" s="3"/>
      <c r="AC131" s="3"/>
      <c r="AD131" s="3"/>
      <c r="AE131" s="3"/>
      <c r="AF131" s="3"/>
    </row>
    <row r="132" spans="3:32" x14ac:dyDescent="0.2">
      <c r="C132" s="3"/>
      <c r="D132" s="3"/>
      <c r="E132" s="3"/>
      <c r="F132" s="3"/>
      <c r="G132" s="3"/>
      <c r="H132" s="3"/>
      <c r="I132" s="3"/>
      <c r="J132" s="3"/>
      <c r="K132" s="3"/>
      <c r="L132" s="3"/>
      <c r="M132" s="3"/>
      <c r="N132" s="3"/>
      <c r="O132" s="3"/>
      <c r="P132" s="3"/>
      <c r="Q132" s="3"/>
      <c r="R132" s="3"/>
      <c r="S132" s="3"/>
      <c r="T132" s="3"/>
      <c r="U132" s="3"/>
      <c r="V132" s="3"/>
      <c r="W132" s="3"/>
      <c r="X132" s="3"/>
      <c r="Y132" s="3"/>
      <c r="Z132" s="3"/>
      <c r="AA132" s="3"/>
      <c r="AB132" s="3"/>
      <c r="AC132" s="3"/>
      <c r="AD132" s="3"/>
      <c r="AE132" s="3"/>
      <c r="AF132" s="3"/>
    </row>
    <row r="133" spans="3:32" x14ac:dyDescent="0.2">
      <c r="C133" s="3"/>
      <c r="D133" s="3"/>
      <c r="E133" s="3"/>
      <c r="F133" s="3"/>
      <c r="G133" s="3"/>
      <c r="H133" s="3"/>
      <c r="I133" s="3"/>
      <c r="J133" s="3"/>
      <c r="K133" s="3"/>
      <c r="L133" s="3"/>
      <c r="M133" s="3"/>
      <c r="N133" s="3"/>
      <c r="O133" s="3"/>
      <c r="P133" s="3"/>
      <c r="Q133" s="3"/>
      <c r="R133" s="3"/>
      <c r="S133" s="3"/>
      <c r="T133" s="3"/>
      <c r="U133" s="3"/>
      <c r="V133" s="3"/>
      <c r="W133" s="3"/>
      <c r="X133" s="3"/>
      <c r="Y133" s="3"/>
      <c r="Z133" s="3"/>
      <c r="AA133" s="3"/>
      <c r="AB133" s="3"/>
      <c r="AC133" s="3"/>
      <c r="AD133" s="3"/>
      <c r="AE133" s="3"/>
      <c r="AF133" s="3"/>
    </row>
    <row r="134" spans="3:32" x14ac:dyDescent="0.2">
      <c r="C134" s="3"/>
      <c r="D134" s="3"/>
      <c r="E134" s="3"/>
      <c r="F134" s="3"/>
      <c r="G134" s="3"/>
      <c r="H134" s="3"/>
      <c r="I134" s="3"/>
      <c r="J134" s="3"/>
      <c r="K134" s="3"/>
      <c r="L134" s="3"/>
      <c r="M134" s="3"/>
      <c r="N134" s="3"/>
      <c r="O134" s="3"/>
      <c r="P134" s="3"/>
      <c r="Q134" s="3"/>
      <c r="R134" s="3"/>
      <c r="S134" s="3"/>
      <c r="T134" s="3"/>
      <c r="U134" s="3"/>
      <c r="V134" s="3"/>
      <c r="W134" s="3"/>
      <c r="X134" s="3"/>
      <c r="Y134" s="3"/>
      <c r="Z134" s="3"/>
      <c r="AA134" s="3"/>
      <c r="AB134" s="3"/>
      <c r="AC134" s="3"/>
      <c r="AD134" s="3"/>
      <c r="AE134" s="3"/>
      <c r="AF134" s="3"/>
    </row>
    <row r="135" spans="3:32" x14ac:dyDescent="0.2">
      <c r="C135" s="3"/>
      <c r="D135" s="3"/>
      <c r="E135" s="3"/>
      <c r="F135" s="3"/>
      <c r="G135" s="3"/>
      <c r="H135" s="3"/>
      <c r="I135" s="3"/>
      <c r="J135" s="3"/>
      <c r="K135" s="3"/>
      <c r="L135" s="3"/>
      <c r="M135" s="3"/>
      <c r="N135" s="3"/>
      <c r="O135" s="3"/>
      <c r="P135" s="3"/>
      <c r="Q135" s="3"/>
      <c r="R135" s="3"/>
      <c r="S135" s="3"/>
      <c r="T135" s="3"/>
      <c r="U135" s="3"/>
      <c r="V135" s="3"/>
      <c r="W135" s="3"/>
      <c r="X135" s="3"/>
      <c r="Y135" s="3"/>
      <c r="Z135" s="3"/>
      <c r="AA135" s="3"/>
      <c r="AB135" s="3"/>
      <c r="AC135" s="3"/>
      <c r="AD135" s="3"/>
      <c r="AE135" s="3"/>
      <c r="AF135" s="3"/>
    </row>
    <row r="136" spans="3:32" x14ac:dyDescent="0.2">
      <c r="C136" s="3"/>
      <c r="D136" s="3"/>
      <c r="E136" s="3"/>
      <c r="F136" s="3"/>
      <c r="G136" s="3"/>
      <c r="H136" s="3"/>
      <c r="I136" s="3"/>
      <c r="J136" s="3"/>
      <c r="K136" s="3"/>
      <c r="L136" s="3"/>
      <c r="M136" s="3"/>
      <c r="N136" s="3"/>
      <c r="O136" s="3"/>
      <c r="P136" s="3"/>
      <c r="Q136" s="3"/>
      <c r="R136" s="3"/>
      <c r="S136" s="3"/>
      <c r="T136" s="3"/>
      <c r="U136" s="3"/>
      <c r="V136" s="3"/>
      <c r="W136" s="3"/>
      <c r="X136" s="3"/>
      <c r="Y136" s="3"/>
      <c r="Z136" s="3"/>
      <c r="AA136" s="3"/>
      <c r="AB136" s="3"/>
      <c r="AC136" s="3"/>
      <c r="AD136" s="3"/>
      <c r="AE136" s="3"/>
      <c r="AF136" s="3"/>
    </row>
    <row r="137" spans="3:32" x14ac:dyDescent="0.2">
      <c r="C137" s="3"/>
      <c r="D137" s="3"/>
      <c r="E137" s="3"/>
      <c r="F137" s="3"/>
      <c r="G137" s="3"/>
      <c r="H137" s="3"/>
      <c r="I137" s="3"/>
      <c r="J137" s="3"/>
      <c r="K137" s="3"/>
      <c r="L137" s="3"/>
      <c r="M137" s="3"/>
      <c r="N137" s="3"/>
      <c r="O137" s="3"/>
      <c r="P137" s="3"/>
      <c r="Q137" s="3"/>
      <c r="R137" s="3"/>
      <c r="S137" s="3"/>
      <c r="T137" s="3"/>
      <c r="U137" s="3"/>
      <c r="V137" s="3"/>
      <c r="W137" s="3"/>
      <c r="X137" s="3"/>
      <c r="Y137" s="3"/>
      <c r="Z137" s="3"/>
      <c r="AA137" s="3"/>
      <c r="AB137" s="3"/>
      <c r="AC137" s="3"/>
      <c r="AD137" s="3"/>
      <c r="AE137" s="3"/>
      <c r="AF137" s="3"/>
    </row>
    <row r="138" spans="3:32" x14ac:dyDescent="0.2">
      <c r="C138" s="3"/>
      <c r="D138" s="3"/>
      <c r="E138" s="3"/>
      <c r="F138" s="3"/>
      <c r="G138" s="3"/>
      <c r="H138" s="3"/>
      <c r="I138" s="3"/>
      <c r="J138" s="3"/>
      <c r="K138" s="3"/>
      <c r="L138" s="3"/>
      <c r="M138" s="3"/>
      <c r="N138" s="3"/>
      <c r="O138" s="3"/>
      <c r="P138" s="3"/>
      <c r="Q138" s="3"/>
      <c r="R138" s="3"/>
      <c r="S138" s="3"/>
      <c r="T138" s="3"/>
      <c r="U138" s="3"/>
      <c r="V138" s="3"/>
      <c r="W138" s="3"/>
      <c r="X138" s="3"/>
      <c r="Y138" s="3"/>
      <c r="Z138" s="3"/>
      <c r="AA138" s="3"/>
      <c r="AB138" s="3"/>
      <c r="AC138" s="3"/>
      <c r="AD138" s="3"/>
      <c r="AE138" s="3"/>
      <c r="AF138" s="3"/>
    </row>
    <row r="139" spans="3:32" x14ac:dyDescent="0.2">
      <c r="C139" s="3"/>
      <c r="D139" s="3"/>
      <c r="E139" s="3"/>
      <c r="F139" s="3"/>
      <c r="G139" s="3"/>
      <c r="H139" s="3"/>
      <c r="I139" s="3"/>
      <c r="J139" s="3"/>
      <c r="K139" s="3"/>
      <c r="L139" s="3"/>
      <c r="M139" s="3"/>
      <c r="N139" s="3"/>
      <c r="O139" s="3"/>
      <c r="P139" s="3"/>
      <c r="Q139" s="3"/>
      <c r="R139" s="3"/>
      <c r="S139" s="3"/>
      <c r="T139" s="3"/>
      <c r="U139" s="3"/>
      <c r="V139" s="3"/>
      <c r="W139" s="3"/>
      <c r="X139" s="3"/>
      <c r="Y139" s="3"/>
      <c r="Z139" s="3"/>
      <c r="AA139" s="3"/>
      <c r="AB139" s="3"/>
      <c r="AC139" s="3"/>
      <c r="AD139" s="3"/>
      <c r="AE139" s="3"/>
      <c r="AF139" s="3"/>
    </row>
    <row r="140" spans="3:32" x14ac:dyDescent="0.2">
      <c r="C140" s="3"/>
      <c r="D140" s="3"/>
      <c r="E140" s="3"/>
      <c r="F140" s="3"/>
      <c r="G140" s="3"/>
      <c r="H140" s="3"/>
      <c r="I140" s="3"/>
      <c r="J140" s="3"/>
      <c r="K140" s="3"/>
      <c r="L140" s="3"/>
      <c r="M140" s="3"/>
      <c r="N140" s="3"/>
      <c r="O140" s="3"/>
      <c r="P140" s="3"/>
      <c r="Q140" s="3"/>
      <c r="R140" s="3"/>
      <c r="S140" s="3"/>
      <c r="T140" s="3"/>
      <c r="U140" s="3"/>
      <c r="V140" s="3"/>
      <c r="W140" s="3"/>
      <c r="X140" s="3"/>
      <c r="Y140" s="3"/>
      <c r="Z140" s="3"/>
      <c r="AA140" s="3"/>
      <c r="AB140" s="3"/>
      <c r="AC140" s="3"/>
      <c r="AD140" s="3"/>
      <c r="AE140" s="3"/>
      <c r="AF140" s="3"/>
    </row>
    <row r="141" spans="3:32" x14ac:dyDescent="0.2">
      <c r="C141" s="3"/>
      <c r="D141" s="3"/>
      <c r="E141" s="3"/>
      <c r="F141" s="3"/>
      <c r="G141" s="3"/>
      <c r="H141" s="3"/>
      <c r="I141" s="3"/>
      <c r="J141" s="3"/>
      <c r="K141" s="3"/>
      <c r="L141" s="3"/>
      <c r="M141" s="3"/>
      <c r="N141" s="3"/>
      <c r="O141" s="3"/>
      <c r="P141" s="3"/>
      <c r="Q141" s="3"/>
      <c r="R141" s="3"/>
      <c r="S141" s="3"/>
      <c r="T141" s="3"/>
      <c r="U141" s="3"/>
      <c r="V141" s="3"/>
      <c r="W141" s="3"/>
      <c r="X141" s="3"/>
      <c r="Y141" s="3"/>
      <c r="Z141" s="3"/>
      <c r="AA141" s="3"/>
      <c r="AB141" s="3"/>
      <c r="AC141" s="3"/>
      <c r="AD141" s="3"/>
      <c r="AE141" s="3"/>
      <c r="AF141" s="3"/>
    </row>
    <row r="142" spans="3:32" x14ac:dyDescent="0.2">
      <c r="C142" s="3"/>
      <c r="D142" s="3"/>
      <c r="E142" s="3"/>
      <c r="F142" s="3"/>
      <c r="G142" s="3"/>
      <c r="H142" s="3"/>
      <c r="I142" s="3"/>
      <c r="J142" s="3"/>
      <c r="K142" s="3"/>
      <c r="L142" s="3"/>
      <c r="M142" s="3"/>
      <c r="N142" s="3"/>
      <c r="O142" s="3"/>
      <c r="P142" s="3"/>
      <c r="Q142" s="3"/>
      <c r="R142" s="3"/>
      <c r="S142" s="3"/>
      <c r="T142" s="3"/>
      <c r="U142" s="3"/>
      <c r="V142" s="3"/>
      <c r="W142" s="3"/>
      <c r="X142" s="3"/>
      <c r="Y142" s="3"/>
      <c r="Z142" s="3"/>
      <c r="AA142" s="3"/>
      <c r="AB142" s="3"/>
      <c r="AC142" s="3"/>
      <c r="AD142" s="3"/>
      <c r="AE142" s="3"/>
      <c r="AF142" s="3"/>
    </row>
    <row r="143" spans="3:32" x14ac:dyDescent="0.2">
      <c r="C143" s="3"/>
      <c r="D143" s="3"/>
      <c r="E143" s="3"/>
      <c r="F143" s="3"/>
      <c r="G143" s="3"/>
      <c r="H143" s="3"/>
      <c r="I143" s="3"/>
      <c r="J143" s="3"/>
      <c r="K143" s="3"/>
      <c r="L143" s="3"/>
      <c r="M143" s="3"/>
      <c r="N143" s="3"/>
      <c r="O143" s="3"/>
      <c r="P143" s="3"/>
      <c r="Q143" s="3"/>
      <c r="R143" s="3"/>
      <c r="S143" s="3"/>
      <c r="T143" s="3"/>
      <c r="U143" s="3"/>
      <c r="V143" s="3"/>
      <c r="W143" s="3"/>
      <c r="X143" s="3"/>
      <c r="Y143" s="3"/>
      <c r="Z143" s="3"/>
      <c r="AA143" s="3"/>
      <c r="AB143" s="3"/>
      <c r="AC143" s="3"/>
      <c r="AD143" s="3"/>
      <c r="AE143" s="3"/>
      <c r="AF143" s="3"/>
    </row>
    <row r="144" spans="3:32" x14ac:dyDescent="0.2">
      <c r="C144" s="3"/>
      <c r="D144" s="3"/>
      <c r="E144" s="3"/>
      <c r="F144" s="3"/>
      <c r="G144" s="3"/>
      <c r="H144" s="3"/>
      <c r="I144" s="3"/>
      <c r="J144" s="3"/>
      <c r="K144" s="3"/>
      <c r="L144" s="3"/>
      <c r="M144" s="3"/>
      <c r="N144" s="3"/>
      <c r="O144" s="3"/>
      <c r="P144" s="3"/>
      <c r="Q144" s="3"/>
      <c r="R144" s="3"/>
      <c r="S144" s="3"/>
      <c r="T144" s="3"/>
      <c r="U144" s="3"/>
      <c r="V144" s="3"/>
      <c r="W144" s="3"/>
      <c r="X144" s="3"/>
      <c r="Y144" s="3"/>
      <c r="Z144" s="3"/>
      <c r="AA144" s="3"/>
      <c r="AB144" s="3"/>
      <c r="AC144" s="3"/>
      <c r="AD144" s="3"/>
      <c r="AE144" s="3"/>
      <c r="AF144" s="3"/>
    </row>
    <row r="145" spans="3:32" x14ac:dyDescent="0.2">
      <c r="C145" s="3"/>
      <c r="D145" s="3"/>
      <c r="E145" s="3"/>
      <c r="F145" s="3"/>
      <c r="G145" s="3"/>
      <c r="H145" s="3"/>
      <c r="I145" s="3"/>
      <c r="J145" s="3"/>
      <c r="K145" s="3"/>
      <c r="L145" s="3"/>
      <c r="M145" s="3"/>
      <c r="N145" s="3"/>
      <c r="O145" s="3"/>
      <c r="P145" s="3"/>
      <c r="Q145" s="3"/>
      <c r="R145" s="3"/>
      <c r="S145" s="3"/>
      <c r="T145" s="3"/>
      <c r="U145" s="3"/>
      <c r="V145" s="3"/>
      <c r="W145" s="3"/>
      <c r="X145" s="3"/>
      <c r="Y145" s="3"/>
      <c r="Z145" s="3"/>
      <c r="AA145" s="3"/>
      <c r="AB145" s="3"/>
      <c r="AC145" s="3"/>
      <c r="AD145" s="3"/>
      <c r="AE145" s="3"/>
      <c r="AF145" s="3"/>
    </row>
    <row r="146" spans="3:32" x14ac:dyDescent="0.2">
      <c r="C146" s="3"/>
      <c r="D146" s="3"/>
      <c r="E146" s="3"/>
      <c r="F146" s="3"/>
      <c r="G146" s="3"/>
      <c r="H146" s="3"/>
      <c r="I146" s="3"/>
      <c r="J146" s="3"/>
      <c r="K146" s="3"/>
      <c r="L146" s="3"/>
      <c r="M146" s="3"/>
      <c r="N146" s="3"/>
      <c r="O146" s="3"/>
      <c r="P146" s="3"/>
      <c r="Q146" s="3"/>
      <c r="R146" s="3"/>
      <c r="S146" s="3"/>
      <c r="T146" s="3"/>
      <c r="U146" s="3"/>
      <c r="V146" s="3"/>
      <c r="W146" s="3"/>
      <c r="X146" s="3"/>
      <c r="Y146" s="3"/>
      <c r="Z146" s="3"/>
      <c r="AA146" s="3"/>
      <c r="AB146" s="3"/>
      <c r="AC146" s="3"/>
      <c r="AD146" s="3"/>
      <c r="AE146" s="3"/>
      <c r="AF146" s="3"/>
    </row>
    <row r="147" spans="3:32" x14ac:dyDescent="0.2">
      <c r="C147" s="3"/>
      <c r="D147" s="3"/>
      <c r="E147" s="3"/>
      <c r="F147" s="3"/>
      <c r="G147" s="3"/>
      <c r="H147" s="3"/>
      <c r="I147" s="3"/>
      <c r="J147" s="3"/>
      <c r="K147" s="3"/>
      <c r="L147" s="3"/>
      <c r="M147" s="3"/>
      <c r="N147" s="3"/>
      <c r="O147" s="3"/>
      <c r="P147" s="3"/>
      <c r="Q147" s="3"/>
      <c r="R147" s="3"/>
      <c r="S147" s="3"/>
      <c r="T147" s="3"/>
      <c r="U147" s="3"/>
      <c r="V147" s="3"/>
      <c r="W147" s="3"/>
      <c r="X147" s="3"/>
      <c r="Y147" s="3"/>
      <c r="Z147" s="3"/>
      <c r="AA147" s="3"/>
      <c r="AB147" s="3"/>
      <c r="AC147" s="3"/>
      <c r="AD147" s="3"/>
      <c r="AE147" s="3"/>
      <c r="AF147" s="3"/>
    </row>
    <row r="148" spans="3:32" x14ac:dyDescent="0.2">
      <c r="C148" s="3"/>
      <c r="D148" s="3"/>
      <c r="E148" s="3"/>
      <c r="F148" s="3"/>
      <c r="G148" s="3"/>
      <c r="H148" s="3"/>
      <c r="I148" s="3"/>
      <c r="J148" s="3"/>
      <c r="K148" s="3"/>
      <c r="L148" s="3"/>
      <c r="M148" s="3"/>
      <c r="N148" s="3"/>
      <c r="O148" s="3"/>
      <c r="P148" s="3"/>
      <c r="Q148" s="3"/>
      <c r="R148" s="3"/>
      <c r="S148" s="3"/>
      <c r="T148" s="3"/>
      <c r="U148" s="3"/>
      <c r="V148" s="3"/>
      <c r="W148" s="3"/>
      <c r="X148" s="3"/>
      <c r="Y148" s="3"/>
      <c r="Z148" s="3"/>
      <c r="AA148" s="3"/>
      <c r="AB148" s="3"/>
      <c r="AC148" s="3"/>
      <c r="AD148" s="3"/>
      <c r="AE148" s="3"/>
      <c r="AF148" s="3"/>
    </row>
    <row r="149" spans="3:32" x14ac:dyDescent="0.2">
      <c r="C149" s="3"/>
      <c r="D149" s="3"/>
      <c r="E149" s="3"/>
      <c r="F149" s="3"/>
      <c r="G149" s="3"/>
      <c r="H149" s="3"/>
      <c r="I149" s="3"/>
      <c r="J149" s="3"/>
      <c r="K149" s="3"/>
      <c r="L149" s="3"/>
      <c r="M149" s="3"/>
      <c r="N149" s="3"/>
      <c r="O149" s="3"/>
      <c r="P149" s="3"/>
      <c r="Q149" s="3"/>
      <c r="R149" s="3"/>
      <c r="S149" s="3"/>
      <c r="T149" s="3"/>
      <c r="U149" s="3"/>
      <c r="V149" s="3"/>
      <c r="W149" s="3"/>
      <c r="X149" s="3"/>
      <c r="Y149" s="3"/>
      <c r="Z149" s="3"/>
      <c r="AA149" s="3"/>
      <c r="AB149" s="3"/>
      <c r="AC149" s="3"/>
      <c r="AD149" s="3"/>
      <c r="AE149" s="3"/>
      <c r="AF149" s="3"/>
    </row>
    <row r="150" spans="3:32" x14ac:dyDescent="0.2">
      <c r="C150" s="3"/>
      <c r="D150" s="3"/>
      <c r="E150" s="3"/>
      <c r="F150" s="3"/>
      <c r="G150" s="3"/>
      <c r="H150" s="3"/>
      <c r="I150" s="3"/>
      <c r="J150" s="3"/>
      <c r="K150" s="3"/>
      <c r="L150" s="3"/>
      <c r="M150" s="3"/>
      <c r="N150" s="3"/>
      <c r="O150" s="3"/>
      <c r="P150" s="3"/>
      <c r="Q150" s="3"/>
      <c r="R150" s="3"/>
      <c r="S150" s="3"/>
      <c r="T150" s="3"/>
      <c r="U150" s="3"/>
      <c r="V150" s="3"/>
      <c r="W150" s="3"/>
      <c r="X150" s="3"/>
      <c r="Y150" s="3"/>
      <c r="Z150" s="3"/>
      <c r="AA150" s="3"/>
      <c r="AB150" s="3"/>
      <c r="AC150" s="3"/>
      <c r="AD150" s="3"/>
      <c r="AE150" s="3"/>
      <c r="AF150" s="3"/>
    </row>
    <row r="151" spans="3:32" x14ac:dyDescent="0.2">
      <c r="C151" s="3"/>
      <c r="D151" s="3"/>
      <c r="E151" s="3"/>
      <c r="F151" s="3"/>
      <c r="G151" s="3"/>
      <c r="H151" s="3"/>
      <c r="I151" s="3"/>
      <c r="J151" s="3"/>
      <c r="K151" s="3"/>
      <c r="L151" s="3"/>
      <c r="M151" s="3"/>
      <c r="N151" s="3"/>
      <c r="O151" s="3"/>
      <c r="P151" s="3"/>
      <c r="Q151" s="3"/>
      <c r="R151" s="3"/>
      <c r="S151" s="3"/>
      <c r="T151" s="3"/>
      <c r="U151" s="3"/>
      <c r="V151" s="3"/>
      <c r="W151" s="3"/>
      <c r="X151" s="3"/>
      <c r="Y151" s="3"/>
      <c r="Z151" s="3"/>
      <c r="AA151" s="3"/>
      <c r="AB151" s="3"/>
      <c r="AC151" s="3"/>
      <c r="AD151" s="3"/>
      <c r="AE151" s="3"/>
      <c r="AF151" s="3"/>
    </row>
    <row r="152" spans="3:32" x14ac:dyDescent="0.2">
      <c r="C152" s="3"/>
      <c r="D152" s="3"/>
      <c r="E152" s="3"/>
      <c r="F152" s="3"/>
      <c r="G152" s="3"/>
      <c r="H152" s="3"/>
      <c r="I152" s="3"/>
      <c r="J152" s="3"/>
      <c r="K152" s="3"/>
      <c r="L152" s="3"/>
      <c r="M152" s="3"/>
      <c r="N152" s="3"/>
      <c r="O152" s="3"/>
      <c r="P152" s="3"/>
      <c r="Q152" s="3"/>
      <c r="R152" s="3"/>
      <c r="S152" s="3"/>
      <c r="T152" s="3"/>
      <c r="U152" s="3"/>
      <c r="V152" s="3"/>
      <c r="W152" s="3"/>
      <c r="X152" s="3"/>
      <c r="Y152" s="3"/>
      <c r="Z152" s="3"/>
      <c r="AA152" s="3"/>
      <c r="AB152" s="3"/>
      <c r="AC152" s="3"/>
      <c r="AD152" s="3"/>
      <c r="AE152" s="3"/>
      <c r="AF152" s="3"/>
    </row>
    <row r="153" spans="3:32" x14ac:dyDescent="0.2">
      <c r="C153" s="3"/>
      <c r="D153" s="3"/>
      <c r="E153" s="3"/>
      <c r="F153" s="3"/>
      <c r="G153" s="3"/>
      <c r="H153" s="3"/>
      <c r="I153" s="3"/>
      <c r="J153" s="3"/>
      <c r="K153" s="3"/>
      <c r="L153" s="3"/>
      <c r="M153" s="3"/>
      <c r="N153" s="3"/>
      <c r="O153" s="3"/>
      <c r="P153" s="3"/>
      <c r="Q153" s="3"/>
      <c r="R153" s="3"/>
      <c r="S153" s="3"/>
      <c r="T153" s="3"/>
      <c r="U153" s="3"/>
      <c r="V153" s="3"/>
      <c r="W153" s="3"/>
      <c r="X153" s="3"/>
      <c r="Y153" s="3"/>
      <c r="Z153" s="3"/>
      <c r="AA153" s="3"/>
      <c r="AB153" s="3"/>
      <c r="AC153" s="3"/>
      <c r="AD153" s="3"/>
      <c r="AE153" s="3"/>
      <c r="AF153" s="3"/>
    </row>
    <row r="154" spans="3:32" x14ac:dyDescent="0.2">
      <c r="C154" s="3"/>
      <c r="D154" s="3"/>
      <c r="E154" s="3"/>
      <c r="F154" s="3"/>
      <c r="G154" s="3"/>
      <c r="H154" s="3"/>
      <c r="I154" s="3"/>
      <c r="J154" s="3"/>
      <c r="K154" s="3"/>
      <c r="L154" s="3"/>
      <c r="M154" s="3"/>
      <c r="N154" s="3"/>
      <c r="O154" s="3"/>
      <c r="P154" s="3"/>
      <c r="Q154" s="3"/>
      <c r="R154" s="3"/>
      <c r="S154" s="3"/>
      <c r="T154" s="3"/>
      <c r="U154" s="3"/>
      <c r="V154" s="3"/>
      <c r="W154" s="3"/>
      <c r="X154" s="3"/>
      <c r="Y154" s="3"/>
      <c r="Z154" s="3"/>
      <c r="AA154" s="3"/>
      <c r="AB154" s="3"/>
      <c r="AC154" s="3"/>
      <c r="AD154" s="3"/>
      <c r="AE154" s="3"/>
      <c r="AF154" s="3"/>
    </row>
    <row r="155" spans="3:32" x14ac:dyDescent="0.2">
      <c r="C155" s="3"/>
      <c r="D155" s="3"/>
      <c r="E155" s="3"/>
      <c r="F155" s="3"/>
      <c r="G155" s="3"/>
      <c r="H155" s="3"/>
      <c r="I155" s="3"/>
      <c r="J155" s="3"/>
      <c r="K155" s="3"/>
      <c r="L155" s="3"/>
      <c r="M155" s="3"/>
      <c r="N155" s="3"/>
      <c r="O155" s="3"/>
      <c r="P155" s="3"/>
      <c r="Q155" s="3"/>
      <c r="R155" s="3"/>
      <c r="S155" s="3"/>
      <c r="T155" s="3"/>
      <c r="U155" s="3"/>
      <c r="V155" s="3"/>
      <c r="W155" s="3"/>
      <c r="X155" s="3"/>
      <c r="Y155" s="3"/>
      <c r="Z155" s="3"/>
      <c r="AA155" s="3"/>
      <c r="AB155" s="3"/>
      <c r="AC155" s="3"/>
      <c r="AD155" s="3"/>
      <c r="AE155" s="3"/>
      <c r="AF155" s="3"/>
    </row>
    <row r="156" spans="3:32" x14ac:dyDescent="0.2">
      <c r="C156" s="3"/>
      <c r="D156" s="3"/>
      <c r="E156" s="3"/>
      <c r="F156" s="3"/>
      <c r="G156" s="3"/>
      <c r="H156" s="3"/>
      <c r="I156" s="3"/>
      <c r="J156" s="3"/>
      <c r="K156" s="3"/>
      <c r="L156" s="3"/>
      <c r="M156" s="3"/>
      <c r="N156" s="3"/>
      <c r="O156" s="3"/>
      <c r="P156" s="3"/>
      <c r="Q156" s="3"/>
      <c r="R156" s="3"/>
      <c r="S156" s="3"/>
      <c r="T156" s="3"/>
      <c r="U156" s="3"/>
      <c r="V156" s="3"/>
      <c r="W156" s="3"/>
      <c r="X156" s="3"/>
      <c r="Y156" s="3"/>
      <c r="Z156" s="3"/>
      <c r="AA156" s="3"/>
      <c r="AB156" s="3"/>
      <c r="AC156" s="3"/>
      <c r="AD156" s="3"/>
      <c r="AE156" s="3"/>
      <c r="AF156" s="3"/>
    </row>
    <row r="157" spans="3:32" x14ac:dyDescent="0.2">
      <c r="C157" s="3"/>
      <c r="D157" s="3"/>
      <c r="E157" s="3"/>
      <c r="F157" s="3"/>
      <c r="G157" s="3"/>
      <c r="H157" s="3"/>
      <c r="I157" s="3"/>
      <c r="J157" s="3"/>
      <c r="K157" s="3"/>
      <c r="L157" s="3"/>
      <c r="M157" s="3"/>
      <c r="N157" s="3"/>
      <c r="O157" s="3"/>
      <c r="P157" s="3"/>
      <c r="Q157" s="3"/>
      <c r="R157" s="3"/>
      <c r="S157" s="3"/>
      <c r="T157" s="3"/>
      <c r="U157" s="3"/>
      <c r="V157" s="3"/>
      <c r="W157" s="3"/>
      <c r="X157" s="3"/>
      <c r="Y157" s="3"/>
      <c r="Z157" s="3"/>
      <c r="AA157" s="3"/>
      <c r="AB157" s="3"/>
      <c r="AC157" s="3"/>
      <c r="AD157" s="3"/>
      <c r="AE157" s="3"/>
      <c r="AF157" s="3"/>
    </row>
    <row r="158" spans="3:32" x14ac:dyDescent="0.2">
      <c r="C158" s="3"/>
      <c r="D158" s="3"/>
      <c r="E158" s="3"/>
      <c r="F158" s="3"/>
      <c r="G158" s="3"/>
      <c r="H158" s="3"/>
      <c r="I158" s="3"/>
      <c r="J158" s="3"/>
      <c r="K158" s="3"/>
      <c r="L158" s="3"/>
      <c r="M158" s="3"/>
      <c r="N158" s="3"/>
      <c r="O158" s="3"/>
      <c r="P158" s="3"/>
      <c r="Q158" s="3"/>
      <c r="R158" s="3"/>
      <c r="S158" s="3"/>
      <c r="T158" s="3"/>
      <c r="U158" s="3"/>
      <c r="V158" s="3"/>
      <c r="W158" s="3"/>
      <c r="X158" s="3"/>
      <c r="Y158" s="3"/>
      <c r="Z158" s="3"/>
      <c r="AA158" s="3"/>
      <c r="AB158" s="3"/>
      <c r="AC158" s="3"/>
      <c r="AD158" s="3"/>
      <c r="AE158" s="3"/>
      <c r="AF158" s="3"/>
    </row>
    <row r="159" spans="3:32" x14ac:dyDescent="0.2">
      <c r="C159" s="3"/>
      <c r="D159" s="3"/>
      <c r="E159" s="3"/>
      <c r="F159" s="3"/>
      <c r="G159" s="3"/>
      <c r="H159" s="3"/>
      <c r="I159" s="3"/>
      <c r="J159" s="3"/>
      <c r="K159" s="3"/>
      <c r="L159" s="3"/>
      <c r="M159" s="3"/>
      <c r="N159" s="3"/>
      <c r="O159" s="3"/>
      <c r="P159" s="3"/>
      <c r="Q159" s="3"/>
      <c r="R159" s="3"/>
      <c r="S159" s="3"/>
      <c r="T159" s="3"/>
      <c r="U159" s="3"/>
      <c r="V159" s="3"/>
      <c r="W159" s="3"/>
      <c r="X159" s="3"/>
      <c r="Y159" s="3"/>
      <c r="Z159" s="3"/>
      <c r="AA159" s="3"/>
      <c r="AB159" s="3"/>
      <c r="AC159" s="3"/>
      <c r="AD159" s="3"/>
      <c r="AE159" s="3"/>
      <c r="AF159" s="3"/>
    </row>
    <row r="160" spans="3:32" x14ac:dyDescent="0.2">
      <c r="C160" s="3"/>
      <c r="D160" s="3"/>
      <c r="E160" s="3"/>
      <c r="F160" s="3"/>
      <c r="G160" s="3"/>
      <c r="H160" s="3"/>
      <c r="I160" s="3"/>
      <c r="J160" s="3"/>
      <c r="K160" s="3"/>
      <c r="L160" s="3"/>
      <c r="M160" s="3"/>
      <c r="N160" s="3"/>
      <c r="O160" s="3"/>
      <c r="P160" s="3"/>
      <c r="Q160" s="3"/>
      <c r="R160" s="3"/>
      <c r="S160" s="3"/>
      <c r="T160" s="3"/>
      <c r="U160" s="3"/>
      <c r="V160" s="3"/>
      <c r="W160" s="3"/>
      <c r="X160" s="3"/>
      <c r="Y160" s="3"/>
      <c r="Z160" s="3"/>
      <c r="AA160" s="3"/>
      <c r="AB160" s="3"/>
      <c r="AC160" s="3"/>
      <c r="AD160" s="3"/>
      <c r="AE160" s="3"/>
      <c r="AF160" s="3"/>
    </row>
    <row r="161" spans="3:32" x14ac:dyDescent="0.2">
      <c r="C161" s="3"/>
      <c r="D161" s="3"/>
      <c r="E161" s="3"/>
      <c r="F161" s="3"/>
      <c r="G161" s="3"/>
      <c r="H161" s="3"/>
      <c r="I161" s="3"/>
      <c r="J161" s="3"/>
      <c r="K161" s="3"/>
      <c r="L161" s="3"/>
      <c r="M161" s="3"/>
      <c r="N161" s="3"/>
      <c r="O161" s="3"/>
      <c r="P161" s="3"/>
      <c r="Q161" s="3"/>
      <c r="R161" s="3"/>
      <c r="S161" s="3"/>
      <c r="T161" s="3"/>
      <c r="U161" s="3"/>
      <c r="V161" s="3"/>
      <c r="W161" s="3"/>
      <c r="X161" s="3"/>
      <c r="Y161" s="3"/>
      <c r="Z161" s="3"/>
      <c r="AA161" s="3"/>
      <c r="AB161" s="3"/>
      <c r="AC161" s="3"/>
      <c r="AD161" s="3"/>
      <c r="AE161" s="3"/>
      <c r="AF161" s="3"/>
    </row>
    <row r="162" spans="3:32" x14ac:dyDescent="0.2">
      <c r="C162" s="3"/>
      <c r="D162" s="3"/>
      <c r="E162" s="3"/>
      <c r="F162" s="3"/>
      <c r="G162" s="3"/>
      <c r="H162" s="3"/>
      <c r="I162" s="3"/>
      <c r="J162" s="3"/>
      <c r="K162" s="3"/>
      <c r="L162" s="3"/>
      <c r="M162" s="3"/>
      <c r="N162" s="3"/>
      <c r="O162" s="3"/>
      <c r="P162" s="3"/>
      <c r="Q162" s="3"/>
      <c r="R162" s="3"/>
      <c r="S162" s="3"/>
      <c r="T162" s="3"/>
      <c r="U162" s="3"/>
      <c r="V162" s="3"/>
      <c r="W162" s="3"/>
      <c r="X162" s="3"/>
      <c r="Y162" s="3"/>
      <c r="Z162" s="3"/>
      <c r="AA162" s="3"/>
      <c r="AB162" s="3"/>
      <c r="AC162" s="3"/>
      <c r="AD162" s="3"/>
      <c r="AE162" s="3"/>
      <c r="AF162" s="3"/>
    </row>
    <row r="163" spans="3:32" x14ac:dyDescent="0.2">
      <c r="C163" s="3"/>
      <c r="D163" s="3"/>
      <c r="E163" s="3"/>
      <c r="F163" s="3"/>
      <c r="G163" s="3"/>
      <c r="H163" s="3"/>
      <c r="I163" s="3"/>
      <c r="J163" s="3"/>
      <c r="K163" s="3"/>
      <c r="L163" s="3"/>
      <c r="M163" s="3"/>
      <c r="N163" s="3"/>
      <c r="O163" s="3"/>
      <c r="P163" s="3"/>
      <c r="Q163" s="3"/>
      <c r="R163" s="3"/>
      <c r="S163" s="3"/>
      <c r="T163" s="3"/>
      <c r="U163" s="3"/>
      <c r="V163" s="3"/>
      <c r="W163" s="3"/>
      <c r="X163" s="3"/>
      <c r="Y163" s="3"/>
      <c r="Z163" s="3"/>
      <c r="AA163" s="3"/>
      <c r="AB163" s="3"/>
      <c r="AC163" s="3"/>
      <c r="AD163" s="3"/>
      <c r="AE163" s="3"/>
      <c r="AF163" s="3"/>
    </row>
    <row r="164" spans="3:32" x14ac:dyDescent="0.2">
      <c r="C164" s="3"/>
      <c r="D164" s="3"/>
      <c r="E164" s="3"/>
      <c r="F164" s="3"/>
      <c r="G164" s="3"/>
      <c r="H164" s="3"/>
      <c r="I164" s="3"/>
      <c r="J164" s="3"/>
      <c r="K164" s="3"/>
      <c r="L164" s="3"/>
      <c r="M164" s="3"/>
      <c r="N164" s="3"/>
      <c r="O164" s="3"/>
      <c r="P164" s="3"/>
      <c r="Q164" s="3"/>
      <c r="R164" s="3"/>
      <c r="S164" s="3"/>
      <c r="T164" s="3"/>
      <c r="U164" s="3"/>
      <c r="V164" s="3"/>
      <c r="W164" s="3"/>
      <c r="X164" s="3"/>
      <c r="Y164" s="3"/>
      <c r="Z164" s="3"/>
      <c r="AA164" s="3"/>
      <c r="AB164" s="3"/>
      <c r="AC164" s="3"/>
      <c r="AD164" s="3"/>
      <c r="AE164" s="3"/>
      <c r="AF164" s="3"/>
    </row>
    <row r="165" spans="3:32" x14ac:dyDescent="0.2">
      <c r="C165" s="3"/>
      <c r="D165" s="3"/>
      <c r="E165" s="3"/>
      <c r="F165" s="3"/>
      <c r="G165" s="3"/>
      <c r="H165" s="3"/>
      <c r="I165" s="3"/>
      <c r="J165" s="3"/>
      <c r="K165" s="3"/>
      <c r="L165" s="3"/>
      <c r="M165" s="3"/>
      <c r="N165" s="3"/>
      <c r="O165" s="3"/>
      <c r="P165" s="3"/>
      <c r="Q165" s="3"/>
      <c r="R165" s="3"/>
      <c r="S165" s="3"/>
      <c r="T165" s="3"/>
      <c r="U165" s="3"/>
      <c r="V165" s="3"/>
      <c r="W165" s="3"/>
      <c r="X165" s="3"/>
      <c r="Y165" s="3"/>
      <c r="Z165" s="3"/>
      <c r="AA165" s="3"/>
      <c r="AB165" s="3"/>
      <c r="AC165" s="3"/>
      <c r="AD165" s="3"/>
      <c r="AE165" s="3"/>
      <c r="AF165" s="3"/>
    </row>
    <row r="166" spans="3:32" x14ac:dyDescent="0.2">
      <c r="C166" s="3"/>
      <c r="D166" s="3"/>
      <c r="E166" s="3"/>
      <c r="F166" s="3"/>
      <c r="G166" s="3"/>
      <c r="H166" s="3"/>
      <c r="I166" s="3"/>
      <c r="J166" s="3"/>
      <c r="K166" s="3"/>
      <c r="L166" s="3"/>
      <c r="M166" s="3"/>
      <c r="N166" s="3"/>
      <c r="O166" s="3"/>
      <c r="P166" s="3"/>
      <c r="Q166" s="3"/>
      <c r="R166" s="3"/>
      <c r="S166" s="3"/>
      <c r="T166" s="3"/>
      <c r="U166" s="3"/>
      <c r="V166" s="3"/>
      <c r="W166" s="3"/>
      <c r="X166" s="3"/>
      <c r="Y166" s="3"/>
      <c r="Z166" s="3"/>
      <c r="AA166" s="3"/>
      <c r="AB166" s="3"/>
      <c r="AC166" s="3"/>
      <c r="AD166" s="3"/>
      <c r="AE166" s="3"/>
      <c r="AF166" s="3"/>
    </row>
    <row r="167" spans="3:32" x14ac:dyDescent="0.2">
      <c r="C167" s="3"/>
      <c r="D167" s="3"/>
      <c r="E167" s="3"/>
      <c r="F167" s="3"/>
      <c r="G167" s="3"/>
      <c r="H167" s="3"/>
      <c r="I167" s="3"/>
      <c r="J167" s="3"/>
      <c r="K167" s="3"/>
      <c r="L167" s="3"/>
      <c r="M167" s="3"/>
      <c r="N167" s="3"/>
      <c r="O167" s="3"/>
      <c r="P167" s="3"/>
      <c r="Q167" s="3"/>
      <c r="R167" s="3"/>
      <c r="S167" s="3"/>
      <c r="T167" s="3"/>
      <c r="U167" s="3"/>
      <c r="V167" s="3"/>
      <c r="W167" s="3"/>
      <c r="X167" s="3"/>
      <c r="Y167" s="3"/>
      <c r="Z167" s="3"/>
      <c r="AA167" s="3"/>
      <c r="AB167" s="3"/>
      <c r="AC167" s="3"/>
      <c r="AD167" s="3"/>
      <c r="AE167" s="3"/>
      <c r="AF167" s="3"/>
    </row>
    <row r="168" spans="3:32" x14ac:dyDescent="0.2">
      <c r="C168" s="3"/>
      <c r="D168" s="3"/>
      <c r="E168" s="3"/>
      <c r="F168" s="3"/>
      <c r="G168" s="3"/>
      <c r="H168" s="3"/>
      <c r="I168" s="3"/>
      <c r="J168" s="3"/>
      <c r="K168" s="3"/>
      <c r="L168" s="3"/>
      <c r="M168" s="3"/>
      <c r="N168" s="3"/>
      <c r="O168" s="3"/>
      <c r="P168" s="3"/>
      <c r="Q168" s="3"/>
      <c r="R168" s="3"/>
      <c r="S168" s="3"/>
      <c r="T168" s="3"/>
      <c r="U168" s="3"/>
      <c r="V168" s="3"/>
      <c r="W168" s="3"/>
      <c r="X168" s="3"/>
      <c r="Y168" s="3"/>
      <c r="Z168" s="3"/>
      <c r="AA168" s="3"/>
      <c r="AB168" s="3"/>
      <c r="AC168" s="3"/>
      <c r="AD168" s="3"/>
      <c r="AE168" s="3"/>
      <c r="AF168" s="3"/>
    </row>
    <row r="169" spans="3:32" x14ac:dyDescent="0.2">
      <c r="C169" s="3"/>
      <c r="D169" s="3"/>
      <c r="E169" s="3"/>
      <c r="F169" s="3"/>
      <c r="G169" s="3"/>
      <c r="H169" s="3"/>
      <c r="I169" s="3"/>
      <c r="J169" s="3"/>
      <c r="K169" s="3"/>
      <c r="L169" s="3"/>
      <c r="M169" s="3"/>
      <c r="N169" s="3"/>
      <c r="O169" s="3"/>
      <c r="P169" s="3"/>
      <c r="Q169" s="3"/>
      <c r="R169" s="3"/>
      <c r="S169" s="3"/>
      <c r="T169" s="3"/>
      <c r="U169" s="3"/>
      <c r="V169" s="3"/>
      <c r="W169" s="3"/>
      <c r="X169" s="3"/>
      <c r="Y169" s="3"/>
      <c r="Z169" s="3"/>
      <c r="AA169" s="3"/>
      <c r="AB169" s="3"/>
      <c r="AC169" s="3"/>
      <c r="AD169" s="3"/>
      <c r="AE169" s="3"/>
      <c r="AF169" s="3"/>
    </row>
    <row r="170" spans="3:32" x14ac:dyDescent="0.2">
      <c r="C170" s="3"/>
      <c r="D170" s="3"/>
      <c r="E170" s="3"/>
      <c r="F170" s="3"/>
      <c r="G170" s="3"/>
      <c r="H170" s="3"/>
      <c r="I170" s="3"/>
      <c r="J170" s="3"/>
      <c r="K170" s="3"/>
      <c r="L170" s="3"/>
      <c r="M170" s="3"/>
      <c r="N170" s="3"/>
      <c r="O170" s="3"/>
      <c r="P170" s="3"/>
      <c r="Q170" s="3"/>
      <c r="R170" s="3"/>
      <c r="S170" s="3"/>
      <c r="T170" s="3"/>
      <c r="U170" s="3"/>
      <c r="V170" s="3"/>
      <c r="W170" s="3"/>
      <c r="X170" s="3"/>
      <c r="Y170" s="3"/>
      <c r="Z170" s="3"/>
      <c r="AA170" s="3"/>
      <c r="AB170" s="3"/>
      <c r="AC170" s="3"/>
      <c r="AD170" s="3"/>
      <c r="AE170" s="3"/>
      <c r="AF170" s="3"/>
    </row>
    <row r="171" spans="3:32" x14ac:dyDescent="0.2">
      <c r="C171" s="3"/>
      <c r="D171" s="3"/>
      <c r="E171" s="3"/>
      <c r="F171" s="3"/>
      <c r="G171" s="3"/>
      <c r="H171" s="3"/>
      <c r="I171" s="3"/>
      <c r="J171" s="3"/>
      <c r="K171" s="3"/>
      <c r="L171" s="3"/>
      <c r="M171" s="3"/>
      <c r="N171" s="3"/>
      <c r="O171" s="3"/>
      <c r="P171" s="3"/>
      <c r="Q171" s="3"/>
      <c r="R171" s="3"/>
      <c r="S171" s="3"/>
      <c r="T171" s="3"/>
      <c r="U171" s="3"/>
      <c r="V171" s="3"/>
      <c r="W171" s="3"/>
      <c r="X171" s="3"/>
      <c r="Y171" s="3"/>
      <c r="Z171" s="3"/>
      <c r="AA171" s="3"/>
      <c r="AB171" s="3"/>
      <c r="AC171" s="3"/>
      <c r="AD171" s="3"/>
      <c r="AE171" s="3"/>
      <c r="AF171" s="3"/>
    </row>
    <row r="172" spans="3:32" x14ac:dyDescent="0.2">
      <c r="C172" s="3"/>
      <c r="D172" s="3"/>
      <c r="E172" s="3"/>
      <c r="F172" s="3"/>
      <c r="G172" s="3"/>
      <c r="H172" s="3"/>
      <c r="I172" s="3"/>
      <c r="J172" s="3"/>
      <c r="K172" s="3"/>
      <c r="L172" s="3"/>
      <c r="M172" s="3"/>
      <c r="N172" s="3"/>
      <c r="O172" s="3"/>
      <c r="P172" s="3"/>
      <c r="Q172" s="3"/>
      <c r="R172" s="3"/>
      <c r="S172" s="3"/>
      <c r="T172" s="3"/>
      <c r="U172" s="3"/>
      <c r="V172" s="3"/>
      <c r="W172" s="3"/>
      <c r="X172" s="3"/>
      <c r="Y172" s="3"/>
      <c r="Z172" s="3"/>
      <c r="AA172" s="3"/>
      <c r="AB172" s="3"/>
      <c r="AC172" s="3"/>
      <c r="AD172" s="3"/>
      <c r="AE172" s="3"/>
      <c r="AF172" s="3"/>
    </row>
    <row r="173" spans="3:32" x14ac:dyDescent="0.2">
      <c r="C173" s="3"/>
      <c r="D173" s="3"/>
      <c r="E173" s="3"/>
      <c r="F173" s="3"/>
      <c r="G173" s="3"/>
      <c r="H173" s="3"/>
      <c r="I173" s="3"/>
      <c r="J173" s="3"/>
      <c r="K173" s="3"/>
      <c r="L173" s="3"/>
      <c r="M173" s="3"/>
      <c r="N173" s="3"/>
      <c r="O173" s="3"/>
      <c r="P173" s="3"/>
      <c r="Q173" s="3"/>
      <c r="R173" s="3"/>
      <c r="S173" s="3"/>
      <c r="T173" s="3"/>
      <c r="U173" s="3"/>
      <c r="V173" s="3"/>
      <c r="W173" s="3"/>
      <c r="X173" s="3"/>
      <c r="Y173" s="3"/>
      <c r="Z173" s="3"/>
      <c r="AA173" s="3"/>
      <c r="AB173" s="3"/>
      <c r="AC173" s="3"/>
      <c r="AD173" s="3"/>
      <c r="AE173" s="3"/>
      <c r="AF173" s="3"/>
    </row>
    <row r="174" spans="3:32" x14ac:dyDescent="0.2">
      <c r="C174" s="3"/>
      <c r="D174" s="3"/>
      <c r="E174" s="3"/>
      <c r="F174" s="3"/>
      <c r="G174" s="3"/>
      <c r="H174" s="3"/>
      <c r="I174" s="3"/>
      <c r="J174" s="3"/>
      <c r="K174" s="3"/>
      <c r="L174" s="3"/>
      <c r="M174" s="3"/>
      <c r="N174" s="3"/>
      <c r="O174" s="3"/>
      <c r="P174" s="3"/>
      <c r="Q174" s="3"/>
      <c r="R174" s="3"/>
      <c r="S174" s="3"/>
      <c r="T174" s="3"/>
      <c r="U174" s="3"/>
      <c r="V174" s="3"/>
      <c r="W174" s="3"/>
      <c r="X174" s="3"/>
      <c r="Y174" s="3"/>
      <c r="Z174" s="3"/>
      <c r="AA174" s="3"/>
      <c r="AB174" s="3"/>
      <c r="AC174" s="3"/>
      <c r="AD174" s="3"/>
      <c r="AE174" s="3"/>
      <c r="AF174" s="3"/>
    </row>
    <row r="175" spans="3:32" x14ac:dyDescent="0.2">
      <c r="C175" s="3"/>
      <c r="D175" s="3"/>
      <c r="E175" s="3"/>
      <c r="F175" s="3"/>
      <c r="G175" s="3"/>
      <c r="H175" s="3"/>
      <c r="I175" s="3"/>
      <c r="J175" s="3"/>
      <c r="K175" s="3"/>
      <c r="L175" s="3"/>
      <c r="M175" s="3"/>
      <c r="N175" s="3"/>
      <c r="O175" s="3"/>
      <c r="P175" s="3"/>
      <c r="Q175" s="3"/>
      <c r="R175" s="3"/>
      <c r="S175" s="3"/>
      <c r="T175" s="3"/>
      <c r="U175" s="3"/>
      <c r="V175" s="3"/>
      <c r="W175" s="3"/>
      <c r="X175" s="3"/>
      <c r="Y175" s="3"/>
      <c r="Z175" s="3"/>
      <c r="AA175" s="3"/>
      <c r="AB175" s="3"/>
      <c r="AC175" s="3"/>
      <c r="AD175" s="3"/>
      <c r="AE175" s="3"/>
      <c r="AF175" s="3"/>
    </row>
    <row r="176" spans="3:32" x14ac:dyDescent="0.2">
      <c r="C176" s="3"/>
      <c r="D176" s="3"/>
      <c r="E176" s="3"/>
      <c r="F176" s="3"/>
      <c r="G176" s="3"/>
      <c r="H176" s="3"/>
      <c r="I176" s="3"/>
      <c r="J176" s="3"/>
      <c r="K176" s="3"/>
      <c r="L176" s="3"/>
      <c r="M176" s="3"/>
      <c r="N176" s="3"/>
      <c r="O176" s="3"/>
      <c r="P176" s="3"/>
      <c r="Q176" s="3"/>
      <c r="R176" s="3"/>
      <c r="S176" s="3"/>
      <c r="T176" s="3"/>
      <c r="U176" s="3"/>
      <c r="V176" s="3"/>
      <c r="W176" s="3"/>
      <c r="X176" s="3"/>
      <c r="Y176" s="3"/>
      <c r="Z176" s="3"/>
      <c r="AA176" s="3"/>
      <c r="AB176" s="3"/>
      <c r="AC176" s="3"/>
      <c r="AD176" s="3"/>
      <c r="AE176" s="3"/>
      <c r="AF176" s="3"/>
    </row>
    <row r="177" spans="3:32" x14ac:dyDescent="0.2">
      <c r="C177" s="3"/>
      <c r="D177" s="3"/>
      <c r="E177" s="3"/>
      <c r="F177" s="3"/>
      <c r="G177" s="3"/>
      <c r="H177" s="3"/>
      <c r="I177" s="3"/>
      <c r="J177" s="3"/>
      <c r="K177" s="3"/>
      <c r="L177" s="3"/>
      <c r="M177" s="3"/>
      <c r="N177" s="3"/>
      <c r="O177" s="3"/>
      <c r="P177" s="3"/>
      <c r="Q177" s="3"/>
      <c r="R177" s="3"/>
      <c r="S177" s="3"/>
      <c r="T177" s="3"/>
      <c r="U177" s="3"/>
      <c r="V177" s="3"/>
      <c r="W177" s="3"/>
      <c r="X177" s="3"/>
      <c r="Y177" s="3"/>
      <c r="Z177" s="3"/>
      <c r="AA177" s="3"/>
      <c r="AB177" s="3"/>
      <c r="AC177" s="3"/>
      <c r="AD177" s="3"/>
      <c r="AE177" s="3"/>
      <c r="AF177" s="3"/>
    </row>
    <row r="178" spans="3:32" x14ac:dyDescent="0.2">
      <c r="C178" s="3"/>
      <c r="D178" s="3"/>
      <c r="E178" s="3"/>
      <c r="F178" s="3"/>
      <c r="G178" s="3"/>
      <c r="H178" s="3"/>
      <c r="I178" s="3"/>
      <c r="J178" s="3"/>
      <c r="K178" s="3"/>
      <c r="L178" s="3"/>
      <c r="M178" s="3"/>
      <c r="N178" s="3"/>
      <c r="O178" s="3"/>
      <c r="P178" s="3"/>
      <c r="Q178" s="3"/>
      <c r="R178" s="3"/>
      <c r="S178" s="3"/>
      <c r="T178" s="3"/>
      <c r="U178" s="3"/>
      <c r="V178" s="3"/>
      <c r="W178" s="3"/>
      <c r="X178" s="3"/>
      <c r="Y178" s="3"/>
      <c r="Z178" s="3"/>
      <c r="AA178" s="3"/>
      <c r="AB178" s="3"/>
      <c r="AC178" s="3"/>
      <c r="AD178" s="3"/>
      <c r="AE178" s="3"/>
      <c r="AF178" s="3"/>
    </row>
    <row r="179" spans="3:32" x14ac:dyDescent="0.2">
      <c r="C179" s="3"/>
      <c r="D179" s="3"/>
      <c r="E179" s="3"/>
      <c r="F179" s="3"/>
      <c r="G179" s="3"/>
      <c r="H179" s="3"/>
      <c r="I179" s="3"/>
      <c r="J179" s="3"/>
      <c r="K179" s="3"/>
      <c r="L179" s="3"/>
      <c r="M179" s="3"/>
      <c r="N179" s="3"/>
      <c r="O179" s="3"/>
      <c r="P179" s="3"/>
      <c r="Q179" s="3"/>
      <c r="R179" s="3"/>
      <c r="S179" s="3"/>
      <c r="T179" s="3"/>
      <c r="U179" s="3"/>
      <c r="V179" s="3"/>
      <c r="W179" s="3"/>
      <c r="X179" s="3"/>
      <c r="Y179" s="3"/>
      <c r="Z179" s="3"/>
      <c r="AA179" s="3"/>
      <c r="AB179" s="3"/>
      <c r="AC179" s="3"/>
      <c r="AD179" s="3"/>
      <c r="AE179" s="3"/>
      <c r="AF179" s="3"/>
    </row>
    <row r="180" spans="3:32" x14ac:dyDescent="0.2">
      <c r="C180" s="3"/>
      <c r="D180" s="3"/>
      <c r="E180" s="3"/>
      <c r="F180" s="3"/>
      <c r="G180" s="3"/>
      <c r="H180" s="3"/>
      <c r="I180" s="3"/>
      <c r="J180" s="3"/>
      <c r="K180" s="3"/>
      <c r="L180" s="3"/>
      <c r="M180" s="3"/>
      <c r="N180" s="3"/>
      <c r="O180" s="3"/>
      <c r="P180" s="3"/>
      <c r="Q180" s="3"/>
      <c r="R180" s="3"/>
      <c r="S180" s="3"/>
      <c r="T180" s="3"/>
      <c r="U180" s="3"/>
      <c r="V180" s="3"/>
      <c r="W180" s="3"/>
      <c r="X180" s="3"/>
      <c r="Y180" s="3"/>
      <c r="Z180" s="3"/>
      <c r="AA180" s="3"/>
      <c r="AB180" s="3"/>
      <c r="AC180" s="3"/>
      <c r="AD180" s="3"/>
      <c r="AE180" s="3"/>
      <c r="AF180" s="3"/>
    </row>
    <row r="181" spans="3:32" x14ac:dyDescent="0.2">
      <c r="C181" s="3"/>
      <c r="D181" s="3"/>
      <c r="E181" s="3"/>
      <c r="F181" s="3"/>
      <c r="G181" s="3"/>
      <c r="H181" s="3"/>
      <c r="I181" s="3"/>
      <c r="J181" s="3"/>
      <c r="K181" s="3"/>
      <c r="L181" s="3"/>
      <c r="M181" s="3"/>
      <c r="N181" s="3"/>
      <c r="O181" s="3"/>
      <c r="P181" s="3"/>
      <c r="Q181" s="3"/>
      <c r="R181" s="3"/>
      <c r="S181" s="3"/>
      <c r="T181" s="3"/>
      <c r="U181" s="3"/>
      <c r="V181" s="3"/>
      <c r="W181" s="3"/>
      <c r="X181" s="3"/>
      <c r="Y181" s="3"/>
      <c r="Z181" s="3"/>
      <c r="AA181" s="3"/>
      <c r="AB181" s="3"/>
      <c r="AC181" s="3"/>
      <c r="AD181" s="3"/>
      <c r="AE181" s="3"/>
      <c r="AF181" s="3"/>
    </row>
    <row r="182" spans="3:32" x14ac:dyDescent="0.2">
      <c r="C182" s="3"/>
      <c r="D182" s="3"/>
      <c r="E182" s="3"/>
      <c r="F182" s="3"/>
      <c r="G182" s="3"/>
      <c r="H182" s="3"/>
      <c r="I182" s="3"/>
      <c r="J182" s="3"/>
      <c r="K182" s="3"/>
      <c r="L182" s="3"/>
      <c r="M182" s="3"/>
      <c r="N182" s="3"/>
      <c r="O182" s="3"/>
      <c r="P182" s="3"/>
      <c r="Q182" s="3"/>
      <c r="R182" s="3"/>
      <c r="S182" s="3"/>
      <c r="T182" s="3"/>
      <c r="U182" s="3"/>
      <c r="V182" s="3"/>
      <c r="W182" s="3"/>
      <c r="X182" s="3"/>
      <c r="Y182" s="3"/>
      <c r="Z182" s="3"/>
      <c r="AA182" s="3"/>
      <c r="AB182" s="3"/>
      <c r="AC182" s="3"/>
      <c r="AD182" s="3"/>
      <c r="AE182" s="3"/>
      <c r="AF182" s="3"/>
    </row>
    <row r="183" spans="3:32" x14ac:dyDescent="0.2">
      <c r="C183" s="3"/>
      <c r="D183" s="3"/>
      <c r="E183" s="3"/>
      <c r="F183" s="3"/>
      <c r="G183" s="3"/>
      <c r="H183" s="3"/>
      <c r="I183" s="3"/>
      <c r="J183" s="3"/>
      <c r="K183" s="3"/>
      <c r="L183" s="3"/>
      <c r="M183" s="3"/>
      <c r="N183" s="3"/>
      <c r="O183" s="3"/>
      <c r="P183" s="3"/>
      <c r="Q183" s="3"/>
      <c r="R183" s="3"/>
      <c r="S183" s="3"/>
      <c r="T183" s="3"/>
      <c r="U183" s="3"/>
      <c r="V183" s="3"/>
      <c r="W183" s="3"/>
      <c r="X183" s="3"/>
      <c r="Y183" s="3"/>
      <c r="Z183" s="3"/>
      <c r="AA183" s="3"/>
      <c r="AB183" s="3"/>
      <c r="AC183" s="3"/>
      <c r="AD183" s="3"/>
      <c r="AE183" s="3"/>
      <c r="AF183" s="3"/>
    </row>
    <row r="184" spans="3:32" x14ac:dyDescent="0.2">
      <c r="C184" s="3"/>
      <c r="D184" s="3"/>
      <c r="E184" s="3"/>
      <c r="F184" s="3"/>
      <c r="G184" s="3"/>
      <c r="H184" s="3"/>
      <c r="I184" s="3"/>
      <c r="J184" s="3"/>
      <c r="K184" s="3"/>
      <c r="L184" s="3"/>
      <c r="M184" s="3"/>
      <c r="N184" s="3"/>
      <c r="O184" s="3"/>
      <c r="P184" s="3"/>
      <c r="Q184" s="3"/>
      <c r="R184" s="3"/>
      <c r="S184" s="3"/>
      <c r="T184" s="3"/>
      <c r="U184" s="3"/>
      <c r="V184" s="3"/>
      <c r="W184" s="3"/>
      <c r="X184" s="3"/>
      <c r="Y184" s="3"/>
      <c r="Z184" s="3"/>
      <c r="AA184" s="3"/>
      <c r="AB184" s="3"/>
      <c r="AC184" s="3"/>
      <c r="AD184" s="3"/>
      <c r="AE184" s="3"/>
      <c r="AF184" s="3"/>
    </row>
    <row r="185" spans="3:32" x14ac:dyDescent="0.2">
      <c r="C185" s="3"/>
      <c r="D185" s="3"/>
      <c r="E185" s="3"/>
      <c r="F185" s="3"/>
      <c r="G185" s="3"/>
      <c r="H185" s="3"/>
      <c r="I185" s="3"/>
      <c r="J185" s="3"/>
      <c r="K185" s="3"/>
      <c r="L185" s="3"/>
      <c r="M185" s="3"/>
      <c r="N185" s="3"/>
      <c r="O185" s="3"/>
      <c r="P185" s="3"/>
      <c r="Q185" s="3"/>
      <c r="R185" s="3"/>
      <c r="S185" s="3"/>
      <c r="T185" s="3"/>
      <c r="U185" s="3"/>
      <c r="V185" s="3"/>
      <c r="W185" s="3"/>
      <c r="X185" s="3"/>
      <c r="Y185" s="3"/>
      <c r="Z185" s="3"/>
      <c r="AA185" s="3"/>
      <c r="AB185" s="3"/>
      <c r="AC185" s="3"/>
      <c r="AD185" s="3"/>
      <c r="AE185" s="3"/>
      <c r="AF185" s="3"/>
    </row>
    <row r="186" spans="3:32" x14ac:dyDescent="0.2">
      <c r="C186" s="3"/>
      <c r="D186" s="3"/>
      <c r="E186" s="3"/>
      <c r="F186" s="3"/>
      <c r="G186" s="3"/>
      <c r="H186" s="3"/>
      <c r="I186" s="3"/>
      <c r="J186" s="3"/>
      <c r="K186" s="3"/>
      <c r="L186" s="3"/>
      <c r="M186" s="3"/>
      <c r="N186" s="3"/>
      <c r="O186" s="3"/>
      <c r="P186" s="3"/>
      <c r="Q186" s="3"/>
      <c r="R186" s="3"/>
      <c r="S186" s="3"/>
      <c r="T186" s="3"/>
      <c r="U186" s="3"/>
      <c r="V186" s="3"/>
      <c r="W186" s="3"/>
      <c r="X186" s="3"/>
      <c r="Y186" s="3"/>
      <c r="Z186" s="3"/>
      <c r="AA186" s="3"/>
      <c r="AB186" s="3"/>
      <c r="AC186" s="3"/>
      <c r="AD186" s="3"/>
      <c r="AE186" s="3"/>
      <c r="AF186" s="3"/>
    </row>
    <row r="187" spans="3:32" x14ac:dyDescent="0.2">
      <c r="C187" s="3"/>
      <c r="D187" s="3"/>
      <c r="E187" s="3"/>
      <c r="F187" s="3"/>
      <c r="G187" s="3"/>
      <c r="H187" s="3"/>
      <c r="I187" s="3"/>
      <c r="J187" s="3"/>
      <c r="K187" s="3"/>
      <c r="L187" s="3"/>
      <c r="M187" s="3"/>
      <c r="N187" s="3"/>
      <c r="O187" s="3"/>
      <c r="P187" s="3"/>
      <c r="Q187" s="3"/>
      <c r="R187" s="3"/>
      <c r="S187" s="3"/>
      <c r="T187" s="3"/>
      <c r="U187" s="3"/>
      <c r="V187" s="3"/>
      <c r="W187" s="3"/>
      <c r="X187" s="3"/>
      <c r="Y187" s="3"/>
      <c r="Z187" s="3"/>
      <c r="AA187" s="3"/>
      <c r="AB187" s="3"/>
      <c r="AC187" s="3"/>
      <c r="AD187" s="3"/>
      <c r="AE187" s="3"/>
      <c r="AF187" s="3"/>
    </row>
    <row r="188" spans="3:32" x14ac:dyDescent="0.2">
      <c r="C188" s="3"/>
      <c r="D188" s="3"/>
      <c r="E188" s="3"/>
      <c r="F188" s="3"/>
      <c r="G188" s="3"/>
      <c r="H188" s="3"/>
      <c r="I188" s="3"/>
      <c r="J188" s="3"/>
      <c r="K188" s="3"/>
      <c r="L188" s="3"/>
      <c r="M188" s="3"/>
      <c r="N188" s="3"/>
      <c r="O188" s="3"/>
      <c r="P188" s="3"/>
      <c r="Q188" s="3"/>
      <c r="R188" s="3"/>
      <c r="S188" s="3"/>
      <c r="T188" s="3"/>
      <c r="U188" s="3"/>
      <c r="V188" s="3"/>
      <c r="W188" s="3"/>
      <c r="X188" s="3"/>
      <c r="Y188" s="3"/>
      <c r="Z188" s="3"/>
      <c r="AA188" s="3"/>
      <c r="AB188" s="3"/>
      <c r="AC188" s="3"/>
      <c r="AD188" s="3"/>
      <c r="AE188" s="3"/>
      <c r="AF188" s="3"/>
    </row>
    <row r="189" spans="3:32" x14ac:dyDescent="0.2">
      <c r="C189" s="3"/>
      <c r="D189" s="3"/>
      <c r="E189" s="3"/>
      <c r="F189" s="3"/>
      <c r="G189" s="3"/>
      <c r="H189" s="3"/>
      <c r="I189" s="3"/>
      <c r="J189" s="3"/>
      <c r="K189" s="3"/>
      <c r="L189" s="3"/>
      <c r="M189" s="3"/>
      <c r="N189" s="3"/>
      <c r="O189" s="3"/>
      <c r="P189" s="3"/>
      <c r="Q189" s="3"/>
      <c r="R189" s="3"/>
      <c r="S189" s="3"/>
      <c r="T189" s="3"/>
      <c r="U189" s="3"/>
      <c r="V189" s="3"/>
      <c r="W189" s="3"/>
      <c r="X189" s="3"/>
      <c r="Y189" s="3"/>
      <c r="Z189" s="3"/>
      <c r="AA189" s="3"/>
      <c r="AB189" s="3"/>
      <c r="AC189" s="3"/>
      <c r="AD189" s="3"/>
      <c r="AE189" s="3"/>
      <c r="AF189" s="3"/>
    </row>
    <row r="190" spans="3:32" x14ac:dyDescent="0.2">
      <c r="C190" s="3"/>
      <c r="D190" s="3"/>
      <c r="E190" s="3"/>
      <c r="F190" s="3"/>
      <c r="G190" s="3"/>
      <c r="H190" s="3"/>
      <c r="I190" s="3"/>
      <c r="J190" s="3"/>
      <c r="K190" s="3"/>
      <c r="L190" s="3"/>
      <c r="M190" s="3"/>
      <c r="N190" s="3"/>
      <c r="O190" s="3"/>
      <c r="P190" s="3"/>
      <c r="Q190" s="3"/>
      <c r="R190" s="3"/>
      <c r="S190" s="3"/>
      <c r="T190" s="3"/>
      <c r="U190" s="3"/>
      <c r="V190" s="3"/>
      <c r="W190" s="3"/>
      <c r="X190" s="3"/>
      <c r="Y190" s="3"/>
      <c r="Z190" s="3"/>
      <c r="AA190" s="3"/>
      <c r="AB190" s="3"/>
      <c r="AC190" s="3"/>
      <c r="AD190" s="3"/>
      <c r="AE190" s="3"/>
      <c r="AF190" s="3"/>
    </row>
    <row r="191" spans="3:32" x14ac:dyDescent="0.2">
      <c r="C191" s="3"/>
      <c r="D191" s="3"/>
      <c r="E191" s="3"/>
      <c r="F191" s="3"/>
      <c r="G191" s="3"/>
      <c r="H191" s="3"/>
      <c r="I191" s="3"/>
      <c r="J191" s="3"/>
      <c r="K191" s="3"/>
      <c r="L191" s="3"/>
      <c r="M191" s="3"/>
      <c r="N191" s="3"/>
      <c r="O191" s="3"/>
      <c r="P191" s="3"/>
      <c r="Q191" s="3"/>
      <c r="R191" s="3"/>
      <c r="S191" s="3"/>
      <c r="T191" s="3"/>
      <c r="U191" s="3"/>
      <c r="V191" s="3"/>
      <c r="W191" s="3"/>
      <c r="X191" s="3"/>
      <c r="Y191" s="3"/>
      <c r="Z191" s="3"/>
      <c r="AA191" s="3"/>
      <c r="AB191" s="3"/>
      <c r="AC191" s="3"/>
      <c r="AD191" s="3"/>
      <c r="AE191" s="3"/>
      <c r="AF191" s="3"/>
    </row>
    <row r="192" spans="3:32" x14ac:dyDescent="0.2">
      <c r="C192" s="3"/>
      <c r="D192" s="3"/>
      <c r="E192" s="3"/>
      <c r="F192" s="3"/>
      <c r="G192" s="3"/>
      <c r="H192" s="3"/>
      <c r="I192" s="3"/>
      <c r="J192" s="3"/>
      <c r="K192" s="3"/>
      <c r="L192" s="3"/>
      <c r="M192" s="3"/>
      <c r="N192" s="3"/>
      <c r="O192" s="3"/>
      <c r="P192" s="3"/>
      <c r="Q192" s="3"/>
      <c r="R192" s="3"/>
      <c r="S192" s="3"/>
      <c r="T192" s="3"/>
      <c r="U192" s="3"/>
      <c r="V192" s="3"/>
      <c r="W192" s="3"/>
      <c r="X192" s="3"/>
      <c r="Y192" s="3"/>
      <c r="Z192" s="3"/>
      <c r="AA192" s="3"/>
      <c r="AB192" s="3"/>
      <c r="AC192" s="3"/>
      <c r="AD192" s="3"/>
      <c r="AE192" s="3"/>
      <c r="AF192" s="3"/>
    </row>
    <row r="193" spans="3:32" x14ac:dyDescent="0.2">
      <c r="C193" s="3"/>
      <c r="D193" s="3"/>
      <c r="E193" s="3"/>
      <c r="F193" s="3"/>
      <c r="G193" s="3"/>
      <c r="H193" s="3"/>
      <c r="I193" s="3"/>
      <c r="J193" s="3"/>
      <c r="K193" s="3"/>
      <c r="L193" s="3"/>
      <c r="M193" s="3"/>
      <c r="N193" s="3"/>
      <c r="O193" s="3"/>
      <c r="P193" s="3"/>
      <c r="Q193" s="3"/>
      <c r="R193" s="3"/>
      <c r="S193" s="3"/>
      <c r="T193" s="3"/>
      <c r="U193" s="3"/>
      <c r="V193" s="3"/>
      <c r="W193" s="3"/>
      <c r="X193" s="3"/>
      <c r="Y193" s="3"/>
      <c r="Z193" s="3"/>
      <c r="AA193" s="3"/>
      <c r="AB193" s="3"/>
      <c r="AC193" s="3"/>
      <c r="AD193" s="3"/>
      <c r="AE193" s="3"/>
      <c r="AF193" s="3"/>
    </row>
    <row r="194" spans="3:32" x14ac:dyDescent="0.2">
      <c r="C194" s="3"/>
      <c r="D194" s="3"/>
      <c r="E194" s="3"/>
      <c r="F194" s="3"/>
      <c r="G194" s="3"/>
      <c r="H194" s="3"/>
      <c r="I194" s="3"/>
      <c r="J194" s="3"/>
      <c r="K194" s="3"/>
      <c r="L194" s="3"/>
      <c r="M194" s="3"/>
      <c r="N194" s="3"/>
      <c r="O194" s="3"/>
      <c r="P194" s="3"/>
      <c r="Q194" s="3"/>
      <c r="R194" s="3"/>
      <c r="S194" s="3"/>
      <c r="T194" s="3"/>
      <c r="U194" s="3"/>
      <c r="V194" s="3"/>
      <c r="W194" s="3"/>
      <c r="X194" s="3"/>
      <c r="Y194" s="3"/>
      <c r="Z194" s="3"/>
      <c r="AA194" s="3"/>
      <c r="AB194" s="3"/>
      <c r="AC194" s="3"/>
      <c r="AD194" s="3"/>
      <c r="AE194" s="3"/>
      <c r="AF194" s="3"/>
    </row>
    <row r="195" spans="3:32" x14ac:dyDescent="0.2">
      <c r="C195" s="3"/>
      <c r="D195" s="3"/>
      <c r="E195" s="3"/>
      <c r="F195" s="3"/>
      <c r="G195" s="3"/>
      <c r="H195" s="3"/>
      <c r="I195" s="3"/>
      <c r="J195" s="3"/>
      <c r="K195" s="3"/>
      <c r="L195" s="3"/>
      <c r="M195" s="3"/>
      <c r="N195" s="3"/>
      <c r="O195" s="3"/>
      <c r="P195" s="3"/>
      <c r="Q195" s="3"/>
      <c r="R195" s="3"/>
      <c r="S195" s="3"/>
      <c r="T195" s="3"/>
      <c r="U195" s="3"/>
      <c r="V195" s="3"/>
      <c r="W195" s="3"/>
      <c r="X195" s="3"/>
      <c r="Y195" s="3"/>
      <c r="Z195" s="3"/>
      <c r="AA195" s="3"/>
      <c r="AB195" s="3"/>
      <c r="AC195" s="3"/>
      <c r="AD195" s="3"/>
      <c r="AE195" s="3"/>
      <c r="AF195" s="3"/>
    </row>
    <row r="196" spans="3:32" x14ac:dyDescent="0.2">
      <c r="C196" s="3"/>
      <c r="D196" s="3"/>
      <c r="E196" s="3"/>
      <c r="F196" s="3"/>
      <c r="G196" s="3"/>
      <c r="H196" s="3"/>
      <c r="I196" s="3"/>
      <c r="J196" s="3"/>
      <c r="K196" s="3"/>
      <c r="L196" s="3"/>
      <c r="M196" s="3"/>
      <c r="N196" s="3"/>
      <c r="O196" s="3"/>
      <c r="P196" s="3"/>
      <c r="Q196" s="3"/>
      <c r="R196" s="3"/>
      <c r="S196" s="3"/>
      <c r="T196" s="3"/>
      <c r="U196" s="3"/>
      <c r="V196" s="3"/>
      <c r="W196" s="3"/>
      <c r="X196" s="3"/>
      <c r="Y196" s="3"/>
      <c r="Z196" s="3"/>
      <c r="AA196" s="3"/>
      <c r="AB196" s="3"/>
      <c r="AC196" s="3"/>
      <c r="AD196" s="3"/>
      <c r="AE196" s="3"/>
      <c r="AF196" s="3"/>
    </row>
    <row r="197" spans="3:32" x14ac:dyDescent="0.2">
      <c r="C197" s="3"/>
      <c r="D197" s="3"/>
      <c r="E197" s="3"/>
      <c r="F197" s="3"/>
      <c r="G197" s="3"/>
      <c r="H197" s="3"/>
      <c r="I197" s="3"/>
      <c r="J197" s="3"/>
      <c r="K197" s="3"/>
      <c r="L197" s="3"/>
      <c r="M197" s="3"/>
      <c r="N197" s="3"/>
      <c r="O197" s="3"/>
      <c r="P197" s="3"/>
      <c r="Q197" s="3"/>
      <c r="R197" s="3"/>
      <c r="S197" s="3"/>
      <c r="T197" s="3"/>
      <c r="U197" s="3"/>
      <c r="V197" s="3"/>
      <c r="W197" s="3"/>
      <c r="X197" s="3"/>
      <c r="Y197" s="3"/>
      <c r="Z197" s="3"/>
      <c r="AA197" s="3"/>
      <c r="AB197" s="3"/>
      <c r="AC197" s="3"/>
      <c r="AD197" s="3"/>
      <c r="AE197" s="3"/>
      <c r="AF197" s="3"/>
    </row>
    <row r="198" spans="3:32" x14ac:dyDescent="0.2">
      <c r="C198" s="3"/>
      <c r="D198" s="3"/>
      <c r="E198" s="3"/>
      <c r="F198" s="3"/>
      <c r="G198" s="3"/>
      <c r="H198" s="3"/>
      <c r="I198" s="3"/>
      <c r="J198" s="3"/>
      <c r="K198" s="3"/>
      <c r="L198" s="3"/>
      <c r="M198" s="3"/>
      <c r="N198" s="3"/>
      <c r="O198" s="3"/>
      <c r="P198" s="3"/>
      <c r="Q198" s="3"/>
      <c r="R198" s="3"/>
      <c r="S198" s="3"/>
      <c r="T198" s="3"/>
      <c r="U198" s="3"/>
      <c r="V198" s="3"/>
      <c r="W198" s="3"/>
      <c r="X198" s="3"/>
      <c r="Y198" s="3"/>
      <c r="Z198" s="3"/>
      <c r="AA198" s="3"/>
      <c r="AB198" s="3"/>
      <c r="AC198" s="3"/>
      <c r="AD198" s="3"/>
      <c r="AE198" s="3"/>
      <c r="AF198" s="3"/>
    </row>
    <row r="199" spans="3:32" x14ac:dyDescent="0.2">
      <c r="C199" s="3"/>
      <c r="D199" s="3"/>
      <c r="E199" s="3"/>
      <c r="F199" s="3"/>
      <c r="G199" s="3"/>
      <c r="H199" s="3"/>
      <c r="I199" s="3"/>
      <c r="J199" s="3"/>
      <c r="K199" s="3"/>
      <c r="L199" s="3"/>
      <c r="M199" s="3"/>
      <c r="N199" s="3"/>
      <c r="O199" s="3"/>
      <c r="P199" s="3"/>
      <c r="Q199" s="3"/>
      <c r="R199" s="3"/>
      <c r="S199" s="3"/>
      <c r="T199" s="3"/>
      <c r="U199" s="3"/>
      <c r="V199" s="3"/>
      <c r="W199" s="3"/>
      <c r="X199" s="3"/>
      <c r="Y199" s="3"/>
      <c r="Z199" s="3"/>
      <c r="AA199" s="3"/>
      <c r="AB199" s="3"/>
      <c r="AC199" s="3"/>
      <c r="AD199" s="3"/>
      <c r="AE199" s="3"/>
      <c r="AF199" s="3"/>
    </row>
    <row r="200" spans="3:32" x14ac:dyDescent="0.2">
      <c r="C200" s="3"/>
      <c r="D200" s="3"/>
      <c r="E200" s="3"/>
      <c r="F200" s="3"/>
      <c r="G200" s="3"/>
      <c r="H200" s="3"/>
      <c r="I200" s="3"/>
      <c r="J200" s="3"/>
      <c r="K200" s="3"/>
      <c r="L200" s="3"/>
      <c r="M200" s="3"/>
      <c r="N200" s="3"/>
      <c r="O200" s="3"/>
      <c r="P200" s="3"/>
      <c r="Q200" s="3"/>
      <c r="R200" s="3"/>
      <c r="S200" s="3"/>
      <c r="T200" s="3"/>
      <c r="U200" s="3"/>
      <c r="V200" s="3"/>
      <c r="W200" s="3"/>
      <c r="X200" s="3"/>
      <c r="Y200" s="3"/>
      <c r="Z200" s="3"/>
      <c r="AA200" s="3"/>
      <c r="AB200" s="3"/>
      <c r="AC200" s="3"/>
      <c r="AD200" s="3"/>
      <c r="AE200" s="3"/>
      <c r="AF200" s="3"/>
    </row>
    <row r="201" spans="3:32" x14ac:dyDescent="0.2">
      <c r="C201" s="3"/>
      <c r="D201" s="3"/>
      <c r="E201" s="3"/>
      <c r="F201" s="3"/>
      <c r="G201" s="3"/>
      <c r="H201" s="3"/>
      <c r="I201" s="3"/>
      <c r="J201" s="3"/>
      <c r="K201" s="3"/>
      <c r="L201" s="3"/>
      <c r="M201" s="3"/>
      <c r="N201" s="3"/>
      <c r="O201" s="3"/>
      <c r="P201" s="3"/>
      <c r="Q201" s="3"/>
      <c r="R201" s="3"/>
      <c r="S201" s="3"/>
      <c r="T201" s="3"/>
      <c r="U201" s="3"/>
      <c r="V201" s="3"/>
      <c r="W201" s="3"/>
      <c r="X201" s="3"/>
      <c r="Y201" s="3"/>
      <c r="Z201" s="3"/>
      <c r="AA201" s="3"/>
      <c r="AB201" s="3"/>
      <c r="AC201" s="3"/>
      <c r="AD201" s="3"/>
      <c r="AE201" s="3"/>
      <c r="AF201" s="3"/>
    </row>
    <row r="202" spans="3:32" x14ac:dyDescent="0.2">
      <c r="C202" s="3"/>
      <c r="D202" s="3"/>
      <c r="E202" s="3"/>
      <c r="F202" s="3"/>
      <c r="G202" s="3"/>
      <c r="H202" s="3"/>
      <c r="I202" s="3"/>
      <c r="J202" s="3"/>
      <c r="K202" s="3"/>
      <c r="L202" s="3"/>
      <c r="M202" s="3"/>
      <c r="N202" s="3"/>
      <c r="O202" s="3"/>
      <c r="P202" s="3"/>
      <c r="Q202" s="3"/>
      <c r="R202" s="3"/>
      <c r="S202" s="3"/>
      <c r="T202" s="3"/>
      <c r="U202" s="3"/>
      <c r="V202" s="3"/>
      <c r="W202" s="3"/>
      <c r="X202" s="3"/>
      <c r="Y202" s="3"/>
      <c r="Z202" s="3"/>
      <c r="AA202" s="3"/>
      <c r="AB202" s="3"/>
      <c r="AC202" s="3"/>
      <c r="AD202" s="3"/>
      <c r="AE202" s="3"/>
      <c r="AF202" s="3"/>
    </row>
    <row r="203" spans="3:32" x14ac:dyDescent="0.2">
      <c r="C203" s="3"/>
      <c r="D203" s="3"/>
      <c r="E203" s="3"/>
      <c r="F203" s="3"/>
      <c r="G203" s="3"/>
      <c r="H203" s="3"/>
      <c r="I203" s="3"/>
      <c r="J203" s="3"/>
      <c r="K203" s="3"/>
      <c r="L203" s="3"/>
      <c r="M203" s="3"/>
      <c r="N203" s="3"/>
      <c r="O203" s="3"/>
      <c r="P203" s="3"/>
      <c r="Q203" s="3"/>
      <c r="R203" s="3"/>
      <c r="S203" s="3"/>
      <c r="T203" s="3"/>
      <c r="U203" s="3"/>
      <c r="V203" s="3"/>
      <c r="W203" s="3"/>
      <c r="X203" s="3"/>
      <c r="Y203" s="3"/>
      <c r="Z203" s="3"/>
      <c r="AA203" s="3"/>
      <c r="AB203" s="3"/>
      <c r="AC203" s="3"/>
      <c r="AD203" s="3"/>
      <c r="AE203" s="3"/>
      <c r="AF203" s="3"/>
    </row>
    <row r="204" spans="3:32" x14ac:dyDescent="0.2">
      <c r="C204" s="3"/>
      <c r="D204" s="3"/>
      <c r="E204" s="3"/>
      <c r="F204" s="3"/>
      <c r="G204" s="3"/>
      <c r="H204" s="3"/>
      <c r="I204" s="3"/>
      <c r="J204" s="3"/>
      <c r="K204" s="3"/>
      <c r="L204" s="3"/>
      <c r="M204" s="3"/>
      <c r="N204" s="3"/>
      <c r="O204" s="3"/>
      <c r="P204" s="3"/>
      <c r="Q204" s="3"/>
      <c r="R204" s="3"/>
      <c r="S204" s="3"/>
      <c r="T204" s="3"/>
      <c r="U204" s="3"/>
      <c r="V204" s="3"/>
      <c r="W204" s="3"/>
      <c r="X204" s="3"/>
      <c r="Y204" s="3"/>
      <c r="Z204" s="3"/>
      <c r="AA204" s="3"/>
      <c r="AB204" s="3"/>
      <c r="AC204" s="3"/>
      <c r="AD204" s="3"/>
      <c r="AE204" s="3"/>
      <c r="AF204" s="3"/>
    </row>
    <row r="205" spans="3:32" x14ac:dyDescent="0.2">
      <c r="C205" s="3"/>
      <c r="D205" s="3"/>
      <c r="E205" s="3"/>
      <c r="F205" s="3"/>
      <c r="G205" s="3"/>
      <c r="H205" s="3"/>
      <c r="I205" s="3"/>
      <c r="J205" s="3"/>
      <c r="K205" s="3"/>
      <c r="L205" s="3"/>
      <c r="M205" s="3"/>
      <c r="N205" s="3"/>
      <c r="O205" s="3"/>
      <c r="P205" s="3"/>
      <c r="Q205" s="3"/>
      <c r="R205" s="3"/>
      <c r="S205" s="3"/>
      <c r="T205" s="3"/>
      <c r="U205" s="3"/>
      <c r="V205" s="3"/>
      <c r="W205" s="3"/>
      <c r="X205" s="3"/>
      <c r="Y205" s="3"/>
      <c r="Z205" s="3"/>
      <c r="AA205" s="3"/>
      <c r="AB205" s="3"/>
      <c r="AC205" s="3"/>
      <c r="AD205" s="3"/>
      <c r="AE205" s="3"/>
      <c r="AF205" s="3"/>
    </row>
    <row r="206" spans="3:32" x14ac:dyDescent="0.2">
      <c r="C206" s="3"/>
      <c r="D206" s="3"/>
      <c r="E206" s="3"/>
      <c r="F206" s="3"/>
      <c r="G206" s="3"/>
      <c r="H206" s="3"/>
      <c r="I206" s="3"/>
      <c r="J206" s="3"/>
      <c r="K206" s="3"/>
      <c r="L206" s="3"/>
      <c r="M206" s="3"/>
      <c r="N206" s="3"/>
      <c r="O206" s="3"/>
      <c r="P206" s="3"/>
      <c r="Q206" s="3"/>
      <c r="R206" s="3"/>
      <c r="S206" s="3"/>
      <c r="T206" s="3"/>
      <c r="U206" s="3"/>
      <c r="V206" s="3"/>
      <c r="W206" s="3"/>
      <c r="X206" s="3"/>
      <c r="Y206" s="3"/>
      <c r="Z206" s="3"/>
      <c r="AA206" s="3"/>
      <c r="AB206" s="3"/>
      <c r="AC206" s="3"/>
      <c r="AD206" s="3"/>
      <c r="AE206" s="3"/>
      <c r="AF206" s="3"/>
    </row>
    <row r="207" spans="3:32" x14ac:dyDescent="0.2">
      <c r="C207" s="3"/>
      <c r="D207" s="3"/>
      <c r="E207" s="3"/>
      <c r="F207" s="3"/>
      <c r="G207" s="3"/>
      <c r="H207" s="3"/>
      <c r="I207" s="3"/>
      <c r="J207" s="3"/>
      <c r="K207" s="3"/>
      <c r="L207" s="3"/>
      <c r="M207" s="3"/>
      <c r="N207" s="3"/>
      <c r="O207" s="3"/>
      <c r="P207" s="3"/>
      <c r="Q207" s="3"/>
      <c r="R207" s="3"/>
      <c r="S207" s="3"/>
      <c r="T207" s="3"/>
      <c r="U207" s="3"/>
      <c r="V207" s="3"/>
      <c r="W207" s="3"/>
      <c r="X207" s="3"/>
      <c r="Y207" s="3"/>
      <c r="Z207" s="3"/>
      <c r="AA207" s="3"/>
      <c r="AB207" s="3"/>
      <c r="AC207" s="3"/>
      <c r="AD207" s="3"/>
      <c r="AE207" s="3"/>
      <c r="AF207" s="3"/>
    </row>
    <row r="208" spans="3:32" x14ac:dyDescent="0.2">
      <c r="C208" s="3"/>
      <c r="D208" s="3"/>
      <c r="E208" s="3"/>
      <c r="F208" s="3"/>
      <c r="G208" s="3"/>
      <c r="H208" s="3"/>
      <c r="I208" s="3"/>
      <c r="J208" s="3"/>
      <c r="K208" s="3"/>
      <c r="L208" s="3"/>
      <c r="M208" s="3"/>
      <c r="N208" s="3"/>
      <c r="O208" s="3"/>
      <c r="P208" s="3"/>
      <c r="Q208" s="3"/>
      <c r="R208" s="3"/>
      <c r="S208" s="3"/>
      <c r="T208" s="3"/>
      <c r="U208" s="3"/>
      <c r="V208" s="3"/>
      <c r="W208" s="3"/>
      <c r="X208" s="3"/>
      <c r="Y208" s="3"/>
      <c r="Z208" s="3"/>
      <c r="AA208" s="3"/>
      <c r="AB208" s="3"/>
      <c r="AC208" s="3"/>
      <c r="AD208" s="3"/>
      <c r="AE208" s="3"/>
      <c r="AF208" s="3"/>
    </row>
    <row r="209" spans="3:32" x14ac:dyDescent="0.2">
      <c r="C209" s="3"/>
      <c r="D209" s="3"/>
      <c r="E209" s="3"/>
      <c r="F209" s="3"/>
      <c r="G209" s="3"/>
      <c r="H209" s="3"/>
      <c r="I209" s="3"/>
      <c r="J209" s="3"/>
      <c r="K209" s="3"/>
      <c r="L209" s="3"/>
      <c r="M209" s="3"/>
      <c r="N209" s="3"/>
      <c r="O209" s="3"/>
      <c r="P209" s="3"/>
      <c r="Q209" s="3"/>
      <c r="R209" s="3"/>
      <c r="S209" s="3"/>
      <c r="T209" s="3"/>
      <c r="U209" s="3"/>
      <c r="V209" s="3"/>
      <c r="W209" s="3"/>
      <c r="X209" s="3"/>
      <c r="Y209" s="3"/>
      <c r="Z209" s="3"/>
      <c r="AA209" s="3"/>
      <c r="AB209" s="3"/>
      <c r="AC209" s="3"/>
      <c r="AD209" s="3"/>
      <c r="AE209" s="3"/>
      <c r="AF209" s="3"/>
    </row>
    <row r="210" spans="3:32" x14ac:dyDescent="0.2">
      <c r="C210" s="3"/>
      <c r="D210" s="3"/>
      <c r="E210" s="3"/>
      <c r="F210" s="3"/>
      <c r="G210" s="3"/>
      <c r="H210" s="3"/>
      <c r="I210" s="3"/>
      <c r="J210" s="3"/>
      <c r="K210" s="3"/>
      <c r="L210" s="3"/>
      <c r="M210" s="3"/>
      <c r="N210" s="3"/>
      <c r="O210" s="3"/>
      <c r="P210" s="3"/>
      <c r="Q210" s="3"/>
      <c r="R210" s="3"/>
      <c r="S210" s="3"/>
      <c r="T210" s="3"/>
      <c r="U210" s="3"/>
      <c r="V210" s="3"/>
      <c r="W210" s="3"/>
      <c r="X210" s="3"/>
      <c r="Y210" s="3"/>
      <c r="Z210" s="3"/>
      <c r="AA210" s="3"/>
      <c r="AB210" s="3"/>
      <c r="AC210" s="3"/>
      <c r="AD210" s="3"/>
      <c r="AE210" s="3"/>
      <c r="AF210" s="3"/>
    </row>
    <row r="211" spans="3:32" x14ac:dyDescent="0.2">
      <c r="C211" s="3"/>
      <c r="D211" s="3"/>
      <c r="E211" s="3"/>
      <c r="F211" s="3"/>
      <c r="G211" s="3"/>
      <c r="H211" s="3"/>
      <c r="I211" s="3"/>
      <c r="J211" s="3"/>
      <c r="K211" s="3"/>
      <c r="L211" s="3"/>
      <c r="M211" s="3"/>
      <c r="N211" s="3"/>
      <c r="O211" s="3"/>
      <c r="P211" s="3"/>
      <c r="Q211" s="3"/>
      <c r="R211" s="3"/>
      <c r="S211" s="3"/>
      <c r="T211" s="3"/>
      <c r="U211" s="3"/>
      <c r="V211" s="3"/>
      <c r="W211" s="3"/>
      <c r="X211" s="3"/>
      <c r="Y211" s="3"/>
      <c r="Z211" s="3"/>
      <c r="AA211" s="3"/>
      <c r="AB211" s="3"/>
      <c r="AC211" s="3"/>
      <c r="AD211" s="3"/>
      <c r="AE211" s="3"/>
      <c r="AF211" s="3"/>
    </row>
    <row r="212" spans="3:32" x14ac:dyDescent="0.2">
      <c r="C212" s="3"/>
      <c r="D212" s="3"/>
      <c r="E212" s="3"/>
      <c r="F212" s="3"/>
      <c r="G212" s="3"/>
      <c r="H212" s="3"/>
      <c r="I212" s="3"/>
      <c r="J212" s="3"/>
      <c r="K212" s="3"/>
      <c r="L212" s="3"/>
      <c r="M212" s="3"/>
      <c r="N212" s="3"/>
      <c r="O212" s="3"/>
      <c r="P212" s="3"/>
      <c r="Q212" s="3"/>
      <c r="R212" s="3"/>
      <c r="S212" s="3"/>
      <c r="T212" s="3"/>
      <c r="U212" s="3"/>
      <c r="V212" s="3"/>
      <c r="W212" s="3"/>
      <c r="X212" s="3"/>
      <c r="Y212" s="3"/>
      <c r="Z212" s="3"/>
      <c r="AA212" s="3"/>
      <c r="AB212" s="3"/>
      <c r="AC212" s="3"/>
      <c r="AD212" s="3"/>
      <c r="AE212" s="3"/>
      <c r="AF212" s="3"/>
    </row>
    <row r="213" spans="3:32" x14ac:dyDescent="0.2">
      <c r="C213" s="3"/>
      <c r="D213" s="3"/>
      <c r="E213" s="3"/>
      <c r="F213" s="3"/>
      <c r="G213" s="3"/>
      <c r="H213" s="3"/>
      <c r="I213" s="3"/>
      <c r="J213" s="3"/>
      <c r="K213" s="3"/>
      <c r="L213" s="3"/>
      <c r="M213" s="3"/>
      <c r="N213" s="3"/>
      <c r="O213" s="3"/>
      <c r="P213" s="3"/>
      <c r="Q213" s="3"/>
      <c r="R213" s="3"/>
      <c r="S213" s="3"/>
      <c r="T213" s="3"/>
      <c r="U213" s="3"/>
      <c r="V213" s="3"/>
      <c r="W213" s="3"/>
      <c r="X213" s="3"/>
      <c r="Y213" s="3"/>
      <c r="Z213" s="3"/>
      <c r="AA213" s="3"/>
      <c r="AB213" s="3"/>
      <c r="AC213" s="3"/>
      <c r="AD213" s="3"/>
      <c r="AE213" s="3"/>
      <c r="AF213" s="3"/>
    </row>
    <row r="214" spans="3:32" x14ac:dyDescent="0.2">
      <c r="C214" s="3"/>
      <c r="D214" s="3"/>
      <c r="E214" s="3"/>
      <c r="F214" s="3"/>
      <c r="G214" s="3"/>
      <c r="H214" s="3"/>
      <c r="I214" s="3"/>
      <c r="J214" s="3"/>
      <c r="K214" s="3"/>
      <c r="L214" s="3"/>
      <c r="M214" s="3"/>
      <c r="N214" s="3"/>
      <c r="O214" s="3"/>
      <c r="P214" s="3"/>
      <c r="Q214" s="3"/>
      <c r="R214" s="3"/>
      <c r="S214" s="3"/>
      <c r="T214" s="3"/>
      <c r="U214" s="3"/>
      <c r="V214" s="3"/>
      <c r="W214" s="3"/>
      <c r="X214" s="3"/>
      <c r="Y214" s="3"/>
      <c r="Z214" s="3"/>
      <c r="AA214" s="3"/>
      <c r="AB214" s="3"/>
      <c r="AC214" s="3"/>
      <c r="AD214" s="3"/>
      <c r="AE214" s="3"/>
      <c r="AF214" s="3"/>
    </row>
    <row r="215" spans="3:32" x14ac:dyDescent="0.2">
      <c r="C215" s="3"/>
      <c r="D215" s="3"/>
      <c r="E215" s="3"/>
      <c r="F215" s="3"/>
      <c r="G215" s="3"/>
      <c r="H215" s="3"/>
      <c r="I215" s="3"/>
      <c r="J215" s="3"/>
      <c r="K215" s="3"/>
      <c r="L215" s="3"/>
      <c r="M215" s="3"/>
      <c r="N215" s="3"/>
      <c r="O215" s="3"/>
      <c r="P215" s="3"/>
      <c r="Q215" s="3"/>
      <c r="R215" s="3"/>
      <c r="S215" s="3"/>
      <c r="T215" s="3"/>
      <c r="U215" s="3"/>
      <c r="V215" s="3"/>
      <c r="W215" s="3"/>
      <c r="X215" s="3"/>
      <c r="Y215" s="3"/>
      <c r="Z215" s="3"/>
      <c r="AA215" s="3"/>
      <c r="AB215" s="3"/>
      <c r="AC215" s="3"/>
      <c r="AD215" s="3"/>
      <c r="AE215" s="3"/>
      <c r="AF215" s="3"/>
    </row>
    <row r="216" spans="3:32" x14ac:dyDescent="0.2">
      <c r="C216" s="3"/>
      <c r="D216" s="3"/>
      <c r="E216" s="3"/>
      <c r="F216" s="3"/>
      <c r="G216" s="3"/>
      <c r="H216" s="3"/>
      <c r="I216" s="3"/>
      <c r="J216" s="3"/>
      <c r="K216" s="3"/>
      <c r="L216" s="3"/>
      <c r="M216" s="3"/>
      <c r="N216" s="3"/>
      <c r="O216" s="3"/>
      <c r="P216" s="3"/>
      <c r="Q216" s="3"/>
      <c r="R216" s="3"/>
      <c r="S216" s="3"/>
      <c r="T216" s="3"/>
      <c r="U216" s="3"/>
      <c r="V216" s="3"/>
      <c r="W216" s="3"/>
      <c r="X216" s="3"/>
      <c r="Y216" s="3"/>
      <c r="Z216" s="3"/>
      <c r="AA216" s="3"/>
      <c r="AB216" s="3"/>
      <c r="AC216" s="3"/>
      <c r="AD216" s="3"/>
      <c r="AE216" s="3"/>
      <c r="AF216" s="3"/>
    </row>
    <row r="217" spans="3:32" x14ac:dyDescent="0.2">
      <c r="C217" s="3"/>
      <c r="D217" s="3"/>
      <c r="E217" s="3"/>
      <c r="F217" s="3"/>
      <c r="G217" s="3"/>
      <c r="H217" s="3"/>
      <c r="I217" s="3"/>
      <c r="J217" s="3"/>
      <c r="K217" s="3"/>
      <c r="L217" s="3"/>
      <c r="M217" s="3"/>
      <c r="N217" s="3"/>
      <c r="O217" s="3"/>
      <c r="P217" s="3"/>
      <c r="Q217" s="3"/>
      <c r="R217" s="3"/>
      <c r="S217" s="3"/>
      <c r="T217" s="3"/>
      <c r="U217" s="3"/>
      <c r="V217" s="3"/>
      <c r="W217" s="3"/>
      <c r="X217" s="3"/>
      <c r="Y217" s="3"/>
      <c r="Z217" s="3"/>
      <c r="AA217" s="3"/>
      <c r="AB217" s="3"/>
      <c r="AC217" s="3"/>
      <c r="AD217" s="3"/>
      <c r="AE217" s="3"/>
      <c r="AF217" s="3"/>
    </row>
    <row r="218" spans="3:32" x14ac:dyDescent="0.2">
      <c r="C218" s="3"/>
      <c r="D218" s="3"/>
      <c r="E218" s="3"/>
      <c r="F218" s="3"/>
      <c r="G218" s="3"/>
      <c r="H218" s="3"/>
      <c r="I218" s="3"/>
      <c r="J218" s="3"/>
      <c r="K218" s="3"/>
      <c r="L218" s="3"/>
      <c r="M218" s="3"/>
      <c r="N218" s="3"/>
      <c r="O218" s="3"/>
      <c r="P218" s="3"/>
      <c r="Q218" s="3"/>
      <c r="R218" s="3"/>
      <c r="S218" s="3"/>
      <c r="T218" s="3"/>
      <c r="U218" s="3"/>
      <c r="V218" s="3"/>
      <c r="W218" s="3"/>
      <c r="X218" s="3"/>
      <c r="Y218" s="3"/>
      <c r="Z218" s="3"/>
      <c r="AA218" s="3"/>
      <c r="AB218" s="3"/>
      <c r="AC218" s="3"/>
      <c r="AD218" s="3"/>
      <c r="AE218" s="3"/>
      <c r="AF218" s="3"/>
    </row>
    <row r="219" spans="3:32" x14ac:dyDescent="0.2">
      <c r="C219" s="3"/>
      <c r="D219" s="3"/>
      <c r="E219" s="3"/>
      <c r="F219" s="3"/>
      <c r="G219" s="3"/>
      <c r="H219" s="3"/>
      <c r="I219" s="3"/>
      <c r="J219" s="3"/>
      <c r="K219" s="3"/>
      <c r="L219" s="3"/>
      <c r="M219" s="3"/>
      <c r="N219" s="3"/>
      <c r="O219" s="3"/>
      <c r="P219" s="3"/>
      <c r="Q219" s="3"/>
      <c r="R219" s="3"/>
      <c r="S219" s="3"/>
      <c r="T219" s="3"/>
      <c r="U219" s="3"/>
      <c r="V219" s="3"/>
      <c r="W219" s="3"/>
      <c r="X219" s="3"/>
      <c r="Y219" s="3"/>
      <c r="Z219" s="3"/>
      <c r="AA219" s="3"/>
      <c r="AB219" s="3"/>
      <c r="AC219" s="3"/>
      <c r="AD219" s="3"/>
      <c r="AE219" s="3"/>
      <c r="AF219" s="3"/>
    </row>
  </sheetData>
  <mergeCells count="59">
    <mergeCell ref="H1:I1"/>
    <mergeCell ref="K1:L1"/>
    <mergeCell ref="B3:B5"/>
    <mergeCell ref="C3:AF3"/>
    <mergeCell ref="AG3:BJ3"/>
    <mergeCell ref="AG5:AI5"/>
    <mergeCell ref="AJ5:AO5"/>
    <mergeCell ref="AP5:AP6"/>
    <mergeCell ref="AQ5:AS5"/>
    <mergeCell ref="AT5:AY5"/>
    <mergeCell ref="AZ5:AZ6"/>
    <mergeCell ref="C5:E5"/>
    <mergeCell ref="F5:K5"/>
    <mergeCell ref="L5:L6"/>
    <mergeCell ref="M5:O5"/>
    <mergeCell ref="P5:U5"/>
    <mergeCell ref="V5:V6"/>
    <mergeCell ref="BK3:CN3"/>
    <mergeCell ref="DS3:EB4"/>
    <mergeCell ref="C4:L4"/>
    <mergeCell ref="M4:V4"/>
    <mergeCell ref="W4:AF4"/>
    <mergeCell ref="AG4:AP4"/>
    <mergeCell ref="AQ4:AZ4"/>
    <mergeCell ref="BA4:BJ4"/>
    <mergeCell ref="BK4:BT4"/>
    <mergeCell ref="BU4:CD4"/>
    <mergeCell ref="CE4:CN4"/>
    <mergeCell ref="CO3:DR3"/>
    <mergeCell ref="CO4:CX4"/>
    <mergeCell ref="CY4:DH4"/>
    <mergeCell ref="DI4:DR4"/>
    <mergeCell ref="W5:Y5"/>
    <mergeCell ref="Z5:AE5"/>
    <mergeCell ref="AF5:AF6"/>
    <mergeCell ref="BN5:BS5"/>
    <mergeCell ref="BT5:BT6"/>
    <mergeCell ref="BU5:BW5"/>
    <mergeCell ref="BX5:CC5"/>
    <mergeCell ref="BA5:BC5"/>
    <mergeCell ref="BD5:BI5"/>
    <mergeCell ref="BJ5:BJ6"/>
    <mergeCell ref="BK5:BM5"/>
    <mergeCell ref="DS5:DU5"/>
    <mergeCell ref="DV5:EA5"/>
    <mergeCell ref="EB5:EB6"/>
    <mergeCell ref="CD5:CD6"/>
    <mergeCell ref="CE5:CG5"/>
    <mergeCell ref="CH5:CM5"/>
    <mergeCell ref="CN5:CN6"/>
    <mergeCell ref="CO5:CQ5"/>
    <mergeCell ref="CR5:CW5"/>
    <mergeCell ref="CX5:CX6"/>
    <mergeCell ref="CY5:DA5"/>
    <mergeCell ref="DB5:DG5"/>
    <mergeCell ref="DH5:DH6"/>
    <mergeCell ref="DI5:DK5"/>
    <mergeCell ref="DL5:DQ5"/>
    <mergeCell ref="DR5:DR6"/>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3" manualBreakCount="3">
    <brk id="32" max="1048575" man="1"/>
    <brk id="62" max="1048575" man="1"/>
    <brk id="122" max="1048575" man="1"/>
  </col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5" width="7.88671875" style="43" customWidth="1"/>
    <col min="6" max="6" width="8.109375" style="43" customWidth="1"/>
    <col min="7"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102" width="9" style="43"/>
    <col min="103" max="148" width="9" style="44"/>
    <col min="149" max="149" width="7.77734375" style="44" customWidth="1"/>
    <col min="150" max="159" width="9" style="44"/>
    <col min="160" max="160" width="8.109375" style="44" customWidth="1"/>
    <col min="161" max="16384" width="9" style="44"/>
  </cols>
  <sheetData>
    <row r="1" spans="2:299" ht="24" customHeight="1" x14ac:dyDescent="0.2">
      <c r="B1" s="12" t="s">
        <v>121</v>
      </c>
      <c r="F1" s="535">
        <f>第１表!F2</f>
        <v>4</v>
      </c>
      <c r="G1" s="535"/>
      <c r="H1" s="248">
        <f>第１表!G2</f>
        <v>12</v>
      </c>
      <c r="I1" s="534">
        <f>H1</f>
        <v>12</v>
      </c>
      <c r="J1" s="534"/>
    </row>
    <row r="2" spans="2:299" ht="24" customHeight="1" thickBot="1" x14ac:dyDescent="0.25">
      <c r="B2" s="20" t="s">
        <v>130</v>
      </c>
    </row>
    <row r="3" spans="2:299" ht="21" customHeight="1" thickBot="1" x14ac:dyDescent="0.25">
      <c r="B3" s="521" t="s">
        <v>38</v>
      </c>
      <c r="C3" s="516" t="s">
        <v>96</v>
      </c>
      <c r="D3" s="516"/>
      <c r="E3" s="516"/>
      <c r="F3" s="516"/>
      <c r="G3" s="516"/>
      <c r="H3" s="516"/>
      <c r="I3" s="516"/>
      <c r="J3" s="516"/>
      <c r="K3" s="516"/>
      <c r="L3" s="516"/>
      <c r="M3" s="516"/>
      <c r="N3" s="516"/>
      <c r="O3" s="516"/>
      <c r="P3" s="516"/>
      <c r="Q3" s="516"/>
      <c r="R3" s="516"/>
      <c r="S3" s="516"/>
      <c r="T3" s="516"/>
      <c r="U3" s="516"/>
      <c r="V3" s="516"/>
      <c r="W3" s="516"/>
      <c r="X3" s="516"/>
      <c r="Y3" s="516"/>
      <c r="Z3" s="516"/>
      <c r="AA3" s="516"/>
      <c r="AB3" s="516"/>
      <c r="AC3" s="516"/>
      <c r="AD3" s="516"/>
      <c r="AE3" s="516"/>
      <c r="AF3" s="516"/>
      <c r="AG3" s="516"/>
      <c r="AH3" s="516"/>
      <c r="AI3" s="516"/>
      <c r="AJ3" s="516"/>
      <c r="AK3" s="516"/>
      <c r="AL3" s="516"/>
      <c r="AM3" s="516"/>
      <c r="AN3" s="516"/>
      <c r="AO3" s="516"/>
      <c r="AP3" s="516"/>
      <c r="AQ3" s="516"/>
      <c r="AR3" s="516"/>
      <c r="AS3" s="516"/>
      <c r="AT3" s="516"/>
      <c r="AU3" s="516"/>
      <c r="AV3" s="516"/>
      <c r="AW3" s="516"/>
      <c r="AX3" s="516"/>
      <c r="AY3" s="516"/>
      <c r="AZ3" s="516"/>
      <c r="BA3" s="516"/>
      <c r="BB3" s="516"/>
      <c r="BC3" s="516"/>
      <c r="BD3" s="516"/>
      <c r="BE3" s="516"/>
      <c r="BF3" s="516"/>
      <c r="BG3" s="516"/>
      <c r="BH3" s="516"/>
      <c r="BI3" s="516"/>
      <c r="BJ3" s="516"/>
      <c r="BK3" s="516"/>
      <c r="BL3" s="516"/>
      <c r="BM3" s="516"/>
      <c r="BN3" s="516"/>
      <c r="BO3" s="516"/>
      <c r="BP3" s="516"/>
      <c r="BQ3" s="516"/>
      <c r="BR3" s="516"/>
      <c r="BS3" s="516"/>
      <c r="BT3" s="516"/>
      <c r="BU3" s="516"/>
      <c r="BV3" s="516"/>
      <c r="BW3" s="516"/>
      <c r="BX3" s="516"/>
      <c r="BY3" s="516"/>
      <c r="BZ3" s="516"/>
      <c r="CA3" s="516"/>
      <c r="CB3" s="516"/>
      <c r="CC3" s="516"/>
      <c r="CD3" s="516"/>
      <c r="CE3" s="516"/>
      <c r="CF3" s="516"/>
      <c r="CG3" s="516"/>
      <c r="CH3" s="516"/>
      <c r="CI3" s="516"/>
      <c r="CJ3" s="516"/>
      <c r="CK3" s="516"/>
      <c r="CL3" s="516"/>
      <c r="CM3" s="516"/>
      <c r="CN3" s="516"/>
      <c r="CO3" s="516"/>
      <c r="CP3" s="516"/>
      <c r="CQ3" s="516"/>
      <c r="CR3" s="516"/>
      <c r="CS3" s="516"/>
      <c r="CT3" s="516"/>
      <c r="CU3" s="516"/>
      <c r="CV3" s="516"/>
      <c r="CW3" s="517"/>
      <c r="CX3" s="516" t="s">
        <v>103</v>
      </c>
      <c r="CY3" s="516"/>
      <c r="CZ3" s="516"/>
      <c r="DA3" s="516"/>
      <c r="DB3" s="516"/>
      <c r="DC3" s="516"/>
      <c r="DD3" s="516"/>
      <c r="DE3" s="516"/>
      <c r="DF3" s="516"/>
      <c r="DG3" s="516"/>
      <c r="DH3" s="516"/>
      <c r="DI3" s="516"/>
      <c r="DJ3" s="516"/>
      <c r="DK3" s="516"/>
      <c r="DL3" s="516"/>
      <c r="DM3" s="516"/>
      <c r="DN3" s="516"/>
      <c r="DO3" s="516"/>
      <c r="DP3" s="516"/>
      <c r="DQ3" s="516"/>
      <c r="DR3" s="516"/>
      <c r="DS3" s="516"/>
      <c r="DT3" s="516"/>
      <c r="DU3" s="516"/>
      <c r="DV3" s="516"/>
      <c r="DW3" s="516"/>
      <c r="DX3" s="516"/>
      <c r="DY3" s="516"/>
      <c r="DZ3" s="516"/>
      <c r="EA3" s="516"/>
      <c r="EB3" s="516"/>
      <c r="EC3" s="516"/>
      <c r="ED3" s="516"/>
      <c r="EE3" s="516"/>
      <c r="EF3" s="516"/>
      <c r="EG3" s="516"/>
      <c r="EH3" s="516"/>
      <c r="EI3" s="516"/>
      <c r="EJ3" s="516"/>
      <c r="EK3" s="516"/>
      <c r="EL3" s="516"/>
      <c r="EM3" s="516"/>
      <c r="EN3" s="516"/>
      <c r="EO3" s="516"/>
      <c r="EP3" s="516"/>
      <c r="EQ3" s="516"/>
      <c r="ER3" s="516"/>
      <c r="ES3" s="516"/>
      <c r="ET3" s="516"/>
      <c r="EU3" s="516"/>
      <c r="EV3" s="516"/>
      <c r="EW3" s="516"/>
      <c r="EX3" s="516"/>
      <c r="EY3" s="516"/>
      <c r="EZ3" s="516"/>
      <c r="FA3" s="516"/>
      <c r="FB3" s="516"/>
      <c r="FC3" s="516"/>
      <c r="FD3" s="516"/>
      <c r="FE3" s="516"/>
      <c r="FF3" s="516"/>
      <c r="FG3" s="516"/>
      <c r="FH3" s="516"/>
      <c r="FI3" s="516"/>
      <c r="FJ3" s="516"/>
      <c r="FK3" s="516"/>
      <c r="FL3" s="516"/>
      <c r="FM3" s="516"/>
      <c r="FN3" s="516"/>
      <c r="FO3" s="516"/>
      <c r="FP3" s="516"/>
      <c r="FQ3" s="516"/>
      <c r="FR3" s="516"/>
      <c r="FS3" s="516"/>
      <c r="FT3" s="516"/>
      <c r="FU3" s="516"/>
      <c r="FV3" s="516"/>
      <c r="FW3" s="516"/>
      <c r="FX3" s="516"/>
      <c r="FY3" s="516"/>
      <c r="FZ3" s="516"/>
      <c r="GA3" s="516"/>
      <c r="GB3" s="516"/>
      <c r="GC3" s="516"/>
      <c r="GD3" s="516"/>
      <c r="GE3" s="516"/>
      <c r="GF3" s="516"/>
      <c r="GG3" s="516"/>
      <c r="GH3" s="516"/>
      <c r="GI3" s="516"/>
      <c r="GJ3" s="516"/>
      <c r="GK3" s="516"/>
      <c r="GL3" s="516"/>
      <c r="GM3" s="516"/>
      <c r="GN3" s="516"/>
      <c r="GO3" s="516"/>
      <c r="GP3" s="516"/>
      <c r="GQ3" s="516"/>
      <c r="GR3" s="517"/>
      <c r="GS3" s="516" t="s">
        <v>104</v>
      </c>
      <c r="GT3" s="516"/>
      <c r="GU3" s="516"/>
      <c r="GV3" s="516"/>
      <c r="GW3" s="516"/>
      <c r="GX3" s="516"/>
      <c r="GY3" s="516"/>
      <c r="GZ3" s="516"/>
      <c r="HA3" s="516"/>
      <c r="HB3" s="516"/>
      <c r="HC3" s="516"/>
      <c r="HD3" s="516"/>
      <c r="HE3" s="516"/>
      <c r="HF3" s="516"/>
      <c r="HG3" s="516"/>
      <c r="HH3" s="516"/>
      <c r="HI3" s="516"/>
      <c r="HJ3" s="516"/>
      <c r="HK3" s="516"/>
      <c r="HL3" s="516"/>
      <c r="HM3" s="516"/>
      <c r="HN3" s="516"/>
      <c r="HO3" s="516"/>
      <c r="HP3" s="516"/>
      <c r="HQ3" s="516"/>
      <c r="HR3" s="516"/>
      <c r="HS3" s="516"/>
      <c r="HT3" s="516"/>
      <c r="HU3" s="516"/>
      <c r="HV3" s="516"/>
      <c r="HW3" s="516"/>
      <c r="HX3" s="516"/>
      <c r="HY3" s="516"/>
      <c r="HZ3" s="516"/>
      <c r="IA3" s="516"/>
      <c r="IB3" s="516"/>
      <c r="IC3" s="516"/>
      <c r="ID3" s="516"/>
      <c r="IE3" s="516"/>
      <c r="IF3" s="516"/>
      <c r="IG3" s="516"/>
      <c r="IH3" s="516"/>
      <c r="II3" s="516"/>
      <c r="IJ3" s="516"/>
      <c r="IK3" s="516"/>
      <c r="IL3" s="516"/>
      <c r="IM3" s="516"/>
      <c r="IN3" s="516"/>
      <c r="IO3" s="516"/>
      <c r="IP3" s="516"/>
      <c r="IQ3" s="516"/>
      <c r="IR3" s="516"/>
      <c r="IS3" s="516"/>
      <c r="IT3" s="516"/>
      <c r="IU3" s="516"/>
      <c r="IV3" s="516"/>
      <c r="IW3" s="516"/>
      <c r="IX3" s="516"/>
      <c r="IY3" s="516"/>
      <c r="IZ3" s="516"/>
      <c r="JA3" s="516"/>
      <c r="JB3" s="516"/>
      <c r="JC3" s="516"/>
      <c r="JD3" s="516"/>
      <c r="JE3" s="516"/>
      <c r="JF3" s="516"/>
      <c r="JG3" s="516"/>
      <c r="JH3" s="516"/>
      <c r="JI3" s="516"/>
      <c r="JJ3" s="516"/>
      <c r="JK3" s="516"/>
      <c r="JL3" s="516"/>
      <c r="JM3" s="516"/>
      <c r="JN3" s="516"/>
      <c r="JO3" s="516"/>
      <c r="JP3" s="516"/>
      <c r="JQ3" s="516"/>
      <c r="JR3" s="516"/>
      <c r="JS3" s="516"/>
      <c r="JT3" s="516"/>
      <c r="JU3" s="516"/>
      <c r="JV3" s="516"/>
      <c r="JW3" s="516"/>
      <c r="JX3" s="516"/>
      <c r="JY3" s="516"/>
      <c r="JZ3" s="516"/>
      <c r="KA3" s="516"/>
      <c r="KB3" s="516"/>
      <c r="KC3" s="516"/>
      <c r="KD3" s="516"/>
      <c r="KE3" s="516"/>
      <c r="KF3" s="516"/>
      <c r="KG3" s="516"/>
      <c r="KH3" s="516"/>
      <c r="KI3" s="516"/>
      <c r="KJ3" s="516"/>
      <c r="KK3" s="516"/>
      <c r="KL3" s="516"/>
      <c r="KM3" s="517"/>
    </row>
    <row r="4" spans="2:299" ht="21" customHeight="1" thickBot="1" x14ac:dyDescent="0.25">
      <c r="B4" s="533"/>
      <c r="C4" s="518" t="s">
        <v>39</v>
      </c>
      <c r="D4" s="519"/>
      <c r="E4" s="519"/>
      <c r="F4" s="519"/>
      <c r="G4" s="519"/>
      <c r="H4" s="519"/>
      <c r="I4" s="519"/>
      <c r="J4" s="519"/>
      <c r="K4" s="519"/>
      <c r="L4" s="519"/>
      <c r="M4" s="519"/>
      <c r="N4" s="519"/>
      <c r="O4" s="519"/>
      <c r="P4" s="519"/>
      <c r="Q4" s="519"/>
      <c r="R4" s="519"/>
      <c r="S4" s="519"/>
      <c r="T4" s="519"/>
      <c r="U4" s="519"/>
      <c r="V4" s="519"/>
      <c r="W4" s="519"/>
      <c r="X4" s="519"/>
      <c r="Y4" s="519"/>
      <c r="Z4" s="519"/>
      <c r="AA4" s="519"/>
      <c r="AB4" s="519"/>
      <c r="AC4" s="519"/>
      <c r="AD4" s="519"/>
      <c r="AE4" s="519"/>
      <c r="AF4" s="519"/>
      <c r="AG4" s="519"/>
      <c r="AH4" s="519"/>
      <c r="AI4" s="519"/>
      <c r="AJ4" s="519"/>
      <c r="AK4" s="519"/>
      <c r="AL4" s="519"/>
      <c r="AM4" s="519"/>
      <c r="AN4" s="519"/>
      <c r="AO4" s="519"/>
      <c r="AP4" s="519"/>
      <c r="AQ4" s="519"/>
      <c r="AR4" s="519"/>
      <c r="AS4" s="519"/>
      <c r="AT4" s="519"/>
      <c r="AU4" s="519"/>
      <c r="AV4" s="519"/>
      <c r="AW4" s="519"/>
      <c r="AX4" s="519"/>
      <c r="AY4" s="519"/>
      <c r="AZ4" s="519"/>
      <c r="BA4" s="519"/>
      <c r="BB4" s="519"/>
      <c r="BC4" s="519"/>
      <c r="BD4" s="519"/>
      <c r="BE4" s="519"/>
      <c r="BF4" s="519"/>
      <c r="BG4" s="519"/>
      <c r="BH4" s="519"/>
      <c r="BI4" s="519"/>
      <c r="BJ4" s="519"/>
      <c r="BK4" s="519"/>
      <c r="BL4" s="519"/>
      <c r="BM4" s="519"/>
      <c r="BN4" s="519"/>
      <c r="BO4" s="519"/>
      <c r="BP4" s="519"/>
      <c r="BQ4" s="519"/>
      <c r="BR4" s="519"/>
      <c r="BS4" s="519"/>
      <c r="BT4" s="519"/>
      <c r="BU4" s="519"/>
      <c r="BV4" s="519"/>
      <c r="BW4" s="519"/>
      <c r="BX4" s="519"/>
      <c r="BY4" s="519"/>
      <c r="BZ4" s="519"/>
      <c r="CA4" s="520"/>
      <c r="CB4" s="521" t="s">
        <v>40</v>
      </c>
      <c r="CC4" s="522"/>
      <c r="CD4" s="522"/>
      <c r="CE4" s="522"/>
      <c r="CF4" s="522"/>
      <c r="CG4" s="522"/>
      <c r="CH4" s="522"/>
      <c r="CI4" s="522"/>
      <c r="CJ4" s="522"/>
      <c r="CK4" s="522"/>
      <c r="CL4" s="523"/>
      <c r="CM4" s="521" t="s">
        <v>41</v>
      </c>
      <c r="CN4" s="522"/>
      <c r="CO4" s="522"/>
      <c r="CP4" s="522"/>
      <c r="CQ4" s="522"/>
      <c r="CR4" s="522"/>
      <c r="CS4" s="522"/>
      <c r="CT4" s="522"/>
      <c r="CU4" s="522"/>
      <c r="CV4" s="522"/>
      <c r="CW4" s="523"/>
      <c r="CX4" s="518" t="s">
        <v>39</v>
      </c>
      <c r="CY4" s="519"/>
      <c r="CZ4" s="519"/>
      <c r="DA4" s="519"/>
      <c r="DB4" s="519"/>
      <c r="DC4" s="519"/>
      <c r="DD4" s="519"/>
      <c r="DE4" s="519"/>
      <c r="DF4" s="519"/>
      <c r="DG4" s="519"/>
      <c r="DH4" s="519"/>
      <c r="DI4" s="519"/>
      <c r="DJ4" s="519"/>
      <c r="DK4" s="519"/>
      <c r="DL4" s="519"/>
      <c r="DM4" s="519"/>
      <c r="DN4" s="519"/>
      <c r="DO4" s="519"/>
      <c r="DP4" s="519"/>
      <c r="DQ4" s="519"/>
      <c r="DR4" s="519"/>
      <c r="DS4" s="519"/>
      <c r="DT4" s="519"/>
      <c r="DU4" s="519"/>
      <c r="DV4" s="519"/>
      <c r="DW4" s="519"/>
      <c r="DX4" s="519"/>
      <c r="DY4" s="519"/>
      <c r="DZ4" s="519"/>
      <c r="EA4" s="519"/>
      <c r="EB4" s="519"/>
      <c r="EC4" s="519"/>
      <c r="ED4" s="519"/>
      <c r="EE4" s="519"/>
      <c r="EF4" s="519"/>
      <c r="EG4" s="519"/>
      <c r="EH4" s="519"/>
      <c r="EI4" s="519"/>
      <c r="EJ4" s="519"/>
      <c r="EK4" s="519"/>
      <c r="EL4" s="519"/>
      <c r="EM4" s="519"/>
      <c r="EN4" s="519"/>
      <c r="EO4" s="519"/>
      <c r="EP4" s="519"/>
      <c r="EQ4" s="519"/>
      <c r="ER4" s="519"/>
      <c r="ES4" s="519"/>
      <c r="ET4" s="519"/>
      <c r="EU4" s="519"/>
      <c r="EV4" s="519"/>
      <c r="EW4" s="519"/>
      <c r="EX4" s="519"/>
      <c r="EY4" s="519"/>
      <c r="EZ4" s="519"/>
      <c r="FA4" s="519"/>
      <c r="FB4" s="519"/>
      <c r="FC4" s="519"/>
      <c r="FD4" s="519"/>
      <c r="FE4" s="519"/>
      <c r="FF4" s="519"/>
      <c r="FG4" s="519"/>
      <c r="FH4" s="519"/>
      <c r="FI4" s="519"/>
      <c r="FJ4" s="519"/>
      <c r="FK4" s="519"/>
      <c r="FL4" s="519"/>
      <c r="FM4" s="519"/>
      <c r="FN4" s="519"/>
      <c r="FO4" s="519"/>
      <c r="FP4" s="519"/>
      <c r="FQ4" s="519"/>
      <c r="FR4" s="519"/>
      <c r="FS4" s="519"/>
      <c r="FT4" s="519"/>
      <c r="FU4" s="519"/>
      <c r="FV4" s="520"/>
      <c r="FW4" s="521" t="s">
        <v>40</v>
      </c>
      <c r="FX4" s="522"/>
      <c r="FY4" s="522"/>
      <c r="FZ4" s="522"/>
      <c r="GA4" s="522"/>
      <c r="GB4" s="522"/>
      <c r="GC4" s="522"/>
      <c r="GD4" s="522"/>
      <c r="GE4" s="522"/>
      <c r="GF4" s="522"/>
      <c r="GG4" s="523"/>
      <c r="GH4" s="521" t="s">
        <v>41</v>
      </c>
      <c r="GI4" s="522"/>
      <c r="GJ4" s="522"/>
      <c r="GK4" s="522"/>
      <c r="GL4" s="522"/>
      <c r="GM4" s="522"/>
      <c r="GN4" s="522"/>
      <c r="GO4" s="522"/>
      <c r="GP4" s="522"/>
      <c r="GQ4" s="522"/>
      <c r="GR4" s="523"/>
      <c r="GS4" s="518" t="s">
        <v>39</v>
      </c>
      <c r="GT4" s="519"/>
      <c r="GU4" s="519"/>
      <c r="GV4" s="519"/>
      <c r="GW4" s="519"/>
      <c r="GX4" s="519"/>
      <c r="GY4" s="519"/>
      <c r="GZ4" s="519"/>
      <c r="HA4" s="519"/>
      <c r="HB4" s="519"/>
      <c r="HC4" s="519"/>
      <c r="HD4" s="519"/>
      <c r="HE4" s="519"/>
      <c r="HF4" s="519"/>
      <c r="HG4" s="519"/>
      <c r="HH4" s="519"/>
      <c r="HI4" s="519"/>
      <c r="HJ4" s="519"/>
      <c r="HK4" s="519"/>
      <c r="HL4" s="519"/>
      <c r="HM4" s="519"/>
      <c r="HN4" s="519"/>
      <c r="HO4" s="519"/>
      <c r="HP4" s="519"/>
      <c r="HQ4" s="519"/>
      <c r="HR4" s="519"/>
      <c r="HS4" s="519"/>
      <c r="HT4" s="519"/>
      <c r="HU4" s="519"/>
      <c r="HV4" s="519"/>
      <c r="HW4" s="519"/>
      <c r="HX4" s="519"/>
      <c r="HY4" s="519"/>
      <c r="HZ4" s="519"/>
      <c r="IA4" s="519"/>
      <c r="IB4" s="519"/>
      <c r="IC4" s="519"/>
      <c r="ID4" s="519"/>
      <c r="IE4" s="519"/>
      <c r="IF4" s="519"/>
      <c r="IG4" s="519"/>
      <c r="IH4" s="519"/>
      <c r="II4" s="519"/>
      <c r="IJ4" s="519"/>
      <c r="IK4" s="519"/>
      <c r="IL4" s="519"/>
      <c r="IM4" s="519"/>
      <c r="IN4" s="519"/>
      <c r="IO4" s="519"/>
      <c r="IP4" s="519"/>
      <c r="IQ4" s="519"/>
      <c r="IR4" s="519"/>
      <c r="IS4" s="519"/>
      <c r="IT4" s="519"/>
      <c r="IU4" s="519"/>
      <c r="IV4" s="519"/>
      <c r="IW4" s="519"/>
      <c r="IX4" s="519"/>
      <c r="IY4" s="519"/>
      <c r="IZ4" s="519"/>
      <c r="JA4" s="519"/>
      <c r="JB4" s="519"/>
      <c r="JC4" s="519"/>
      <c r="JD4" s="519"/>
      <c r="JE4" s="519"/>
      <c r="JF4" s="519"/>
      <c r="JG4" s="519"/>
      <c r="JH4" s="519"/>
      <c r="JI4" s="519"/>
      <c r="JJ4" s="519"/>
      <c r="JK4" s="519"/>
      <c r="JL4" s="519"/>
      <c r="JM4" s="519"/>
      <c r="JN4" s="519"/>
      <c r="JO4" s="519"/>
      <c r="JP4" s="519"/>
      <c r="JQ4" s="520"/>
      <c r="JR4" s="521" t="s">
        <v>40</v>
      </c>
      <c r="JS4" s="522"/>
      <c r="JT4" s="522"/>
      <c r="JU4" s="522"/>
      <c r="JV4" s="522"/>
      <c r="JW4" s="522"/>
      <c r="JX4" s="522"/>
      <c r="JY4" s="522"/>
      <c r="JZ4" s="522"/>
      <c r="KA4" s="522"/>
      <c r="KB4" s="523"/>
      <c r="KC4" s="521" t="s">
        <v>41</v>
      </c>
      <c r="KD4" s="522"/>
      <c r="KE4" s="522"/>
      <c r="KF4" s="522"/>
      <c r="KG4" s="522"/>
      <c r="KH4" s="522"/>
      <c r="KI4" s="522"/>
      <c r="KJ4" s="522"/>
      <c r="KK4" s="522"/>
      <c r="KL4" s="522"/>
      <c r="KM4" s="523"/>
    </row>
    <row r="5" spans="2:299" ht="21" customHeight="1" thickBot="1" x14ac:dyDescent="0.25">
      <c r="B5" s="527"/>
      <c r="C5" s="527"/>
      <c r="D5" s="528"/>
      <c r="E5" s="528"/>
      <c r="F5" s="528"/>
      <c r="G5" s="528"/>
      <c r="H5" s="528"/>
      <c r="I5" s="528"/>
      <c r="J5" s="528"/>
      <c r="K5" s="528"/>
      <c r="L5" s="528"/>
      <c r="M5" s="529"/>
      <c r="N5" s="530" t="s">
        <v>97</v>
      </c>
      <c r="O5" s="531"/>
      <c r="P5" s="531"/>
      <c r="Q5" s="531"/>
      <c r="R5" s="531"/>
      <c r="S5" s="531"/>
      <c r="T5" s="531"/>
      <c r="U5" s="531"/>
      <c r="V5" s="531"/>
      <c r="W5" s="531"/>
      <c r="X5" s="532"/>
      <c r="Y5" s="530" t="s">
        <v>98</v>
      </c>
      <c r="Z5" s="531"/>
      <c r="AA5" s="531"/>
      <c r="AB5" s="531"/>
      <c r="AC5" s="531"/>
      <c r="AD5" s="531"/>
      <c r="AE5" s="531"/>
      <c r="AF5" s="531"/>
      <c r="AG5" s="531"/>
      <c r="AH5" s="531"/>
      <c r="AI5" s="532"/>
      <c r="AJ5" s="530" t="s">
        <v>99</v>
      </c>
      <c r="AK5" s="531"/>
      <c r="AL5" s="531"/>
      <c r="AM5" s="531"/>
      <c r="AN5" s="531"/>
      <c r="AO5" s="531"/>
      <c r="AP5" s="531"/>
      <c r="AQ5" s="531"/>
      <c r="AR5" s="531"/>
      <c r="AS5" s="531"/>
      <c r="AT5" s="532"/>
      <c r="AU5" s="530" t="s">
        <v>100</v>
      </c>
      <c r="AV5" s="531"/>
      <c r="AW5" s="531"/>
      <c r="AX5" s="531"/>
      <c r="AY5" s="531"/>
      <c r="AZ5" s="531"/>
      <c r="BA5" s="531"/>
      <c r="BB5" s="531"/>
      <c r="BC5" s="531"/>
      <c r="BD5" s="531"/>
      <c r="BE5" s="532"/>
      <c r="BF5" s="530" t="s">
        <v>101</v>
      </c>
      <c r="BG5" s="531"/>
      <c r="BH5" s="531"/>
      <c r="BI5" s="531"/>
      <c r="BJ5" s="531"/>
      <c r="BK5" s="531"/>
      <c r="BL5" s="531"/>
      <c r="BM5" s="531"/>
      <c r="BN5" s="531"/>
      <c r="BO5" s="531"/>
      <c r="BP5" s="532"/>
      <c r="BQ5" s="530" t="s">
        <v>102</v>
      </c>
      <c r="BR5" s="531"/>
      <c r="BS5" s="531"/>
      <c r="BT5" s="531"/>
      <c r="BU5" s="531"/>
      <c r="BV5" s="531"/>
      <c r="BW5" s="531"/>
      <c r="BX5" s="531"/>
      <c r="BY5" s="531"/>
      <c r="BZ5" s="531"/>
      <c r="CA5" s="532"/>
      <c r="CB5" s="524"/>
      <c r="CC5" s="525"/>
      <c r="CD5" s="525"/>
      <c r="CE5" s="525"/>
      <c r="CF5" s="525"/>
      <c r="CG5" s="525"/>
      <c r="CH5" s="525"/>
      <c r="CI5" s="525"/>
      <c r="CJ5" s="525"/>
      <c r="CK5" s="525"/>
      <c r="CL5" s="526"/>
      <c r="CM5" s="524"/>
      <c r="CN5" s="525"/>
      <c r="CO5" s="525"/>
      <c r="CP5" s="525"/>
      <c r="CQ5" s="525"/>
      <c r="CR5" s="525"/>
      <c r="CS5" s="525"/>
      <c r="CT5" s="525"/>
      <c r="CU5" s="525"/>
      <c r="CV5" s="525"/>
      <c r="CW5" s="526"/>
      <c r="CX5" s="527"/>
      <c r="CY5" s="528"/>
      <c r="CZ5" s="528"/>
      <c r="DA5" s="528"/>
      <c r="DB5" s="528"/>
      <c r="DC5" s="528"/>
      <c r="DD5" s="528"/>
      <c r="DE5" s="528"/>
      <c r="DF5" s="528"/>
      <c r="DG5" s="528"/>
      <c r="DH5" s="529"/>
      <c r="DI5" s="530" t="s">
        <v>97</v>
      </c>
      <c r="DJ5" s="531"/>
      <c r="DK5" s="531"/>
      <c r="DL5" s="531"/>
      <c r="DM5" s="531"/>
      <c r="DN5" s="531"/>
      <c r="DO5" s="531"/>
      <c r="DP5" s="531"/>
      <c r="DQ5" s="531"/>
      <c r="DR5" s="531"/>
      <c r="DS5" s="532"/>
      <c r="DT5" s="530" t="s">
        <v>98</v>
      </c>
      <c r="DU5" s="531"/>
      <c r="DV5" s="531"/>
      <c r="DW5" s="531"/>
      <c r="DX5" s="531"/>
      <c r="DY5" s="531"/>
      <c r="DZ5" s="531"/>
      <c r="EA5" s="531"/>
      <c r="EB5" s="531"/>
      <c r="EC5" s="531"/>
      <c r="ED5" s="532"/>
      <c r="EE5" s="530" t="s">
        <v>99</v>
      </c>
      <c r="EF5" s="531"/>
      <c r="EG5" s="531"/>
      <c r="EH5" s="531"/>
      <c r="EI5" s="531"/>
      <c r="EJ5" s="531"/>
      <c r="EK5" s="531"/>
      <c r="EL5" s="531"/>
      <c r="EM5" s="531"/>
      <c r="EN5" s="531"/>
      <c r="EO5" s="532"/>
      <c r="EP5" s="530" t="s">
        <v>100</v>
      </c>
      <c r="EQ5" s="531"/>
      <c r="ER5" s="531"/>
      <c r="ES5" s="531"/>
      <c r="ET5" s="531"/>
      <c r="EU5" s="531"/>
      <c r="EV5" s="531"/>
      <c r="EW5" s="531"/>
      <c r="EX5" s="531"/>
      <c r="EY5" s="531"/>
      <c r="EZ5" s="532"/>
      <c r="FA5" s="530" t="s">
        <v>101</v>
      </c>
      <c r="FB5" s="531"/>
      <c r="FC5" s="531"/>
      <c r="FD5" s="531"/>
      <c r="FE5" s="531"/>
      <c r="FF5" s="531"/>
      <c r="FG5" s="531"/>
      <c r="FH5" s="531"/>
      <c r="FI5" s="531"/>
      <c r="FJ5" s="531"/>
      <c r="FK5" s="532"/>
      <c r="FL5" s="530" t="s">
        <v>102</v>
      </c>
      <c r="FM5" s="531"/>
      <c r="FN5" s="531"/>
      <c r="FO5" s="531"/>
      <c r="FP5" s="531"/>
      <c r="FQ5" s="531"/>
      <c r="FR5" s="531"/>
      <c r="FS5" s="531"/>
      <c r="FT5" s="531"/>
      <c r="FU5" s="531"/>
      <c r="FV5" s="532"/>
      <c r="FW5" s="524"/>
      <c r="FX5" s="525"/>
      <c r="FY5" s="525"/>
      <c r="FZ5" s="525"/>
      <c r="GA5" s="525"/>
      <c r="GB5" s="525"/>
      <c r="GC5" s="525"/>
      <c r="GD5" s="525"/>
      <c r="GE5" s="525"/>
      <c r="GF5" s="525"/>
      <c r="GG5" s="526"/>
      <c r="GH5" s="524"/>
      <c r="GI5" s="525"/>
      <c r="GJ5" s="525"/>
      <c r="GK5" s="525"/>
      <c r="GL5" s="525"/>
      <c r="GM5" s="525"/>
      <c r="GN5" s="525"/>
      <c r="GO5" s="525"/>
      <c r="GP5" s="525"/>
      <c r="GQ5" s="525"/>
      <c r="GR5" s="526"/>
      <c r="GS5" s="527"/>
      <c r="GT5" s="528"/>
      <c r="GU5" s="528"/>
      <c r="GV5" s="528"/>
      <c r="GW5" s="528"/>
      <c r="GX5" s="528"/>
      <c r="GY5" s="528"/>
      <c r="GZ5" s="528"/>
      <c r="HA5" s="528"/>
      <c r="HB5" s="528"/>
      <c r="HC5" s="529"/>
      <c r="HD5" s="530" t="s">
        <v>97</v>
      </c>
      <c r="HE5" s="531"/>
      <c r="HF5" s="531"/>
      <c r="HG5" s="531"/>
      <c r="HH5" s="531"/>
      <c r="HI5" s="531"/>
      <c r="HJ5" s="531"/>
      <c r="HK5" s="531"/>
      <c r="HL5" s="531"/>
      <c r="HM5" s="531"/>
      <c r="HN5" s="532"/>
      <c r="HO5" s="530" t="s">
        <v>98</v>
      </c>
      <c r="HP5" s="531"/>
      <c r="HQ5" s="531"/>
      <c r="HR5" s="531"/>
      <c r="HS5" s="531"/>
      <c r="HT5" s="531"/>
      <c r="HU5" s="531"/>
      <c r="HV5" s="531"/>
      <c r="HW5" s="531"/>
      <c r="HX5" s="531"/>
      <c r="HY5" s="532"/>
      <c r="HZ5" s="530" t="s">
        <v>99</v>
      </c>
      <c r="IA5" s="531"/>
      <c r="IB5" s="531"/>
      <c r="IC5" s="531"/>
      <c r="ID5" s="531"/>
      <c r="IE5" s="531"/>
      <c r="IF5" s="531"/>
      <c r="IG5" s="531"/>
      <c r="IH5" s="531"/>
      <c r="II5" s="531"/>
      <c r="IJ5" s="532"/>
      <c r="IK5" s="530" t="s">
        <v>100</v>
      </c>
      <c r="IL5" s="531"/>
      <c r="IM5" s="531"/>
      <c r="IN5" s="531"/>
      <c r="IO5" s="531"/>
      <c r="IP5" s="531"/>
      <c r="IQ5" s="531"/>
      <c r="IR5" s="531"/>
      <c r="IS5" s="531"/>
      <c r="IT5" s="531"/>
      <c r="IU5" s="532"/>
      <c r="IV5" s="530" t="s">
        <v>101</v>
      </c>
      <c r="IW5" s="531"/>
      <c r="IX5" s="531"/>
      <c r="IY5" s="531"/>
      <c r="IZ5" s="531"/>
      <c r="JA5" s="531"/>
      <c r="JB5" s="531"/>
      <c r="JC5" s="531"/>
      <c r="JD5" s="531"/>
      <c r="JE5" s="531"/>
      <c r="JF5" s="532"/>
      <c r="JG5" s="530" t="s">
        <v>102</v>
      </c>
      <c r="JH5" s="531"/>
      <c r="JI5" s="531"/>
      <c r="JJ5" s="531"/>
      <c r="JK5" s="531"/>
      <c r="JL5" s="531"/>
      <c r="JM5" s="531"/>
      <c r="JN5" s="531"/>
      <c r="JO5" s="531"/>
      <c r="JP5" s="531"/>
      <c r="JQ5" s="532"/>
      <c r="JR5" s="524"/>
      <c r="JS5" s="525"/>
      <c r="JT5" s="525"/>
      <c r="JU5" s="525"/>
      <c r="JV5" s="525"/>
      <c r="JW5" s="525"/>
      <c r="JX5" s="525"/>
      <c r="JY5" s="525"/>
      <c r="JZ5" s="525"/>
      <c r="KA5" s="525"/>
      <c r="KB5" s="526"/>
      <c r="KC5" s="524"/>
      <c r="KD5" s="525"/>
      <c r="KE5" s="525"/>
      <c r="KF5" s="525"/>
      <c r="KG5" s="525"/>
      <c r="KH5" s="525"/>
      <c r="KI5" s="525"/>
      <c r="KJ5" s="525"/>
      <c r="KK5" s="525"/>
      <c r="KL5" s="525"/>
      <c r="KM5" s="526"/>
    </row>
    <row r="6" spans="2:299" ht="30"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125" t="s">
        <v>4</v>
      </c>
      <c r="C7" s="314">
        <v>19929</v>
      </c>
      <c r="D7" s="78">
        <v>19865</v>
      </c>
      <c r="E7" s="79">
        <v>39794</v>
      </c>
      <c r="F7" s="240"/>
      <c r="G7" s="78">
        <v>30265</v>
      </c>
      <c r="H7" s="78">
        <v>29260</v>
      </c>
      <c r="I7" s="78">
        <v>20352</v>
      </c>
      <c r="J7" s="78">
        <v>16972</v>
      </c>
      <c r="K7" s="78">
        <v>10574</v>
      </c>
      <c r="L7" s="80">
        <v>107423</v>
      </c>
      <c r="M7" s="81">
        <v>147217</v>
      </c>
      <c r="N7" s="66">
        <v>863</v>
      </c>
      <c r="O7" s="67">
        <v>1010</v>
      </c>
      <c r="P7" s="68">
        <v>1873</v>
      </c>
      <c r="Q7" s="243"/>
      <c r="R7" s="67">
        <v>1319</v>
      </c>
      <c r="S7" s="67">
        <v>1598</v>
      </c>
      <c r="T7" s="67">
        <v>995</v>
      </c>
      <c r="U7" s="67">
        <v>948</v>
      </c>
      <c r="V7" s="67">
        <v>753</v>
      </c>
      <c r="W7" s="68">
        <v>5613</v>
      </c>
      <c r="X7" s="69">
        <v>7486</v>
      </c>
      <c r="Y7" s="66">
        <v>2060</v>
      </c>
      <c r="Z7" s="67">
        <v>2336</v>
      </c>
      <c r="AA7" s="68">
        <v>4396</v>
      </c>
      <c r="AB7" s="243"/>
      <c r="AC7" s="67">
        <v>3050</v>
      </c>
      <c r="AD7" s="67">
        <v>3474</v>
      </c>
      <c r="AE7" s="67">
        <v>2461</v>
      </c>
      <c r="AF7" s="67">
        <v>2015</v>
      </c>
      <c r="AG7" s="67">
        <v>1520</v>
      </c>
      <c r="AH7" s="68">
        <v>12520</v>
      </c>
      <c r="AI7" s="69">
        <v>16916</v>
      </c>
      <c r="AJ7" s="66">
        <v>3012</v>
      </c>
      <c r="AK7" s="67">
        <v>3293</v>
      </c>
      <c r="AL7" s="68">
        <v>6305</v>
      </c>
      <c r="AM7" s="243"/>
      <c r="AN7" s="67">
        <v>4881</v>
      </c>
      <c r="AO7" s="67">
        <v>4786</v>
      </c>
      <c r="AP7" s="67">
        <v>3309</v>
      </c>
      <c r="AQ7" s="67">
        <v>2816</v>
      </c>
      <c r="AR7" s="67">
        <v>1961</v>
      </c>
      <c r="AS7" s="68">
        <v>17753</v>
      </c>
      <c r="AT7" s="69">
        <v>24058</v>
      </c>
      <c r="AU7" s="66">
        <v>5115</v>
      </c>
      <c r="AV7" s="67">
        <v>4818</v>
      </c>
      <c r="AW7" s="68">
        <v>9933</v>
      </c>
      <c r="AX7" s="243"/>
      <c r="AY7" s="67">
        <v>7695</v>
      </c>
      <c r="AZ7" s="67">
        <v>6801</v>
      </c>
      <c r="BA7" s="67">
        <v>4653</v>
      </c>
      <c r="BB7" s="67">
        <v>3777</v>
      </c>
      <c r="BC7" s="67">
        <v>2459</v>
      </c>
      <c r="BD7" s="68">
        <v>25385</v>
      </c>
      <c r="BE7" s="69">
        <v>35318</v>
      </c>
      <c r="BF7" s="66">
        <v>5625</v>
      </c>
      <c r="BG7" s="67">
        <v>5181</v>
      </c>
      <c r="BH7" s="68">
        <v>10806</v>
      </c>
      <c r="BI7" s="243"/>
      <c r="BJ7" s="67">
        <v>8003</v>
      </c>
      <c r="BK7" s="67">
        <v>7160</v>
      </c>
      <c r="BL7" s="67">
        <v>4971</v>
      </c>
      <c r="BM7" s="67">
        <v>4116</v>
      </c>
      <c r="BN7" s="67">
        <v>2251</v>
      </c>
      <c r="BO7" s="68">
        <v>26501</v>
      </c>
      <c r="BP7" s="69">
        <v>37307</v>
      </c>
      <c r="BQ7" s="66">
        <v>3254</v>
      </c>
      <c r="BR7" s="67">
        <v>3227</v>
      </c>
      <c r="BS7" s="68">
        <v>6481</v>
      </c>
      <c r="BT7" s="243"/>
      <c r="BU7" s="67">
        <v>5317</v>
      </c>
      <c r="BV7" s="67">
        <v>5441</v>
      </c>
      <c r="BW7" s="67">
        <v>3963</v>
      </c>
      <c r="BX7" s="67">
        <v>3300</v>
      </c>
      <c r="BY7" s="67">
        <v>1630</v>
      </c>
      <c r="BZ7" s="68">
        <v>19651</v>
      </c>
      <c r="CA7" s="69">
        <v>26132</v>
      </c>
      <c r="CB7" s="66">
        <v>477</v>
      </c>
      <c r="CC7" s="67">
        <v>753</v>
      </c>
      <c r="CD7" s="68">
        <v>1230</v>
      </c>
      <c r="CE7" s="243"/>
      <c r="CF7" s="67">
        <v>894</v>
      </c>
      <c r="CG7" s="67">
        <v>1317</v>
      </c>
      <c r="CH7" s="67">
        <v>832</v>
      </c>
      <c r="CI7" s="67">
        <v>777</v>
      </c>
      <c r="CJ7" s="67">
        <v>737</v>
      </c>
      <c r="CK7" s="68">
        <v>4557</v>
      </c>
      <c r="CL7" s="69">
        <v>5787</v>
      </c>
      <c r="CM7" s="66">
        <v>20406</v>
      </c>
      <c r="CN7" s="67">
        <v>20618</v>
      </c>
      <c r="CO7" s="68">
        <v>41024</v>
      </c>
      <c r="CP7" s="243"/>
      <c r="CQ7" s="67">
        <v>31159</v>
      </c>
      <c r="CR7" s="67">
        <v>30577</v>
      </c>
      <c r="CS7" s="67">
        <v>21184</v>
      </c>
      <c r="CT7" s="67">
        <v>17749</v>
      </c>
      <c r="CU7" s="67">
        <v>11311</v>
      </c>
      <c r="CV7" s="68">
        <v>111980</v>
      </c>
      <c r="CW7" s="69">
        <v>153004</v>
      </c>
      <c r="CX7" s="122">
        <v>38131</v>
      </c>
      <c r="CY7" s="78">
        <v>43747</v>
      </c>
      <c r="CZ7" s="79">
        <v>81878</v>
      </c>
      <c r="DA7" s="240"/>
      <c r="DB7" s="78">
        <v>55470</v>
      </c>
      <c r="DC7" s="78">
        <v>51650</v>
      </c>
      <c r="DD7" s="78">
        <v>38574</v>
      </c>
      <c r="DE7" s="78">
        <v>38100</v>
      </c>
      <c r="DF7" s="78">
        <v>25446</v>
      </c>
      <c r="DG7" s="80">
        <v>209240</v>
      </c>
      <c r="DH7" s="81">
        <v>291118</v>
      </c>
      <c r="DI7" s="66">
        <v>865</v>
      </c>
      <c r="DJ7" s="67">
        <v>1016</v>
      </c>
      <c r="DK7" s="68">
        <v>1881</v>
      </c>
      <c r="DL7" s="243"/>
      <c r="DM7" s="67">
        <v>1044</v>
      </c>
      <c r="DN7" s="67">
        <v>1064</v>
      </c>
      <c r="DO7" s="67">
        <v>705</v>
      </c>
      <c r="DP7" s="67">
        <v>687</v>
      </c>
      <c r="DQ7" s="67">
        <v>581</v>
      </c>
      <c r="DR7" s="68">
        <v>4081</v>
      </c>
      <c r="DS7" s="69">
        <v>5962</v>
      </c>
      <c r="DT7" s="66">
        <v>2669</v>
      </c>
      <c r="DU7" s="67">
        <v>3173</v>
      </c>
      <c r="DV7" s="68">
        <v>5842</v>
      </c>
      <c r="DW7" s="243"/>
      <c r="DX7" s="67">
        <v>3065</v>
      </c>
      <c r="DY7" s="67">
        <v>3069</v>
      </c>
      <c r="DZ7" s="67">
        <v>1910</v>
      </c>
      <c r="EA7" s="67">
        <v>1877</v>
      </c>
      <c r="EB7" s="67">
        <v>1485</v>
      </c>
      <c r="EC7" s="68">
        <v>11406</v>
      </c>
      <c r="ED7" s="69">
        <v>17248</v>
      </c>
      <c r="EE7" s="66">
        <v>6071</v>
      </c>
      <c r="EF7" s="67">
        <v>6504</v>
      </c>
      <c r="EG7" s="68">
        <v>12575</v>
      </c>
      <c r="EH7" s="243"/>
      <c r="EI7" s="67">
        <v>6775</v>
      </c>
      <c r="EJ7" s="67">
        <v>5669</v>
      </c>
      <c r="EK7" s="67">
        <v>3683</v>
      </c>
      <c r="EL7" s="67">
        <v>3386</v>
      </c>
      <c r="EM7" s="67">
        <v>2685</v>
      </c>
      <c r="EN7" s="68">
        <v>22198</v>
      </c>
      <c r="EO7" s="69">
        <v>34773</v>
      </c>
      <c r="EP7" s="66">
        <v>11430</v>
      </c>
      <c r="EQ7" s="67">
        <v>11622</v>
      </c>
      <c r="ER7" s="68">
        <v>23052</v>
      </c>
      <c r="ES7" s="243"/>
      <c r="ET7" s="67">
        <v>13381</v>
      </c>
      <c r="EU7" s="67">
        <v>10756</v>
      </c>
      <c r="EV7" s="67">
        <v>7064</v>
      </c>
      <c r="EW7" s="67">
        <v>6414</v>
      </c>
      <c r="EX7" s="67">
        <v>4438</v>
      </c>
      <c r="EY7" s="68">
        <v>42053</v>
      </c>
      <c r="EZ7" s="69">
        <v>65105</v>
      </c>
      <c r="FA7" s="66">
        <v>11315</v>
      </c>
      <c r="FB7" s="67">
        <v>13096</v>
      </c>
      <c r="FC7" s="68">
        <v>24411</v>
      </c>
      <c r="FD7" s="243"/>
      <c r="FE7" s="67">
        <v>17121</v>
      </c>
      <c r="FF7" s="67">
        <v>15022</v>
      </c>
      <c r="FG7" s="67">
        <v>10687</v>
      </c>
      <c r="FH7" s="67">
        <v>9898</v>
      </c>
      <c r="FI7" s="67">
        <v>6580</v>
      </c>
      <c r="FJ7" s="68">
        <v>59308</v>
      </c>
      <c r="FK7" s="69">
        <v>83719</v>
      </c>
      <c r="FL7" s="66">
        <v>5781</v>
      </c>
      <c r="FM7" s="67">
        <v>8336</v>
      </c>
      <c r="FN7" s="68">
        <v>14117</v>
      </c>
      <c r="FO7" s="243"/>
      <c r="FP7" s="67">
        <v>14084</v>
      </c>
      <c r="FQ7" s="67">
        <v>16070</v>
      </c>
      <c r="FR7" s="67">
        <v>14525</v>
      </c>
      <c r="FS7" s="67">
        <v>15838</v>
      </c>
      <c r="FT7" s="67">
        <v>9677</v>
      </c>
      <c r="FU7" s="68">
        <v>70194</v>
      </c>
      <c r="FV7" s="69">
        <v>84311</v>
      </c>
      <c r="FW7" s="66">
        <v>363</v>
      </c>
      <c r="FX7" s="67">
        <v>688</v>
      </c>
      <c r="FY7" s="68">
        <v>1051</v>
      </c>
      <c r="FZ7" s="243"/>
      <c r="GA7" s="67">
        <v>695</v>
      </c>
      <c r="GB7" s="67">
        <v>1018</v>
      </c>
      <c r="GC7" s="67">
        <v>621</v>
      </c>
      <c r="GD7" s="67">
        <v>594</v>
      </c>
      <c r="GE7" s="67">
        <v>617</v>
      </c>
      <c r="GF7" s="68">
        <v>3545</v>
      </c>
      <c r="GG7" s="69">
        <v>4596</v>
      </c>
      <c r="GH7" s="66">
        <v>38494</v>
      </c>
      <c r="GI7" s="67">
        <v>44435</v>
      </c>
      <c r="GJ7" s="68">
        <v>82929</v>
      </c>
      <c r="GK7" s="243"/>
      <c r="GL7" s="67">
        <v>56165</v>
      </c>
      <c r="GM7" s="67">
        <v>52668</v>
      </c>
      <c r="GN7" s="67">
        <v>39195</v>
      </c>
      <c r="GO7" s="67">
        <v>38694</v>
      </c>
      <c r="GP7" s="67">
        <v>26063</v>
      </c>
      <c r="GQ7" s="68">
        <v>212785</v>
      </c>
      <c r="GR7" s="69">
        <v>295714</v>
      </c>
      <c r="GS7" s="122">
        <v>58060</v>
      </c>
      <c r="GT7" s="78">
        <v>63612</v>
      </c>
      <c r="GU7" s="79">
        <v>121672</v>
      </c>
      <c r="GV7" s="240"/>
      <c r="GW7" s="78">
        <v>85735</v>
      </c>
      <c r="GX7" s="78">
        <v>80910</v>
      </c>
      <c r="GY7" s="78">
        <v>58926</v>
      </c>
      <c r="GZ7" s="78">
        <v>55072</v>
      </c>
      <c r="HA7" s="78">
        <v>36020</v>
      </c>
      <c r="HB7" s="80">
        <v>316663</v>
      </c>
      <c r="HC7" s="81">
        <v>438335</v>
      </c>
      <c r="HD7" s="66">
        <v>1728</v>
      </c>
      <c r="HE7" s="67">
        <v>2026</v>
      </c>
      <c r="HF7" s="68">
        <v>3754</v>
      </c>
      <c r="HG7" s="243"/>
      <c r="HH7" s="67">
        <v>2363</v>
      </c>
      <c r="HI7" s="67">
        <v>2662</v>
      </c>
      <c r="HJ7" s="67">
        <v>1700</v>
      </c>
      <c r="HK7" s="67">
        <v>1635</v>
      </c>
      <c r="HL7" s="67">
        <v>1334</v>
      </c>
      <c r="HM7" s="68">
        <v>9694</v>
      </c>
      <c r="HN7" s="69">
        <v>13448</v>
      </c>
      <c r="HO7" s="66">
        <v>4729</v>
      </c>
      <c r="HP7" s="67">
        <v>5509</v>
      </c>
      <c r="HQ7" s="68">
        <v>10238</v>
      </c>
      <c r="HR7" s="243"/>
      <c r="HS7" s="67">
        <v>6115</v>
      </c>
      <c r="HT7" s="67">
        <v>6543</v>
      </c>
      <c r="HU7" s="67">
        <v>4371</v>
      </c>
      <c r="HV7" s="67">
        <v>3892</v>
      </c>
      <c r="HW7" s="67">
        <v>3005</v>
      </c>
      <c r="HX7" s="68">
        <v>23926</v>
      </c>
      <c r="HY7" s="69">
        <v>34164</v>
      </c>
      <c r="HZ7" s="66">
        <v>9083</v>
      </c>
      <c r="IA7" s="67">
        <v>9797</v>
      </c>
      <c r="IB7" s="68">
        <v>18880</v>
      </c>
      <c r="IC7" s="243"/>
      <c r="ID7" s="67">
        <v>11656</v>
      </c>
      <c r="IE7" s="67">
        <v>10455</v>
      </c>
      <c r="IF7" s="67">
        <v>6992</v>
      </c>
      <c r="IG7" s="67">
        <v>6202</v>
      </c>
      <c r="IH7" s="67">
        <v>4646</v>
      </c>
      <c r="II7" s="68">
        <v>39951</v>
      </c>
      <c r="IJ7" s="69">
        <v>58831</v>
      </c>
      <c r="IK7" s="66">
        <v>16545</v>
      </c>
      <c r="IL7" s="67">
        <v>16440</v>
      </c>
      <c r="IM7" s="68">
        <v>32985</v>
      </c>
      <c r="IN7" s="243"/>
      <c r="IO7" s="67">
        <v>21076</v>
      </c>
      <c r="IP7" s="67">
        <v>17557</v>
      </c>
      <c r="IQ7" s="67">
        <v>11717</v>
      </c>
      <c r="IR7" s="67">
        <v>10191</v>
      </c>
      <c r="IS7" s="67">
        <v>6897</v>
      </c>
      <c r="IT7" s="68">
        <v>67438</v>
      </c>
      <c r="IU7" s="69">
        <v>100423</v>
      </c>
      <c r="IV7" s="66">
        <v>16940</v>
      </c>
      <c r="IW7" s="67">
        <v>18277</v>
      </c>
      <c r="IX7" s="68">
        <v>35217</v>
      </c>
      <c r="IY7" s="243"/>
      <c r="IZ7" s="67">
        <v>25124</v>
      </c>
      <c r="JA7" s="67">
        <v>22182</v>
      </c>
      <c r="JB7" s="67">
        <v>15658</v>
      </c>
      <c r="JC7" s="67">
        <v>14014</v>
      </c>
      <c r="JD7" s="67">
        <v>8831</v>
      </c>
      <c r="JE7" s="68">
        <v>85809</v>
      </c>
      <c r="JF7" s="69">
        <v>121026</v>
      </c>
      <c r="JG7" s="66">
        <v>9035</v>
      </c>
      <c r="JH7" s="67">
        <v>11563</v>
      </c>
      <c r="JI7" s="68">
        <v>20598</v>
      </c>
      <c r="JJ7" s="243"/>
      <c r="JK7" s="67">
        <v>19401</v>
      </c>
      <c r="JL7" s="67">
        <v>21511</v>
      </c>
      <c r="JM7" s="67">
        <v>18488</v>
      </c>
      <c r="JN7" s="67">
        <v>19138</v>
      </c>
      <c r="JO7" s="67">
        <v>11307</v>
      </c>
      <c r="JP7" s="68">
        <v>89845</v>
      </c>
      <c r="JQ7" s="69">
        <v>110443</v>
      </c>
      <c r="JR7" s="66">
        <v>840</v>
      </c>
      <c r="JS7" s="67">
        <v>1441</v>
      </c>
      <c r="JT7" s="68">
        <v>2281</v>
      </c>
      <c r="JU7" s="243"/>
      <c r="JV7" s="67">
        <v>1589</v>
      </c>
      <c r="JW7" s="67">
        <v>2335</v>
      </c>
      <c r="JX7" s="67">
        <v>1453</v>
      </c>
      <c r="JY7" s="67">
        <v>1371</v>
      </c>
      <c r="JZ7" s="67">
        <v>1354</v>
      </c>
      <c r="KA7" s="68">
        <v>8102</v>
      </c>
      <c r="KB7" s="69">
        <v>10383</v>
      </c>
      <c r="KC7" s="66">
        <v>58900</v>
      </c>
      <c r="KD7" s="67">
        <v>65053</v>
      </c>
      <c r="KE7" s="68">
        <v>123953</v>
      </c>
      <c r="KF7" s="243"/>
      <c r="KG7" s="67">
        <v>87324</v>
      </c>
      <c r="KH7" s="67">
        <v>83245</v>
      </c>
      <c r="KI7" s="67">
        <v>60379</v>
      </c>
      <c r="KJ7" s="67">
        <v>56443</v>
      </c>
      <c r="KK7" s="67">
        <v>37374</v>
      </c>
      <c r="KL7" s="68">
        <v>324765</v>
      </c>
      <c r="KM7" s="69">
        <v>448718</v>
      </c>
    </row>
    <row r="8" spans="2:299" ht="21" customHeight="1" x14ac:dyDescent="0.2">
      <c r="B8" s="126" t="s">
        <v>5</v>
      </c>
      <c r="C8" s="315">
        <v>8118</v>
      </c>
      <c r="D8" s="82">
        <v>9343</v>
      </c>
      <c r="E8" s="83">
        <v>17461</v>
      </c>
      <c r="F8" s="241"/>
      <c r="G8" s="82">
        <v>10046</v>
      </c>
      <c r="H8" s="82">
        <v>13039</v>
      </c>
      <c r="I8" s="82">
        <v>8445</v>
      </c>
      <c r="J8" s="82">
        <v>7031</v>
      </c>
      <c r="K8" s="82">
        <v>4393</v>
      </c>
      <c r="L8" s="84">
        <v>42954</v>
      </c>
      <c r="M8" s="85">
        <v>60415</v>
      </c>
      <c r="N8" s="70">
        <v>331</v>
      </c>
      <c r="O8" s="71">
        <v>461</v>
      </c>
      <c r="P8" s="72">
        <v>792</v>
      </c>
      <c r="Q8" s="244"/>
      <c r="R8" s="71">
        <v>409</v>
      </c>
      <c r="S8" s="71">
        <v>717</v>
      </c>
      <c r="T8" s="71">
        <v>401</v>
      </c>
      <c r="U8" s="71">
        <v>398</v>
      </c>
      <c r="V8" s="71">
        <v>303</v>
      </c>
      <c r="W8" s="72">
        <v>2228</v>
      </c>
      <c r="X8" s="73">
        <v>3020</v>
      </c>
      <c r="Y8" s="70">
        <v>778</v>
      </c>
      <c r="Z8" s="71">
        <v>1042</v>
      </c>
      <c r="AA8" s="72">
        <v>1820</v>
      </c>
      <c r="AB8" s="244"/>
      <c r="AC8" s="71">
        <v>934</v>
      </c>
      <c r="AD8" s="71">
        <v>1497</v>
      </c>
      <c r="AE8" s="71">
        <v>1060</v>
      </c>
      <c r="AF8" s="71">
        <v>826</v>
      </c>
      <c r="AG8" s="71">
        <v>672</v>
      </c>
      <c r="AH8" s="72">
        <v>4989</v>
      </c>
      <c r="AI8" s="73">
        <v>6809</v>
      </c>
      <c r="AJ8" s="70">
        <v>1165</v>
      </c>
      <c r="AK8" s="71">
        <v>1517</v>
      </c>
      <c r="AL8" s="72">
        <v>2682</v>
      </c>
      <c r="AM8" s="244"/>
      <c r="AN8" s="71">
        <v>1564</v>
      </c>
      <c r="AO8" s="71">
        <v>2126</v>
      </c>
      <c r="AP8" s="71">
        <v>1325</v>
      </c>
      <c r="AQ8" s="71">
        <v>1148</v>
      </c>
      <c r="AR8" s="71">
        <v>751</v>
      </c>
      <c r="AS8" s="72">
        <v>6914</v>
      </c>
      <c r="AT8" s="73">
        <v>9596</v>
      </c>
      <c r="AU8" s="70">
        <v>2115</v>
      </c>
      <c r="AV8" s="71">
        <v>2274</v>
      </c>
      <c r="AW8" s="72">
        <v>4389</v>
      </c>
      <c r="AX8" s="244"/>
      <c r="AY8" s="71">
        <v>2518</v>
      </c>
      <c r="AZ8" s="71">
        <v>2906</v>
      </c>
      <c r="BA8" s="71">
        <v>1860</v>
      </c>
      <c r="BB8" s="71">
        <v>1538</v>
      </c>
      <c r="BC8" s="71">
        <v>1002</v>
      </c>
      <c r="BD8" s="72">
        <v>9824</v>
      </c>
      <c r="BE8" s="73">
        <v>14213</v>
      </c>
      <c r="BF8" s="70">
        <v>2355</v>
      </c>
      <c r="BG8" s="71">
        <v>2481</v>
      </c>
      <c r="BH8" s="72">
        <v>4836</v>
      </c>
      <c r="BI8" s="244"/>
      <c r="BJ8" s="71">
        <v>2787</v>
      </c>
      <c r="BK8" s="71">
        <v>3238</v>
      </c>
      <c r="BL8" s="71">
        <v>2046</v>
      </c>
      <c r="BM8" s="71">
        <v>1736</v>
      </c>
      <c r="BN8" s="71">
        <v>954</v>
      </c>
      <c r="BO8" s="72">
        <v>10761</v>
      </c>
      <c r="BP8" s="73">
        <v>15597</v>
      </c>
      <c r="BQ8" s="70">
        <v>1374</v>
      </c>
      <c r="BR8" s="71">
        <v>1568</v>
      </c>
      <c r="BS8" s="72">
        <v>2942</v>
      </c>
      <c r="BT8" s="244"/>
      <c r="BU8" s="71">
        <v>1834</v>
      </c>
      <c r="BV8" s="71">
        <v>2555</v>
      </c>
      <c r="BW8" s="71">
        <v>1753</v>
      </c>
      <c r="BX8" s="71">
        <v>1385</v>
      </c>
      <c r="BY8" s="71">
        <v>711</v>
      </c>
      <c r="BZ8" s="72">
        <v>8238</v>
      </c>
      <c r="CA8" s="73">
        <v>11180</v>
      </c>
      <c r="CB8" s="70">
        <v>172</v>
      </c>
      <c r="CC8" s="71">
        <v>319</v>
      </c>
      <c r="CD8" s="72">
        <v>491</v>
      </c>
      <c r="CE8" s="244"/>
      <c r="CF8" s="71">
        <v>261</v>
      </c>
      <c r="CG8" s="71">
        <v>595</v>
      </c>
      <c r="CH8" s="71">
        <v>383</v>
      </c>
      <c r="CI8" s="71">
        <v>337</v>
      </c>
      <c r="CJ8" s="71">
        <v>332</v>
      </c>
      <c r="CK8" s="72">
        <v>1908</v>
      </c>
      <c r="CL8" s="73">
        <v>2399</v>
      </c>
      <c r="CM8" s="70">
        <v>8290</v>
      </c>
      <c r="CN8" s="71">
        <v>9662</v>
      </c>
      <c r="CO8" s="72">
        <v>17952</v>
      </c>
      <c r="CP8" s="244"/>
      <c r="CQ8" s="71">
        <v>10307</v>
      </c>
      <c r="CR8" s="71">
        <v>13634</v>
      </c>
      <c r="CS8" s="71">
        <v>8828</v>
      </c>
      <c r="CT8" s="71">
        <v>7368</v>
      </c>
      <c r="CU8" s="71">
        <v>4725</v>
      </c>
      <c r="CV8" s="72">
        <v>44862</v>
      </c>
      <c r="CW8" s="73">
        <v>62814</v>
      </c>
      <c r="CX8" s="123">
        <v>15067</v>
      </c>
      <c r="CY8" s="82">
        <v>19711</v>
      </c>
      <c r="CZ8" s="83">
        <v>34778</v>
      </c>
      <c r="DA8" s="241"/>
      <c r="DB8" s="82">
        <v>19225</v>
      </c>
      <c r="DC8" s="82">
        <v>23336</v>
      </c>
      <c r="DD8" s="82">
        <v>15941</v>
      </c>
      <c r="DE8" s="82">
        <v>15591</v>
      </c>
      <c r="DF8" s="82">
        <v>10636</v>
      </c>
      <c r="DG8" s="84">
        <v>84729</v>
      </c>
      <c r="DH8" s="85">
        <v>119507</v>
      </c>
      <c r="DI8" s="70">
        <v>329</v>
      </c>
      <c r="DJ8" s="71">
        <v>453</v>
      </c>
      <c r="DK8" s="72">
        <v>782</v>
      </c>
      <c r="DL8" s="244"/>
      <c r="DM8" s="71">
        <v>332</v>
      </c>
      <c r="DN8" s="71">
        <v>475</v>
      </c>
      <c r="DO8" s="71">
        <v>274</v>
      </c>
      <c r="DP8" s="71">
        <v>276</v>
      </c>
      <c r="DQ8" s="71">
        <v>245</v>
      </c>
      <c r="DR8" s="72">
        <v>1602</v>
      </c>
      <c r="DS8" s="73">
        <v>2384</v>
      </c>
      <c r="DT8" s="70">
        <v>1033</v>
      </c>
      <c r="DU8" s="71">
        <v>1380</v>
      </c>
      <c r="DV8" s="72">
        <v>2413</v>
      </c>
      <c r="DW8" s="244"/>
      <c r="DX8" s="71">
        <v>919</v>
      </c>
      <c r="DY8" s="71">
        <v>1327</v>
      </c>
      <c r="DZ8" s="71">
        <v>773</v>
      </c>
      <c r="EA8" s="71">
        <v>741</v>
      </c>
      <c r="EB8" s="71">
        <v>634</v>
      </c>
      <c r="EC8" s="72">
        <v>4394</v>
      </c>
      <c r="ED8" s="73">
        <v>6807</v>
      </c>
      <c r="EE8" s="70">
        <v>2383</v>
      </c>
      <c r="EF8" s="71">
        <v>2858</v>
      </c>
      <c r="EG8" s="72">
        <v>5241</v>
      </c>
      <c r="EH8" s="244"/>
      <c r="EI8" s="71">
        <v>2228</v>
      </c>
      <c r="EJ8" s="71">
        <v>2469</v>
      </c>
      <c r="EK8" s="71">
        <v>1474</v>
      </c>
      <c r="EL8" s="71">
        <v>1279</v>
      </c>
      <c r="EM8" s="71">
        <v>1124</v>
      </c>
      <c r="EN8" s="72">
        <v>8574</v>
      </c>
      <c r="EO8" s="73">
        <v>13815</v>
      </c>
      <c r="EP8" s="70">
        <v>4433</v>
      </c>
      <c r="EQ8" s="71">
        <v>5117</v>
      </c>
      <c r="ER8" s="72">
        <v>9550</v>
      </c>
      <c r="ES8" s="244"/>
      <c r="ET8" s="71">
        <v>4641</v>
      </c>
      <c r="EU8" s="71">
        <v>4763</v>
      </c>
      <c r="EV8" s="71">
        <v>2851</v>
      </c>
      <c r="EW8" s="71">
        <v>2590</v>
      </c>
      <c r="EX8" s="71">
        <v>1785</v>
      </c>
      <c r="EY8" s="72">
        <v>16630</v>
      </c>
      <c r="EZ8" s="73">
        <v>26180</v>
      </c>
      <c r="FA8" s="70">
        <v>4616</v>
      </c>
      <c r="FB8" s="71">
        <v>6088</v>
      </c>
      <c r="FC8" s="72">
        <v>10704</v>
      </c>
      <c r="FD8" s="244"/>
      <c r="FE8" s="71">
        <v>6223</v>
      </c>
      <c r="FF8" s="71">
        <v>6956</v>
      </c>
      <c r="FG8" s="71">
        <v>4506</v>
      </c>
      <c r="FH8" s="71">
        <v>4187</v>
      </c>
      <c r="FI8" s="71">
        <v>2768</v>
      </c>
      <c r="FJ8" s="72">
        <v>24640</v>
      </c>
      <c r="FK8" s="73">
        <v>35344</v>
      </c>
      <c r="FL8" s="70">
        <v>2273</v>
      </c>
      <c r="FM8" s="71">
        <v>3815</v>
      </c>
      <c r="FN8" s="72">
        <v>6088</v>
      </c>
      <c r="FO8" s="244"/>
      <c r="FP8" s="71">
        <v>4882</v>
      </c>
      <c r="FQ8" s="71">
        <v>7346</v>
      </c>
      <c r="FR8" s="71">
        <v>6063</v>
      </c>
      <c r="FS8" s="71">
        <v>6518</v>
      </c>
      <c r="FT8" s="71">
        <v>4080</v>
      </c>
      <c r="FU8" s="72">
        <v>28889</v>
      </c>
      <c r="FV8" s="73">
        <v>34977</v>
      </c>
      <c r="FW8" s="70">
        <v>147</v>
      </c>
      <c r="FX8" s="71">
        <v>290</v>
      </c>
      <c r="FY8" s="72">
        <v>437</v>
      </c>
      <c r="FZ8" s="244"/>
      <c r="GA8" s="71">
        <v>206</v>
      </c>
      <c r="GB8" s="71">
        <v>451</v>
      </c>
      <c r="GC8" s="71">
        <v>259</v>
      </c>
      <c r="GD8" s="71">
        <v>240</v>
      </c>
      <c r="GE8" s="71">
        <v>256</v>
      </c>
      <c r="GF8" s="72">
        <v>1412</v>
      </c>
      <c r="GG8" s="73">
        <v>1849</v>
      </c>
      <c r="GH8" s="70">
        <v>15214</v>
      </c>
      <c r="GI8" s="71">
        <v>20001</v>
      </c>
      <c r="GJ8" s="72">
        <v>35215</v>
      </c>
      <c r="GK8" s="244"/>
      <c r="GL8" s="71">
        <v>19431</v>
      </c>
      <c r="GM8" s="71">
        <v>23787</v>
      </c>
      <c r="GN8" s="71">
        <v>16200</v>
      </c>
      <c r="GO8" s="71">
        <v>15831</v>
      </c>
      <c r="GP8" s="71">
        <v>10892</v>
      </c>
      <c r="GQ8" s="72">
        <v>86141</v>
      </c>
      <c r="GR8" s="73">
        <v>121356</v>
      </c>
      <c r="GS8" s="123">
        <v>23185</v>
      </c>
      <c r="GT8" s="82">
        <v>29054</v>
      </c>
      <c r="GU8" s="83">
        <v>52239</v>
      </c>
      <c r="GV8" s="241"/>
      <c r="GW8" s="82">
        <v>29271</v>
      </c>
      <c r="GX8" s="82">
        <v>36375</v>
      </c>
      <c r="GY8" s="82">
        <v>24386</v>
      </c>
      <c r="GZ8" s="82">
        <v>22622</v>
      </c>
      <c r="HA8" s="82">
        <v>15029</v>
      </c>
      <c r="HB8" s="84">
        <v>127683</v>
      </c>
      <c r="HC8" s="85">
        <v>179922</v>
      </c>
      <c r="HD8" s="70">
        <v>660</v>
      </c>
      <c r="HE8" s="71">
        <v>914</v>
      </c>
      <c r="HF8" s="72">
        <v>1574</v>
      </c>
      <c r="HG8" s="244"/>
      <c r="HH8" s="71">
        <v>741</v>
      </c>
      <c r="HI8" s="71">
        <v>1192</v>
      </c>
      <c r="HJ8" s="71">
        <v>675</v>
      </c>
      <c r="HK8" s="71">
        <v>674</v>
      </c>
      <c r="HL8" s="71">
        <v>548</v>
      </c>
      <c r="HM8" s="72">
        <v>3830</v>
      </c>
      <c r="HN8" s="73">
        <v>5404</v>
      </c>
      <c r="HO8" s="70">
        <v>1811</v>
      </c>
      <c r="HP8" s="71">
        <v>2422</v>
      </c>
      <c r="HQ8" s="72">
        <v>4233</v>
      </c>
      <c r="HR8" s="244"/>
      <c r="HS8" s="71">
        <v>1853</v>
      </c>
      <c r="HT8" s="71">
        <v>2824</v>
      </c>
      <c r="HU8" s="71">
        <v>1833</v>
      </c>
      <c r="HV8" s="71">
        <v>1567</v>
      </c>
      <c r="HW8" s="71">
        <v>1306</v>
      </c>
      <c r="HX8" s="72">
        <v>9383</v>
      </c>
      <c r="HY8" s="73">
        <v>13616</v>
      </c>
      <c r="HZ8" s="70">
        <v>3548</v>
      </c>
      <c r="IA8" s="71">
        <v>4375</v>
      </c>
      <c r="IB8" s="72">
        <v>7923</v>
      </c>
      <c r="IC8" s="244"/>
      <c r="ID8" s="71">
        <v>3792</v>
      </c>
      <c r="IE8" s="71">
        <v>4595</v>
      </c>
      <c r="IF8" s="71">
        <v>2799</v>
      </c>
      <c r="IG8" s="71">
        <v>2427</v>
      </c>
      <c r="IH8" s="71">
        <v>1875</v>
      </c>
      <c r="II8" s="72">
        <v>15488</v>
      </c>
      <c r="IJ8" s="73">
        <v>23411</v>
      </c>
      <c r="IK8" s="70">
        <v>6548</v>
      </c>
      <c r="IL8" s="71">
        <v>7391</v>
      </c>
      <c r="IM8" s="72">
        <v>13939</v>
      </c>
      <c r="IN8" s="244"/>
      <c r="IO8" s="71">
        <v>7159</v>
      </c>
      <c r="IP8" s="71">
        <v>7669</v>
      </c>
      <c r="IQ8" s="71">
        <v>4711</v>
      </c>
      <c r="IR8" s="71">
        <v>4128</v>
      </c>
      <c r="IS8" s="71">
        <v>2787</v>
      </c>
      <c r="IT8" s="72">
        <v>26454</v>
      </c>
      <c r="IU8" s="73">
        <v>40393</v>
      </c>
      <c r="IV8" s="70">
        <v>6971</v>
      </c>
      <c r="IW8" s="71">
        <v>8569</v>
      </c>
      <c r="IX8" s="72">
        <v>15540</v>
      </c>
      <c r="IY8" s="244"/>
      <c r="IZ8" s="71">
        <v>9010</v>
      </c>
      <c r="JA8" s="71">
        <v>10194</v>
      </c>
      <c r="JB8" s="71">
        <v>6552</v>
      </c>
      <c r="JC8" s="71">
        <v>5923</v>
      </c>
      <c r="JD8" s="71">
        <v>3722</v>
      </c>
      <c r="JE8" s="72">
        <v>35401</v>
      </c>
      <c r="JF8" s="73">
        <v>50941</v>
      </c>
      <c r="JG8" s="70">
        <v>3647</v>
      </c>
      <c r="JH8" s="71">
        <v>5383</v>
      </c>
      <c r="JI8" s="72">
        <v>9030</v>
      </c>
      <c r="JJ8" s="244"/>
      <c r="JK8" s="71">
        <v>6716</v>
      </c>
      <c r="JL8" s="71">
        <v>9901</v>
      </c>
      <c r="JM8" s="71">
        <v>7816</v>
      </c>
      <c r="JN8" s="71">
        <v>7903</v>
      </c>
      <c r="JO8" s="71">
        <v>4791</v>
      </c>
      <c r="JP8" s="72">
        <v>37127</v>
      </c>
      <c r="JQ8" s="73">
        <v>46157</v>
      </c>
      <c r="JR8" s="70">
        <v>319</v>
      </c>
      <c r="JS8" s="71">
        <v>609</v>
      </c>
      <c r="JT8" s="72">
        <v>928</v>
      </c>
      <c r="JU8" s="244"/>
      <c r="JV8" s="71">
        <v>467</v>
      </c>
      <c r="JW8" s="71">
        <v>1046</v>
      </c>
      <c r="JX8" s="71">
        <v>642</v>
      </c>
      <c r="JY8" s="71">
        <v>577</v>
      </c>
      <c r="JZ8" s="71">
        <v>588</v>
      </c>
      <c r="KA8" s="72">
        <v>3320</v>
      </c>
      <c r="KB8" s="73">
        <v>4248</v>
      </c>
      <c r="KC8" s="70">
        <v>23504</v>
      </c>
      <c r="KD8" s="71">
        <v>29663</v>
      </c>
      <c r="KE8" s="72">
        <v>53167</v>
      </c>
      <c r="KF8" s="244"/>
      <c r="KG8" s="71">
        <v>29738</v>
      </c>
      <c r="KH8" s="71">
        <v>37421</v>
      </c>
      <c r="KI8" s="71">
        <v>25028</v>
      </c>
      <c r="KJ8" s="71">
        <v>23199</v>
      </c>
      <c r="KK8" s="71">
        <v>15617</v>
      </c>
      <c r="KL8" s="72">
        <v>131003</v>
      </c>
      <c r="KM8" s="73">
        <v>184170</v>
      </c>
    </row>
    <row r="9" spans="2:299" ht="21" customHeight="1" x14ac:dyDescent="0.2">
      <c r="B9" s="126" t="s">
        <v>6</v>
      </c>
      <c r="C9" s="315">
        <v>2688</v>
      </c>
      <c r="D9" s="82">
        <v>2288</v>
      </c>
      <c r="E9" s="83">
        <v>4976</v>
      </c>
      <c r="F9" s="241"/>
      <c r="G9" s="82">
        <v>4984</v>
      </c>
      <c r="H9" s="82">
        <v>3654</v>
      </c>
      <c r="I9" s="82">
        <v>2862</v>
      </c>
      <c r="J9" s="82">
        <v>2539</v>
      </c>
      <c r="K9" s="82">
        <v>1668</v>
      </c>
      <c r="L9" s="84">
        <v>15707</v>
      </c>
      <c r="M9" s="85">
        <v>20683</v>
      </c>
      <c r="N9" s="70">
        <v>146</v>
      </c>
      <c r="O9" s="71">
        <v>140</v>
      </c>
      <c r="P9" s="72">
        <v>286</v>
      </c>
      <c r="Q9" s="244"/>
      <c r="R9" s="71">
        <v>271</v>
      </c>
      <c r="S9" s="71">
        <v>232</v>
      </c>
      <c r="T9" s="71">
        <v>151</v>
      </c>
      <c r="U9" s="71">
        <v>148</v>
      </c>
      <c r="V9" s="71">
        <v>125</v>
      </c>
      <c r="W9" s="72">
        <v>927</v>
      </c>
      <c r="X9" s="73">
        <v>1213</v>
      </c>
      <c r="Y9" s="70">
        <v>317</v>
      </c>
      <c r="Z9" s="71">
        <v>271</v>
      </c>
      <c r="AA9" s="72">
        <v>588</v>
      </c>
      <c r="AB9" s="244"/>
      <c r="AC9" s="71">
        <v>558</v>
      </c>
      <c r="AD9" s="71">
        <v>499</v>
      </c>
      <c r="AE9" s="71">
        <v>377</v>
      </c>
      <c r="AF9" s="71">
        <v>326</v>
      </c>
      <c r="AG9" s="71">
        <v>244</v>
      </c>
      <c r="AH9" s="72">
        <v>2004</v>
      </c>
      <c r="AI9" s="73">
        <v>2592</v>
      </c>
      <c r="AJ9" s="70">
        <v>425</v>
      </c>
      <c r="AK9" s="71">
        <v>419</v>
      </c>
      <c r="AL9" s="72">
        <v>844</v>
      </c>
      <c r="AM9" s="244"/>
      <c r="AN9" s="71">
        <v>833</v>
      </c>
      <c r="AO9" s="71">
        <v>608</v>
      </c>
      <c r="AP9" s="71">
        <v>454</v>
      </c>
      <c r="AQ9" s="71">
        <v>451</v>
      </c>
      <c r="AR9" s="71">
        <v>336</v>
      </c>
      <c r="AS9" s="72">
        <v>2682</v>
      </c>
      <c r="AT9" s="73">
        <v>3526</v>
      </c>
      <c r="AU9" s="70">
        <v>618</v>
      </c>
      <c r="AV9" s="71">
        <v>482</v>
      </c>
      <c r="AW9" s="72">
        <v>1100</v>
      </c>
      <c r="AX9" s="244"/>
      <c r="AY9" s="71">
        <v>1264</v>
      </c>
      <c r="AZ9" s="71">
        <v>813</v>
      </c>
      <c r="BA9" s="71">
        <v>710</v>
      </c>
      <c r="BB9" s="71">
        <v>554</v>
      </c>
      <c r="BC9" s="71">
        <v>357</v>
      </c>
      <c r="BD9" s="72">
        <v>3698</v>
      </c>
      <c r="BE9" s="73">
        <v>4798</v>
      </c>
      <c r="BF9" s="70">
        <v>747</v>
      </c>
      <c r="BG9" s="71">
        <v>597</v>
      </c>
      <c r="BH9" s="72">
        <v>1344</v>
      </c>
      <c r="BI9" s="244"/>
      <c r="BJ9" s="71">
        <v>1214</v>
      </c>
      <c r="BK9" s="71">
        <v>848</v>
      </c>
      <c r="BL9" s="71">
        <v>668</v>
      </c>
      <c r="BM9" s="71">
        <v>569</v>
      </c>
      <c r="BN9" s="71">
        <v>375</v>
      </c>
      <c r="BO9" s="72">
        <v>3674</v>
      </c>
      <c r="BP9" s="73">
        <v>5018</v>
      </c>
      <c r="BQ9" s="70">
        <v>435</v>
      </c>
      <c r="BR9" s="71">
        <v>379</v>
      </c>
      <c r="BS9" s="72">
        <v>814</v>
      </c>
      <c r="BT9" s="244"/>
      <c r="BU9" s="71">
        <v>844</v>
      </c>
      <c r="BV9" s="71">
        <v>654</v>
      </c>
      <c r="BW9" s="71">
        <v>502</v>
      </c>
      <c r="BX9" s="71">
        <v>491</v>
      </c>
      <c r="BY9" s="71">
        <v>231</v>
      </c>
      <c r="BZ9" s="72">
        <v>2722</v>
      </c>
      <c r="CA9" s="73">
        <v>3536</v>
      </c>
      <c r="CB9" s="70">
        <v>74</v>
      </c>
      <c r="CC9" s="71">
        <v>100</v>
      </c>
      <c r="CD9" s="72">
        <v>174</v>
      </c>
      <c r="CE9" s="244"/>
      <c r="CF9" s="71">
        <v>177</v>
      </c>
      <c r="CG9" s="71">
        <v>191</v>
      </c>
      <c r="CH9" s="71">
        <v>119</v>
      </c>
      <c r="CI9" s="71">
        <v>126</v>
      </c>
      <c r="CJ9" s="71">
        <v>122</v>
      </c>
      <c r="CK9" s="72">
        <v>735</v>
      </c>
      <c r="CL9" s="73">
        <v>909</v>
      </c>
      <c r="CM9" s="70">
        <v>2762</v>
      </c>
      <c r="CN9" s="71">
        <v>2388</v>
      </c>
      <c r="CO9" s="72">
        <v>5150</v>
      </c>
      <c r="CP9" s="244"/>
      <c r="CQ9" s="71">
        <v>5161</v>
      </c>
      <c r="CR9" s="71">
        <v>3845</v>
      </c>
      <c r="CS9" s="71">
        <v>2981</v>
      </c>
      <c r="CT9" s="71">
        <v>2665</v>
      </c>
      <c r="CU9" s="71">
        <v>1790</v>
      </c>
      <c r="CV9" s="72">
        <v>16442</v>
      </c>
      <c r="CW9" s="73">
        <v>21592</v>
      </c>
      <c r="CX9" s="123">
        <v>5109</v>
      </c>
      <c r="CY9" s="82">
        <v>5197</v>
      </c>
      <c r="CZ9" s="83">
        <v>10306</v>
      </c>
      <c r="DA9" s="241"/>
      <c r="DB9" s="82">
        <v>8868</v>
      </c>
      <c r="DC9" s="82">
        <v>6466</v>
      </c>
      <c r="DD9" s="82">
        <v>5295</v>
      </c>
      <c r="DE9" s="82">
        <v>5474</v>
      </c>
      <c r="DF9" s="82">
        <v>3585</v>
      </c>
      <c r="DG9" s="84">
        <v>29688</v>
      </c>
      <c r="DH9" s="85">
        <v>39994</v>
      </c>
      <c r="DI9" s="70">
        <v>121</v>
      </c>
      <c r="DJ9" s="71">
        <v>98</v>
      </c>
      <c r="DK9" s="72">
        <v>219</v>
      </c>
      <c r="DL9" s="244"/>
      <c r="DM9" s="71">
        <v>193</v>
      </c>
      <c r="DN9" s="71">
        <v>139</v>
      </c>
      <c r="DO9" s="71">
        <v>103</v>
      </c>
      <c r="DP9" s="71">
        <v>104</v>
      </c>
      <c r="DQ9" s="71">
        <v>77</v>
      </c>
      <c r="DR9" s="72">
        <v>616</v>
      </c>
      <c r="DS9" s="73">
        <v>835</v>
      </c>
      <c r="DT9" s="70">
        <v>352</v>
      </c>
      <c r="DU9" s="71">
        <v>364</v>
      </c>
      <c r="DV9" s="72">
        <v>716</v>
      </c>
      <c r="DW9" s="244"/>
      <c r="DX9" s="71">
        <v>517</v>
      </c>
      <c r="DY9" s="71">
        <v>378</v>
      </c>
      <c r="DZ9" s="71">
        <v>277</v>
      </c>
      <c r="EA9" s="71">
        <v>286</v>
      </c>
      <c r="EB9" s="71">
        <v>192</v>
      </c>
      <c r="EC9" s="72">
        <v>1650</v>
      </c>
      <c r="ED9" s="73">
        <v>2366</v>
      </c>
      <c r="EE9" s="70">
        <v>779</v>
      </c>
      <c r="EF9" s="71">
        <v>786</v>
      </c>
      <c r="EG9" s="72">
        <v>1565</v>
      </c>
      <c r="EH9" s="244"/>
      <c r="EI9" s="71">
        <v>1109</v>
      </c>
      <c r="EJ9" s="71">
        <v>695</v>
      </c>
      <c r="EK9" s="71">
        <v>483</v>
      </c>
      <c r="EL9" s="71">
        <v>511</v>
      </c>
      <c r="EM9" s="71">
        <v>361</v>
      </c>
      <c r="EN9" s="72">
        <v>3159</v>
      </c>
      <c r="EO9" s="73">
        <v>4724</v>
      </c>
      <c r="EP9" s="70">
        <v>1545</v>
      </c>
      <c r="EQ9" s="71">
        <v>1370</v>
      </c>
      <c r="ER9" s="72">
        <v>2915</v>
      </c>
      <c r="ES9" s="244"/>
      <c r="ET9" s="71">
        <v>2143</v>
      </c>
      <c r="EU9" s="71">
        <v>1338</v>
      </c>
      <c r="EV9" s="71">
        <v>996</v>
      </c>
      <c r="EW9" s="71">
        <v>906</v>
      </c>
      <c r="EX9" s="71">
        <v>629</v>
      </c>
      <c r="EY9" s="72">
        <v>6012</v>
      </c>
      <c r="EZ9" s="73">
        <v>8927</v>
      </c>
      <c r="FA9" s="70">
        <v>1537</v>
      </c>
      <c r="FB9" s="71">
        <v>1578</v>
      </c>
      <c r="FC9" s="72">
        <v>3115</v>
      </c>
      <c r="FD9" s="244"/>
      <c r="FE9" s="71">
        <v>2692</v>
      </c>
      <c r="FF9" s="71">
        <v>1901</v>
      </c>
      <c r="FG9" s="71">
        <v>1468</v>
      </c>
      <c r="FH9" s="71">
        <v>1425</v>
      </c>
      <c r="FI9" s="71">
        <v>963</v>
      </c>
      <c r="FJ9" s="72">
        <v>8449</v>
      </c>
      <c r="FK9" s="73">
        <v>11564</v>
      </c>
      <c r="FL9" s="70">
        <v>775</v>
      </c>
      <c r="FM9" s="71">
        <v>1001</v>
      </c>
      <c r="FN9" s="72">
        <v>1776</v>
      </c>
      <c r="FO9" s="244"/>
      <c r="FP9" s="71">
        <v>2214</v>
      </c>
      <c r="FQ9" s="71">
        <v>2015</v>
      </c>
      <c r="FR9" s="71">
        <v>1968</v>
      </c>
      <c r="FS9" s="71">
        <v>2242</v>
      </c>
      <c r="FT9" s="71">
        <v>1363</v>
      </c>
      <c r="FU9" s="72">
        <v>9802</v>
      </c>
      <c r="FV9" s="73">
        <v>11578</v>
      </c>
      <c r="FW9" s="70">
        <v>55</v>
      </c>
      <c r="FX9" s="71">
        <v>86</v>
      </c>
      <c r="FY9" s="72">
        <v>141</v>
      </c>
      <c r="FZ9" s="244"/>
      <c r="GA9" s="71">
        <v>137</v>
      </c>
      <c r="GB9" s="71">
        <v>129</v>
      </c>
      <c r="GC9" s="71">
        <v>106</v>
      </c>
      <c r="GD9" s="71">
        <v>101</v>
      </c>
      <c r="GE9" s="71">
        <v>103</v>
      </c>
      <c r="GF9" s="72">
        <v>576</v>
      </c>
      <c r="GG9" s="73">
        <v>717</v>
      </c>
      <c r="GH9" s="70">
        <v>5164</v>
      </c>
      <c r="GI9" s="71">
        <v>5283</v>
      </c>
      <c r="GJ9" s="72">
        <v>10447</v>
      </c>
      <c r="GK9" s="244"/>
      <c r="GL9" s="71">
        <v>9005</v>
      </c>
      <c r="GM9" s="71">
        <v>6595</v>
      </c>
      <c r="GN9" s="71">
        <v>5401</v>
      </c>
      <c r="GO9" s="71">
        <v>5575</v>
      </c>
      <c r="GP9" s="71">
        <v>3688</v>
      </c>
      <c r="GQ9" s="72">
        <v>30264</v>
      </c>
      <c r="GR9" s="73">
        <v>40711</v>
      </c>
      <c r="GS9" s="123">
        <v>7797</v>
      </c>
      <c r="GT9" s="82">
        <v>7485</v>
      </c>
      <c r="GU9" s="83">
        <v>15282</v>
      </c>
      <c r="GV9" s="241"/>
      <c r="GW9" s="82">
        <v>13852</v>
      </c>
      <c r="GX9" s="82">
        <v>10120</v>
      </c>
      <c r="GY9" s="82">
        <v>8157</v>
      </c>
      <c r="GZ9" s="82">
        <v>8013</v>
      </c>
      <c r="HA9" s="82">
        <v>5253</v>
      </c>
      <c r="HB9" s="84">
        <v>45395</v>
      </c>
      <c r="HC9" s="85">
        <v>60677</v>
      </c>
      <c r="HD9" s="70">
        <v>267</v>
      </c>
      <c r="HE9" s="71">
        <v>238</v>
      </c>
      <c r="HF9" s="72">
        <v>505</v>
      </c>
      <c r="HG9" s="244"/>
      <c r="HH9" s="71">
        <v>464</v>
      </c>
      <c r="HI9" s="71">
        <v>371</v>
      </c>
      <c r="HJ9" s="71">
        <v>254</v>
      </c>
      <c r="HK9" s="71">
        <v>252</v>
      </c>
      <c r="HL9" s="71">
        <v>202</v>
      </c>
      <c r="HM9" s="72">
        <v>1543</v>
      </c>
      <c r="HN9" s="73">
        <v>2048</v>
      </c>
      <c r="HO9" s="70">
        <v>669</v>
      </c>
      <c r="HP9" s="71">
        <v>635</v>
      </c>
      <c r="HQ9" s="72">
        <v>1304</v>
      </c>
      <c r="HR9" s="244"/>
      <c r="HS9" s="71">
        <v>1075</v>
      </c>
      <c r="HT9" s="71">
        <v>877</v>
      </c>
      <c r="HU9" s="71">
        <v>654</v>
      </c>
      <c r="HV9" s="71">
        <v>612</v>
      </c>
      <c r="HW9" s="71">
        <v>436</v>
      </c>
      <c r="HX9" s="72">
        <v>3654</v>
      </c>
      <c r="HY9" s="73">
        <v>4958</v>
      </c>
      <c r="HZ9" s="70">
        <v>1204</v>
      </c>
      <c r="IA9" s="71">
        <v>1205</v>
      </c>
      <c r="IB9" s="72">
        <v>2409</v>
      </c>
      <c r="IC9" s="244"/>
      <c r="ID9" s="71">
        <v>1942</v>
      </c>
      <c r="IE9" s="71">
        <v>1303</v>
      </c>
      <c r="IF9" s="71">
        <v>937</v>
      </c>
      <c r="IG9" s="71">
        <v>962</v>
      </c>
      <c r="IH9" s="71">
        <v>697</v>
      </c>
      <c r="II9" s="72">
        <v>5841</v>
      </c>
      <c r="IJ9" s="73">
        <v>8250</v>
      </c>
      <c r="IK9" s="70">
        <v>2163</v>
      </c>
      <c r="IL9" s="71">
        <v>1852</v>
      </c>
      <c r="IM9" s="72">
        <v>4015</v>
      </c>
      <c r="IN9" s="244"/>
      <c r="IO9" s="71">
        <v>3407</v>
      </c>
      <c r="IP9" s="71">
        <v>2151</v>
      </c>
      <c r="IQ9" s="71">
        <v>1706</v>
      </c>
      <c r="IR9" s="71">
        <v>1460</v>
      </c>
      <c r="IS9" s="71">
        <v>986</v>
      </c>
      <c r="IT9" s="72">
        <v>9710</v>
      </c>
      <c r="IU9" s="73">
        <v>13725</v>
      </c>
      <c r="IV9" s="70">
        <v>2284</v>
      </c>
      <c r="IW9" s="71">
        <v>2175</v>
      </c>
      <c r="IX9" s="72">
        <v>4459</v>
      </c>
      <c r="IY9" s="244"/>
      <c r="IZ9" s="71">
        <v>3906</v>
      </c>
      <c r="JA9" s="71">
        <v>2749</v>
      </c>
      <c r="JB9" s="71">
        <v>2136</v>
      </c>
      <c r="JC9" s="71">
        <v>1994</v>
      </c>
      <c r="JD9" s="71">
        <v>1338</v>
      </c>
      <c r="JE9" s="72">
        <v>12123</v>
      </c>
      <c r="JF9" s="73">
        <v>16582</v>
      </c>
      <c r="JG9" s="70">
        <v>1210</v>
      </c>
      <c r="JH9" s="71">
        <v>1380</v>
      </c>
      <c r="JI9" s="72">
        <v>2590</v>
      </c>
      <c r="JJ9" s="244"/>
      <c r="JK9" s="71">
        <v>3058</v>
      </c>
      <c r="JL9" s="71">
        <v>2669</v>
      </c>
      <c r="JM9" s="71">
        <v>2470</v>
      </c>
      <c r="JN9" s="71">
        <v>2733</v>
      </c>
      <c r="JO9" s="71">
        <v>1594</v>
      </c>
      <c r="JP9" s="72">
        <v>12524</v>
      </c>
      <c r="JQ9" s="73">
        <v>15114</v>
      </c>
      <c r="JR9" s="70">
        <v>129</v>
      </c>
      <c r="JS9" s="71">
        <v>186</v>
      </c>
      <c r="JT9" s="72">
        <v>315</v>
      </c>
      <c r="JU9" s="244"/>
      <c r="JV9" s="71">
        <v>314</v>
      </c>
      <c r="JW9" s="71">
        <v>320</v>
      </c>
      <c r="JX9" s="71">
        <v>225</v>
      </c>
      <c r="JY9" s="71">
        <v>227</v>
      </c>
      <c r="JZ9" s="71">
        <v>225</v>
      </c>
      <c r="KA9" s="72">
        <v>1311</v>
      </c>
      <c r="KB9" s="73">
        <v>1626</v>
      </c>
      <c r="KC9" s="70">
        <v>7926</v>
      </c>
      <c r="KD9" s="71">
        <v>7671</v>
      </c>
      <c r="KE9" s="72">
        <v>15597</v>
      </c>
      <c r="KF9" s="244"/>
      <c r="KG9" s="71">
        <v>14166</v>
      </c>
      <c r="KH9" s="71">
        <v>10440</v>
      </c>
      <c r="KI9" s="71">
        <v>8382</v>
      </c>
      <c r="KJ9" s="71">
        <v>8240</v>
      </c>
      <c r="KK9" s="71">
        <v>5478</v>
      </c>
      <c r="KL9" s="72">
        <v>46706</v>
      </c>
      <c r="KM9" s="73">
        <v>62303</v>
      </c>
    </row>
    <row r="10" spans="2:299" ht="21" customHeight="1" x14ac:dyDescent="0.2">
      <c r="B10" s="126" t="s">
        <v>14</v>
      </c>
      <c r="C10" s="315">
        <v>1488</v>
      </c>
      <c r="D10" s="82">
        <v>1849</v>
      </c>
      <c r="E10" s="83">
        <v>3337</v>
      </c>
      <c r="F10" s="241"/>
      <c r="G10" s="82">
        <v>2267</v>
      </c>
      <c r="H10" s="82">
        <v>2432</v>
      </c>
      <c r="I10" s="82">
        <v>1878</v>
      </c>
      <c r="J10" s="82">
        <v>1396</v>
      </c>
      <c r="K10" s="82">
        <v>887</v>
      </c>
      <c r="L10" s="84">
        <v>8860</v>
      </c>
      <c r="M10" s="85">
        <v>12197</v>
      </c>
      <c r="N10" s="70">
        <v>76</v>
      </c>
      <c r="O10" s="71">
        <v>94</v>
      </c>
      <c r="P10" s="72">
        <v>170</v>
      </c>
      <c r="Q10" s="244"/>
      <c r="R10" s="71">
        <v>94</v>
      </c>
      <c r="S10" s="71">
        <v>124</v>
      </c>
      <c r="T10" s="71">
        <v>94</v>
      </c>
      <c r="U10" s="71">
        <v>75</v>
      </c>
      <c r="V10" s="71">
        <v>76</v>
      </c>
      <c r="W10" s="72">
        <v>463</v>
      </c>
      <c r="X10" s="73">
        <v>633</v>
      </c>
      <c r="Y10" s="70">
        <v>167</v>
      </c>
      <c r="Z10" s="71">
        <v>276</v>
      </c>
      <c r="AA10" s="72">
        <v>443</v>
      </c>
      <c r="AB10" s="244"/>
      <c r="AC10" s="71">
        <v>220</v>
      </c>
      <c r="AD10" s="71">
        <v>275</v>
      </c>
      <c r="AE10" s="71">
        <v>230</v>
      </c>
      <c r="AF10" s="71">
        <v>179</v>
      </c>
      <c r="AG10" s="71">
        <v>112</v>
      </c>
      <c r="AH10" s="72">
        <v>1016</v>
      </c>
      <c r="AI10" s="73">
        <v>1459</v>
      </c>
      <c r="AJ10" s="70">
        <v>254</v>
      </c>
      <c r="AK10" s="71">
        <v>327</v>
      </c>
      <c r="AL10" s="72">
        <v>581</v>
      </c>
      <c r="AM10" s="244"/>
      <c r="AN10" s="71">
        <v>398</v>
      </c>
      <c r="AO10" s="71">
        <v>411</v>
      </c>
      <c r="AP10" s="71">
        <v>309</v>
      </c>
      <c r="AQ10" s="71">
        <v>242</v>
      </c>
      <c r="AR10" s="71">
        <v>176</v>
      </c>
      <c r="AS10" s="72">
        <v>1536</v>
      </c>
      <c r="AT10" s="73">
        <v>2117</v>
      </c>
      <c r="AU10" s="70">
        <v>419</v>
      </c>
      <c r="AV10" s="71">
        <v>493</v>
      </c>
      <c r="AW10" s="72">
        <v>912</v>
      </c>
      <c r="AX10" s="244"/>
      <c r="AY10" s="71">
        <v>613</v>
      </c>
      <c r="AZ10" s="71">
        <v>595</v>
      </c>
      <c r="BA10" s="71">
        <v>475</v>
      </c>
      <c r="BB10" s="71">
        <v>354</v>
      </c>
      <c r="BC10" s="71">
        <v>223</v>
      </c>
      <c r="BD10" s="72">
        <v>2260</v>
      </c>
      <c r="BE10" s="73">
        <v>3172</v>
      </c>
      <c r="BF10" s="70">
        <v>372</v>
      </c>
      <c r="BG10" s="71">
        <v>425</v>
      </c>
      <c r="BH10" s="72">
        <v>797</v>
      </c>
      <c r="BI10" s="244"/>
      <c r="BJ10" s="71">
        <v>574</v>
      </c>
      <c r="BK10" s="71">
        <v>634</v>
      </c>
      <c r="BL10" s="71">
        <v>456</v>
      </c>
      <c r="BM10" s="71">
        <v>315</v>
      </c>
      <c r="BN10" s="71">
        <v>165</v>
      </c>
      <c r="BO10" s="72">
        <v>2144</v>
      </c>
      <c r="BP10" s="73">
        <v>2941</v>
      </c>
      <c r="BQ10" s="70">
        <v>200</v>
      </c>
      <c r="BR10" s="71">
        <v>234</v>
      </c>
      <c r="BS10" s="72">
        <v>434</v>
      </c>
      <c r="BT10" s="244"/>
      <c r="BU10" s="71">
        <v>368</v>
      </c>
      <c r="BV10" s="71">
        <v>393</v>
      </c>
      <c r="BW10" s="71">
        <v>314</v>
      </c>
      <c r="BX10" s="71">
        <v>231</v>
      </c>
      <c r="BY10" s="71">
        <v>135</v>
      </c>
      <c r="BZ10" s="72">
        <v>1441</v>
      </c>
      <c r="CA10" s="73">
        <v>1875</v>
      </c>
      <c r="CB10" s="70">
        <v>40</v>
      </c>
      <c r="CC10" s="71">
        <v>85</v>
      </c>
      <c r="CD10" s="72">
        <v>125</v>
      </c>
      <c r="CE10" s="244"/>
      <c r="CF10" s="71">
        <v>44</v>
      </c>
      <c r="CG10" s="71">
        <v>106</v>
      </c>
      <c r="CH10" s="71">
        <v>59</v>
      </c>
      <c r="CI10" s="71">
        <v>76</v>
      </c>
      <c r="CJ10" s="71">
        <v>54</v>
      </c>
      <c r="CK10" s="72">
        <v>339</v>
      </c>
      <c r="CL10" s="73">
        <v>464</v>
      </c>
      <c r="CM10" s="70">
        <v>1528</v>
      </c>
      <c r="CN10" s="71">
        <v>1934</v>
      </c>
      <c r="CO10" s="72">
        <v>3462</v>
      </c>
      <c r="CP10" s="244"/>
      <c r="CQ10" s="71">
        <v>2311</v>
      </c>
      <c r="CR10" s="71">
        <v>2538</v>
      </c>
      <c r="CS10" s="71">
        <v>1937</v>
      </c>
      <c r="CT10" s="71">
        <v>1472</v>
      </c>
      <c r="CU10" s="71">
        <v>941</v>
      </c>
      <c r="CV10" s="72">
        <v>9199</v>
      </c>
      <c r="CW10" s="73">
        <v>12661</v>
      </c>
      <c r="CX10" s="123">
        <v>2817</v>
      </c>
      <c r="CY10" s="82">
        <v>4037</v>
      </c>
      <c r="CZ10" s="83">
        <v>6854</v>
      </c>
      <c r="DA10" s="241"/>
      <c r="DB10" s="82">
        <v>3645</v>
      </c>
      <c r="DC10" s="82">
        <v>4061</v>
      </c>
      <c r="DD10" s="82">
        <v>3079</v>
      </c>
      <c r="DE10" s="82">
        <v>3056</v>
      </c>
      <c r="DF10" s="82">
        <v>1887</v>
      </c>
      <c r="DG10" s="84">
        <v>15728</v>
      </c>
      <c r="DH10" s="85">
        <v>22582</v>
      </c>
      <c r="DI10" s="70">
        <v>76</v>
      </c>
      <c r="DJ10" s="71">
        <v>99</v>
      </c>
      <c r="DK10" s="72">
        <v>175</v>
      </c>
      <c r="DL10" s="244"/>
      <c r="DM10" s="71">
        <v>58</v>
      </c>
      <c r="DN10" s="71">
        <v>83</v>
      </c>
      <c r="DO10" s="71">
        <v>68</v>
      </c>
      <c r="DP10" s="71">
        <v>56</v>
      </c>
      <c r="DQ10" s="71">
        <v>44</v>
      </c>
      <c r="DR10" s="72">
        <v>309</v>
      </c>
      <c r="DS10" s="73">
        <v>484</v>
      </c>
      <c r="DT10" s="70">
        <v>251</v>
      </c>
      <c r="DU10" s="71">
        <v>365</v>
      </c>
      <c r="DV10" s="72">
        <v>616</v>
      </c>
      <c r="DW10" s="244"/>
      <c r="DX10" s="71">
        <v>215</v>
      </c>
      <c r="DY10" s="71">
        <v>313</v>
      </c>
      <c r="DZ10" s="71">
        <v>169</v>
      </c>
      <c r="EA10" s="71">
        <v>168</v>
      </c>
      <c r="EB10" s="71">
        <v>138</v>
      </c>
      <c r="EC10" s="72">
        <v>1003</v>
      </c>
      <c r="ED10" s="73">
        <v>1619</v>
      </c>
      <c r="EE10" s="70">
        <v>524</v>
      </c>
      <c r="EF10" s="71">
        <v>691</v>
      </c>
      <c r="EG10" s="72">
        <v>1215</v>
      </c>
      <c r="EH10" s="244"/>
      <c r="EI10" s="71">
        <v>503</v>
      </c>
      <c r="EJ10" s="71">
        <v>520</v>
      </c>
      <c r="EK10" s="71">
        <v>342</v>
      </c>
      <c r="EL10" s="71">
        <v>330</v>
      </c>
      <c r="EM10" s="71">
        <v>237</v>
      </c>
      <c r="EN10" s="72">
        <v>1932</v>
      </c>
      <c r="EO10" s="73">
        <v>3147</v>
      </c>
      <c r="EP10" s="70">
        <v>883</v>
      </c>
      <c r="EQ10" s="71">
        <v>1144</v>
      </c>
      <c r="ER10" s="72">
        <v>2027</v>
      </c>
      <c r="ES10" s="244"/>
      <c r="ET10" s="71">
        <v>1012</v>
      </c>
      <c r="EU10" s="71">
        <v>963</v>
      </c>
      <c r="EV10" s="71">
        <v>634</v>
      </c>
      <c r="EW10" s="71">
        <v>537</v>
      </c>
      <c r="EX10" s="71">
        <v>340</v>
      </c>
      <c r="EY10" s="72">
        <v>3486</v>
      </c>
      <c r="EZ10" s="73">
        <v>5513</v>
      </c>
      <c r="FA10" s="70">
        <v>749</v>
      </c>
      <c r="FB10" s="71">
        <v>1108</v>
      </c>
      <c r="FC10" s="72">
        <v>1857</v>
      </c>
      <c r="FD10" s="244"/>
      <c r="FE10" s="71">
        <v>1078</v>
      </c>
      <c r="FF10" s="71">
        <v>1120</v>
      </c>
      <c r="FG10" s="71">
        <v>794</v>
      </c>
      <c r="FH10" s="71">
        <v>794</v>
      </c>
      <c r="FI10" s="71">
        <v>475</v>
      </c>
      <c r="FJ10" s="72">
        <v>4261</v>
      </c>
      <c r="FK10" s="73">
        <v>6118</v>
      </c>
      <c r="FL10" s="70">
        <v>334</v>
      </c>
      <c r="FM10" s="71">
        <v>630</v>
      </c>
      <c r="FN10" s="72">
        <v>964</v>
      </c>
      <c r="FO10" s="244"/>
      <c r="FP10" s="71">
        <v>779</v>
      </c>
      <c r="FQ10" s="71">
        <v>1062</v>
      </c>
      <c r="FR10" s="71">
        <v>1072</v>
      </c>
      <c r="FS10" s="71">
        <v>1171</v>
      </c>
      <c r="FT10" s="71">
        <v>653</v>
      </c>
      <c r="FU10" s="72">
        <v>4737</v>
      </c>
      <c r="FV10" s="73">
        <v>5701</v>
      </c>
      <c r="FW10" s="70">
        <v>13</v>
      </c>
      <c r="FX10" s="71">
        <v>80</v>
      </c>
      <c r="FY10" s="72">
        <v>93</v>
      </c>
      <c r="FZ10" s="244"/>
      <c r="GA10" s="71">
        <v>45</v>
      </c>
      <c r="GB10" s="71">
        <v>93</v>
      </c>
      <c r="GC10" s="71">
        <v>43</v>
      </c>
      <c r="GD10" s="71">
        <v>52</v>
      </c>
      <c r="GE10" s="71">
        <v>53</v>
      </c>
      <c r="GF10" s="72">
        <v>286</v>
      </c>
      <c r="GG10" s="73">
        <v>379</v>
      </c>
      <c r="GH10" s="70">
        <v>2830</v>
      </c>
      <c r="GI10" s="71">
        <v>4117</v>
      </c>
      <c r="GJ10" s="72">
        <v>6947</v>
      </c>
      <c r="GK10" s="244"/>
      <c r="GL10" s="71">
        <v>3690</v>
      </c>
      <c r="GM10" s="71">
        <v>4154</v>
      </c>
      <c r="GN10" s="71">
        <v>3122</v>
      </c>
      <c r="GO10" s="71">
        <v>3108</v>
      </c>
      <c r="GP10" s="71">
        <v>1940</v>
      </c>
      <c r="GQ10" s="72">
        <v>16014</v>
      </c>
      <c r="GR10" s="73">
        <v>22961</v>
      </c>
      <c r="GS10" s="123">
        <v>4305</v>
      </c>
      <c r="GT10" s="82">
        <v>5886</v>
      </c>
      <c r="GU10" s="83">
        <v>10191</v>
      </c>
      <c r="GV10" s="241"/>
      <c r="GW10" s="82">
        <v>5912</v>
      </c>
      <c r="GX10" s="82">
        <v>6493</v>
      </c>
      <c r="GY10" s="82">
        <v>4957</v>
      </c>
      <c r="GZ10" s="82">
        <v>4452</v>
      </c>
      <c r="HA10" s="82">
        <v>2774</v>
      </c>
      <c r="HB10" s="84">
        <v>24588</v>
      </c>
      <c r="HC10" s="85">
        <v>34779</v>
      </c>
      <c r="HD10" s="70">
        <v>152</v>
      </c>
      <c r="HE10" s="71">
        <v>193</v>
      </c>
      <c r="HF10" s="72">
        <v>345</v>
      </c>
      <c r="HG10" s="244"/>
      <c r="HH10" s="71">
        <v>152</v>
      </c>
      <c r="HI10" s="71">
        <v>207</v>
      </c>
      <c r="HJ10" s="71">
        <v>162</v>
      </c>
      <c r="HK10" s="71">
        <v>131</v>
      </c>
      <c r="HL10" s="71">
        <v>120</v>
      </c>
      <c r="HM10" s="72">
        <v>772</v>
      </c>
      <c r="HN10" s="73">
        <v>1117</v>
      </c>
      <c r="HO10" s="70">
        <v>418</v>
      </c>
      <c r="HP10" s="71">
        <v>641</v>
      </c>
      <c r="HQ10" s="72">
        <v>1059</v>
      </c>
      <c r="HR10" s="244"/>
      <c r="HS10" s="71">
        <v>435</v>
      </c>
      <c r="HT10" s="71">
        <v>588</v>
      </c>
      <c r="HU10" s="71">
        <v>399</v>
      </c>
      <c r="HV10" s="71">
        <v>347</v>
      </c>
      <c r="HW10" s="71">
        <v>250</v>
      </c>
      <c r="HX10" s="72">
        <v>2019</v>
      </c>
      <c r="HY10" s="73">
        <v>3078</v>
      </c>
      <c r="HZ10" s="70">
        <v>778</v>
      </c>
      <c r="IA10" s="71">
        <v>1018</v>
      </c>
      <c r="IB10" s="72">
        <v>1796</v>
      </c>
      <c r="IC10" s="244"/>
      <c r="ID10" s="71">
        <v>901</v>
      </c>
      <c r="IE10" s="71">
        <v>931</v>
      </c>
      <c r="IF10" s="71">
        <v>651</v>
      </c>
      <c r="IG10" s="71">
        <v>572</v>
      </c>
      <c r="IH10" s="71">
        <v>413</v>
      </c>
      <c r="II10" s="72">
        <v>3468</v>
      </c>
      <c r="IJ10" s="73">
        <v>5264</v>
      </c>
      <c r="IK10" s="70">
        <v>1302</v>
      </c>
      <c r="IL10" s="71">
        <v>1637</v>
      </c>
      <c r="IM10" s="72">
        <v>2939</v>
      </c>
      <c r="IN10" s="244"/>
      <c r="IO10" s="71">
        <v>1625</v>
      </c>
      <c r="IP10" s="71">
        <v>1558</v>
      </c>
      <c r="IQ10" s="71">
        <v>1109</v>
      </c>
      <c r="IR10" s="71">
        <v>891</v>
      </c>
      <c r="IS10" s="71">
        <v>563</v>
      </c>
      <c r="IT10" s="72">
        <v>5746</v>
      </c>
      <c r="IU10" s="73">
        <v>8685</v>
      </c>
      <c r="IV10" s="70">
        <v>1121</v>
      </c>
      <c r="IW10" s="71">
        <v>1533</v>
      </c>
      <c r="IX10" s="72">
        <v>2654</v>
      </c>
      <c r="IY10" s="244"/>
      <c r="IZ10" s="71">
        <v>1652</v>
      </c>
      <c r="JA10" s="71">
        <v>1754</v>
      </c>
      <c r="JB10" s="71">
        <v>1250</v>
      </c>
      <c r="JC10" s="71">
        <v>1109</v>
      </c>
      <c r="JD10" s="71">
        <v>640</v>
      </c>
      <c r="JE10" s="72">
        <v>6405</v>
      </c>
      <c r="JF10" s="73">
        <v>9059</v>
      </c>
      <c r="JG10" s="70">
        <v>534</v>
      </c>
      <c r="JH10" s="71">
        <v>864</v>
      </c>
      <c r="JI10" s="72">
        <v>1398</v>
      </c>
      <c r="JJ10" s="244"/>
      <c r="JK10" s="71">
        <v>1147</v>
      </c>
      <c r="JL10" s="71">
        <v>1455</v>
      </c>
      <c r="JM10" s="71">
        <v>1386</v>
      </c>
      <c r="JN10" s="71">
        <v>1402</v>
      </c>
      <c r="JO10" s="71">
        <v>788</v>
      </c>
      <c r="JP10" s="72">
        <v>6178</v>
      </c>
      <c r="JQ10" s="73">
        <v>7576</v>
      </c>
      <c r="JR10" s="70">
        <v>53</v>
      </c>
      <c r="JS10" s="71">
        <v>165</v>
      </c>
      <c r="JT10" s="72">
        <v>218</v>
      </c>
      <c r="JU10" s="244"/>
      <c r="JV10" s="71">
        <v>89</v>
      </c>
      <c r="JW10" s="71">
        <v>199</v>
      </c>
      <c r="JX10" s="71">
        <v>102</v>
      </c>
      <c r="JY10" s="71">
        <v>128</v>
      </c>
      <c r="JZ10" s="71">
        <v>107</v>
      </c>
      <c r="KA10" s="72">
        <v>625</v>
      </c>
      <c r="KB10" s="73">
        <v>843</v>
      </c>
      <c r="KC10" s="70">
        <v>4358</v>
      </c>
      <c r="KD10" s="71">
        <v>6051</v>
      </c>
      <c r="KE10" s="72">
        <v>10409</v>
      </c>
      <c r="KF10" s="244"/>
      <c r="KG10" s="71">
        <v>6001</v>
      </c>
      <c r="KH10" s="71">
        <v>6692</v>
      </c>
      <c r="KI10" s="71">
        <v>5059</v>
      </c>
      <c r="KJ10" s="71">
        <v>4580</v>
      </c>
      <c r="KK10" s="71">
        <v>2881</v>
      </c>
      <c r="KL10" s="72">
        <v>25213</v>
      </c>
      <c r="KM10" s="73">
        <v>35622</v>
      </c>
    </row>
    <row r="11" spans="2:299" ht="21" customHeight="1" x14ac:dyDescent="0.2">
      <c r="B11" s="126" t="s">
        <v>7</v>
      </c>
      <c r="C11" s="315">
        <v>960</v>
      </c>
      <c r="D11" s="82">
        <v>724</v>
      </c>
      <c r="E11" s="83">
        <v>1684</v>
      </c>
      <c r="F11" s="241"/>
      <c r="G11" s="82">
        <v>2301</v>
      </c>
      <c r="H11" s="82">
        <v>1503</v>
      </c>
      <c r="I11" s="82">
        <v>989</v>
      </c>
      <c r="J11" s="82">
        <v>812</v>
      </c>
      <c r="K11" s="82">
        <v>443</v>
      </c>
      <c r="L11" s="84">
        <v>6048</v>
      </c>
      <c r="M11" s="85">
        <v>7732</v>
      </c>
      <c r="N11" s="70">
        <v>41</v>
      </c>
      <c r="O11" s="71">
        <v>22</v>
      </c>
      <c r="P11" s="72">
        <v>63</v>
      </c>
      <c r="Q11" s="244"/>
      <c r="R11" s="71">
        <v>91</v>
      </c>
      <c r="S11" s="71">
        <v>75</v>
      </c>
      <c r="T11" s="71">
        <v>52</v>
      </c>
      <c r="U11" s="71">
        <v>39</v>
      </c>
      <c r="V11" s="71">
        <v>29</v>
      </c>
      <c r="W11" s="72">
        <v>286</v>
      </c>
      <c r="X11" s="73">
        <v>349</v>
      </c>
      <c r="Y11" s="70">
        <v>94</v>
      </c>
      <c r="Z11" s="71">
        <v>84</v>
      </c>
      <c r="AA11" s="72">
        <v>178</v>
      </c>
      <c r="AB11" s="244"/>
      <c r="AC11" s="71">
        <v>258</v>
      </c>
      <c r="AD11" s="71">
        <v>173</v>
      </c>
      <c r="AE11" s="71">
        <v>117</v>
      </c>
      <c r="AF11" s="71">
        <v>85</v>
      </c>
      <c r="AG11" s="71">
        <v>67</v>
      </c>
      <c r="AH11" s="72">
        <v>700</v>
      </c>
      <c r="AI11" s="73">
        <v>878</v>
      </c>
      <c r="AJ11" s="70">
        <v>136</v>
      </c>
      <c r="AK11" s="71">
        <v>120</v>
      </c>
      <c r="AL11" s="72">
        <v>256</v>
      </c>
      <c r="AM11" s="244"/>
      <c r="AN11" s="71">
        <v>375</v>
      </c>
      <c r="AO11" s="71">
        <v>237</v>
      </c>
      <c r="AP11" s="71">
        <v>170</v>
      </c>
      <c r="AQ11" s="71">
        <v>128</v>
      </c>
      <c r="AR11" s="71">
        <v>78</v>
      </c>
      <c r="AS11" s="72">
        <v>988</v>
      </c>
      <c r="AT11" s="73">
        <v>1244</v>
      </c>
      <c r="AU11" s="70">
        <v>241</v>
      </c>
      <c r="AV11" s="71">
        <v>169</v>
      </c>
      <c r="AW11" s="72">
        <v>410</v>
      </c>
      <c r="AX11" s="244"/>
      <c r="AY11" s="71">
        <v>560</v>
      </c>
      <c r="AZ11" s="71">
        <v>378</v>
      </c>
      <c r="BA11" s="71">
        <v>225</v>
      </c>
      <c r="BB11" s="71">
        <v>181</v>
      </c>
      <c r="BC11" s="71">
        <v>112</v>
      </c>
      <c r="BD11" s="72">
        <v>1456</v>
      </c>
      <c r="BE11" s="73">
        <v>1866</v>
      </c>
      <c r="BF11" s="70">
        <v>296</v>
      </c>
      <c r="BG11" s="71">
        <v>216</v>
      </c>
      <c r="BH11" s="72">
        <v>512</v>
      </c>
      <c r="BI11" s="244"/>
      <c r="BJ11" s="71">
        <v>605</v>
      </c>
      <c r="BK11" s="71">
        <v>367</v>
      </c>
      <c r="BL11" s="71">
        <v>251</v>
      </c>
      <c r="BM11" s="71">
        <v>205</v>
      </c>
      <c r="BN11" s="71">
        <v>96</v>
      </c>
      <c r="BO11" s="72">
        <v>1524</v>
      </c>
      <c r="BP11" s="73">
        <v>2036</v>
      </c>
      <c r="BQ11" s="70">
        <v>152</v>
      </c>
      <c r="BR11" s="71">
        <v>113</v>
      </c>
      <c r="BS11" s="72">
        <v>265</v>
      </c>
      <c r="BT11" s="244"/>
      <c r="BU11" s="71">
        <v>412</v>
      </c>
      <c r="BV11" s="71">
        <v>273</v>
      </c>
      <c r="BW11" s="71">
        <v>174</v>
      </c>
      <c r="BX11" s="71">
        <v>174</v>
      </c>
      <c r="BY11" s="71">
        <v>61</v>
      </c>
      <c r="BZ11" s="72">
        <v>1094</v>
      </c>
      <c r="CA11" s="73">
        <v>1359</v>
      </c>
      <c r="CB11" s="70">
        <v>17</v>
      </c>
      <c r="CC11" s="71">
        <v>14</v>
      </c>
      <c r="CD11" s="72">
        <v>31</v>
      </c>
      <c r="CE11" s="244"/>
      <c r="CF11" s="71">
        <v>61</v>
      </c>
      <c r="CG11" s="71">
        <v>54</v>
      </c>
      <c r="CH11" s="71">
        <v>30</v>
      </c>
      <c r="CI11" s="71">
        <v>37</v>
      </c>
      <c r="CJ11" s="71">
        <v>26</v>
      </c>
      <c r="CK11" s="72">
        <v>208</v>
      </c>
      <c r="CL11" s="73">
        <v>239</v>
      </c>
      <c r="CM11" s="70">
        <v>977</v>
      </c>
      <c r="CN11" s="71">
        <v>738</v>
      </c>
      <c r="CO11" s="72">
        <v>1715</v>
      </c>
      <c r="CP11" s="244"/>
      <c r="CQ11" s="71">
        <v>2362</v>
      </c>
      <c r="CR11" s="71">
        <v>1557</v>
      </c>
      <c r="CS11" s="71">
        <v>1019</v>
      </c>
      <c r="CT11" s="71">
        <v>849</v>
      </c>
      <c r="CU11" s="71">
        <v>469</v>
      </c>
      <c r="CV11" s="72">
        <v>6256</v>
      </c>
      <c r="CW11" s="73">
        <v>7971</v>
      </c>
      <c r="CX11" s="123">
        <v>1849</v>
      </c>
      <c r="CY11" s="82">
        <v>1952</v>
      </c>
      <c r="CZ11" s="83">
        <v>3801</v>
      </c>
      <c r="DA11" s="241"/>
      <c r="DB11" s="82">
        <v>4310</v>
      </c>
      <c r="DC11" s="82">
        <v>2622</v>
      </c>
      <c r="DD11" s="82">
        <v>2005</v>
      </c>
      <c r="DE11" s="82">
        <v>2080</v>
      </c>
      <c r="DF11" s="82">
        <v>1138</v>
      </c>
      <c r="DG11" s="84">
        <v>12155</v>
      </c>
      <c r="DH11" s="85">
        <v>15956</v>
      </c>
      <c r="DI11" s="70">
        <v>37</v>
      </c>
      <c r="DJ11" s="71">
        <v>40</v>
      </c>
      <c r="DK11" s="72">
        <v>77</v>
      </c>
      <c r="DL11" s="244"/>
      <c r="DM11" s="71">
        <v>77</v>
      </c>
      <c r="DN11" s="71">
        <v>43</v>
      </c>
      <c r="DO11" s="71">
        <v>33</v>
      </c>
      <c r="DP11" s="71">
        <v>43</v>
      </c>
      <c r="DQ11" s="71">
        <v>37</v>
      </c>
      <c r="DR11" s="72">
        <v>233</v>
      </c>
      <c r="DS11" s="73">
        <v>310</v>
      </c>
      <c r="DT11" s="70">
        <v>127</v>
      </c>
      <c r="DU11" s="71">
        <v>116</v>
      </c>
      <c r="DV11" s="72">
        <v>243</v>
      </c>
      <c r="DW11" s="244"/>
      <c r="DX11" s="71">
        <v>281</v>
      </c>
      <c r="DY11" s="71">
        <v>175</v>
      </c>
      <c r="DZ11" s="71">
        <v>91</v>
      </c>
      <c r="EA11" s="71">
        <v>106</v>
      </c>
      <c r="EB11" s="71">
        <v>50</v>
      </c>
      <c r="EC11" s="72">
        <v>703</v>
      </c>
      <c r="ED11" s="73">
        <v>946</v>
      </c>
      <c r="EE11" s="70">
        <v>272</v>
      </c>
      <c r="EF11" s="71">
        <v>262</v>
      </c>
      <c r="EG11" s="72">
        <v>534</v>
      </c>
      <c r="EH11" s="244"/>
      <c r="EI11" s="71">
        <v>560</v>
      </c>
      <c r="EJ11" s="71">
        <v>292</v>
      </c>
      <c r="EK11" s="71">
        <v>188</v>
      </c>
      <c r="EL11" s="71">
        <v>195</v>
      </c>
      <c r="EM11" s="71">
        <v>129</v>
      </c>
      <c r="EN11" s="72">
        <v>1364</v>
      </c>
      <c r="EO11" s="73">
        <v>1898</v>
      </c>
      <c r="EP11" s="70">
        <v>568</v>
      </c>
      <c r="EQ11" s="71">
        <v>525</v>
      </c>
      <c r="ER11" s="72">
        <v>1093</v>
      </c>
      <c r="ES11" s="244"/>
      <c r="ET11" s="71">
        <v>1011</v>
      </c>
      <c r="EU11" s="71">
        <v>523</v>
      </c>
      <c r="EV11" s="71">
        <v>351</v>
      </c>
      <c r="EW11" s="71">
        <v>355</v>
      </c>
      <c r="EX11" s="71">
        <v>206</v>
      </c>
      <c r="EY11" s="72">
        <v>2446</v>
      </c>
      <c r="EZ11" s="73">
        <v>3539</v>
      </c>
      <c r="FA11" s="70">
        <v>541</v>
      </c>
      <c r="FB11" s="71">
        <v>616</v>
      </c>
      <c r="FC11" s="72">
        <v>1157</v>
      </c>
      <c r="FD11" s="244"/>
      <c r="FE11" s="71">
        <v>1285</v>
      </c>
      <c r="FF11" s="71">
        <v>721</v>
      </c>
      <c r="FG11" s="71">
        <v>556</v>
      </c>
      <c r="FH11" s="71">
        <v>546</v>
      </c>
      <c r="FI11" s="71">
        <v>297</v>
      </c>
      <c r="FJ11" s="72">
        <v>3405</v>
      </c>
      <c r="FK11" s="73">
        <v>4562</v>
      </c>
      <c r="FL11" s="70">
        <v>304</v>
      </c>
      <c r="FM11" s="71">
        <v>393</v>
      </c>
      <c r="FN11" s="72">
        <v>697</v>
      </c>
      <c r="FO11" s="244"/>
      <c r="FP11" s="71">
        <v>1096</v>
      </c>
      <c r="FQ11" s="71">
        <v>868</v>
      </c>
      <c r="FR11" s="71">
        <v>786</v>
      </c>
      <c r="FS11" s="71">
        <v>835</v>
      </c>
      <c r="FT11" s="71">
        <v>419</v>
      </c>
      <c r="FU11" s="72">
        <v>4004</v>
      </c>
      <c r="FV11" s="73">
        <v>4701</v>
      </c>
      <c r="FW11" s="70">
        <v>13</v>
      </c>
      <c r="FX11" s="71">
        <v>17</v>
      </c>
      <c r="FY11" s="72">
        <v>30</v>
      </c>
      <c r="FZ11" s="244"/>
      <c r="GA11" s="71">
        <v>65</v>
      </c>
      <c r="GB11" s="71">
        <v>56</v>
      </c>
      <c r="GC11" s="71">
        <v>37</v>
      </c>
      <c r="GD11" s="71">
        <v>24</v>
      </c>
      <c r="GE11" s="71">
        <v>30</v>
      </c>
      <c r="GF11" s="72">
        <v>212</v>
      </c>
      <c r="GG11" s="73">
        <v>242</v>
      </c>
      <c r="GH11" s="70">
        <v>1862</v>
      </c>
      <c r="GI11" s="71">
        <v>1969</v>
      </c>
      <c r="GJ11" s="72">
        <v>3831</v>
      </c>
      <c r="GK11" s="244"/>
      <c r="GL11" s="71">
        <v>4375</v>
      </c>
      <c r="GM11" s="71">
        <v>2678</v>
      </c>
      <c r="GN11" s="71">
        <v>2042</v>
      </c>
      <c r="GO11" s="71">
        <v>2104</v>
      </c>
      <c r="GP11" s="71">
        <v>1168</v>
      </c>
      <c r="GQ11" s="72">
        <v>12367</v>
      </c>
      <c r="GR11" s="73">
        <v>16198</v>
      </c>
      <c r="GS11" s="123">
        <v>2809</v>
      </c>
      <c r="GT11" s="82">
        <v>2676</v>
      </c>
      <c r="GU11" s="83">
        <v>5485</v>
      </c>
      <c r="GV11" s="241"/>
      <c r="GW11" s="82">
        <v>6611</v>
      </c>
      <c r="GX11" s="82">
        <v>4125</v>
      </c>
      <c r="GY11" s="82">
        <v>2994</v>
      </c>
      <c r="GZ11" s="82">
        <v>2892</v>
      </c>
      <c r="HA11" s="82">
        <v>1581</v>
      </c>
      <c r="HB11" s="84">
        <v>18203</v>
      </c>
      <c r="HC11" s="85">
        <v>23688</v>
      </c>
      <c r="HD11" s="70">
        <v>78</v>
      </c>
      <c r="HE11" s="71">
        <v>62</v>
      </c>
      <c r="HF11" s="72">
        <v>140</v>
      </c>
      <c r="HG11" s="244"/>
      <c r="HH11" s="71">
        <v>168</v>
      </c>
      <c r="HI11" s="71">
        <v>118</v>
      </c>
      <c r="HJ11" s="71">
        <v>85</v>
      </c>
      <c r="HK11" s="71">
        <v>82</v>
      </c>
      <c r="HL11" s="71">
        <v>66</v>
      </c>
      <c r="HM11" s="72">
        <v>519</v>
      </c>
      <c r="HN11" s="73">
        <v>659</v>
      </c>
      <c r="HO11" s="70">
        <v>221</v>
      </c>
      <c r="HP11" s="71">
        <v>200</v>
      </c>
      <c r="HQ11" s="72">
        <v>421</v>
      </c>
      <c r="HR11" s="244"/>
      <c r="HS11" s="71">
        <v>539</v>
      </c>
      <c r="HT11" s="71">
        <v>348</v>
      </c>
      <c r="HU11" s="71">
        <v>208</v>
      </c>
      <c r="HV11" s="71">
        <v>191</v>
      </c>
      <c r="HW11" s="71">
        <v>117</v>
      </c>
      <c r="HX11" s="72">
        <v>1403</v>
      </c>
      <c r="HY11" s="73">
        <v>1824</v>
      </c>
      <c r="HZ11" s="70">
        <v>408</v>
      </c>
      <c r="IA11" s="71">
        <v>382</v>
      </c>
      <c r="IB11" s="72">
        <v>790</v>
      </c>
      <c r="IC11" s="244"/>
      <c r="ID11" s="71">
        <v>935</v>
      </c>
      <c r="IE11" s="71">
        <v>529</v>
      </c>
      <c r="IF11" s="71">
        <v>358</v>
      </c>
      <c r="IG11" s="71">
        <v>323</v>
      </c>
      <c r="IH11" s="71">
        <v>207</v>
      </c>
      <c r="II11" s="72">
        <v>2352</v>
      </c>
      <c r="IJ11" s="73">
        <v>3142</v>
      </c>
      <c r="IK11" s="70">
        <v>809</v>
      </c>
      <c r="IL11" s="71">
        <v>694</v>
      </c>
      <c r="IM11" s="72">
        <v>1503</v>
      </c>
      <c r="IN11" s="244"/>
      <c r="IO11" s="71">
        <v>1571</v>
      </c>
      <c r="IP11" s="71">
        <v>901</v>
      </c>
      <c r="IQ11" s="71">
        <v>576</v>
      </c>
      <c r="IR11" s="71">
        <v>536</v>
      </c>
      <c r="IS11" s="71">
        <v>318</v>
      </c>
      <c r="IT11" s="72">
        <v>3902</v>
      </c>
      <c r="IU11" s="73">
        <v>5405</v>
      </c>
      <c r="IV11" s="70">
        <v>837</v>
      </c>
      <c r="IW11" s="71">
        <v>832</v>
      </c>
      <c r="IX11" s="72">
        <v>1669</v>
      </c>
      <c r="IY11" s="244"/>
      <c r="IZ11" s="71">
        <v>1890</v>
      </c>
      <c r="JA11" s="71">
        <v>1088</v>
      </c>
      <c r="JB11" s="71">
        <v>807</v>
      </c>
      <c r="JC11" s="71">
        <v>751</v>
      </c>
      <c r="JD11" s="71">
        <v>393</v>
      </c>
      <c r="JE11" s="72">
        <v>4929</v>
      </c>
      <c r="JF11" s="73">
        <v>6598</v>
      </c>
      <c r="JG11" s="70">
        <v>456</v>
      </c>
      <c r="JH11" s="71">
        <v>506</v>
      </c>
      <c r="JI11" s="72">
        <v>962</v>
      </c>
      <c r="JJ11" s="244"/>
      <c r="JK11" s="71">
        <v>1508</v>
      </c>
      <c r="JL11" s="71">
        <v>1141</v>
      </c>
      <c r="JM11" s="71">
        <v>960</v>
      </c>
      <c r="JN11" s="71">
        <v>1009</v>
      </c>
      <c r="JO11" s="71">
        <v>480</v>
      </c>
      <c r="JP11" s="72">
        <v>5098</v>
      </c>
      <c r="JQ11" s="73">
        <v>6060</v>
      </c>
      <c r="JR11" s="70">
        <v>30</v>
      </c>
      <c r="JS11" s="71">
        <v>31</v>
      </c>
      <c r="JT11" s="72">
        <v>61</v>
      </c>
      <c r="JU11" s="244"/>
      <c r="JV11" s="71">
        <v>126</v>
      </c>
      <c r="JW11" s="71">
        <v>110</v>
      </c>
      <c r="JX11" s="71">
        <v>67</v>
      </c>
      <c r="JY11" s="71">
        <v>61</v>
      </c>
      <c r="JZ11" s="71">
        <v>56</v>
      </c>
      <c r="KA11" s="72">
        <v>420</v>
      </c>
      <c r="KB11" s="73">
        <v>481</v>
      </c>
      <c r="KC11" s="70">
        <v>2839</v>
      </c>
      <c r="KD11" s="71">
        <v>2707</v>
      </c>
      <c r="KE11" s="72">
        <v>5546</v>
      </c>
      <c r="KF11" s="244"/>
      <c r="KG11" s="71">
        <v>6737</v>
      </c>
      <c r="KH11" s="71">
        <v>4235</v>
      </c>
      <c r="KI11" s="71">
        <v>3061</v>
      </c>
      <c r="KJ11" s="71">
        <v>2953</v>
      </c>
      <c r="KK11" s="71">
        <v>1637</v>
      </c>
      <c r="KL11" s="72">
        <v>18623</v>
      </c>
      <c r="KM11" s="73">
        <v>24169</v>
      </c>
    </row>
    <row r="12" spans="2:299" ht="21" customHeight="1" x14ac:dyDescent="0.2">
      <c r="B12" s="126" t="s">
        <v>8</v>
      </c>
      <c r="C12" s="315">
        <v>540</v>
      </c>
      <c r="D12" s="82">
        <v>349</v>
      </c>
      <c r="E12" s="83">
        <v>889</v>
      </c>
      <c r="F12" s="241"/>
      <c r="G12" s="82">
        <v>963</v>
      </c>
      <c r="H12" s="82">
        <v>879</v>
      </c>
      <c r="I12" s="82">
        <v>636</v>
      </c>
      <c r="J12" s="82">
        <v>488</v>
      </c>
      <c r="K12" s="82">
        <v>280</v>
      </c>
      <c r="L12" s="84">
        <v>3246</v>
      </c>
      <c r="M12" s="85">
        <v>4135</v>
      </c>
      <c r="N12" s="70">
        <v>28</v>
      </c>
      <c r="O12" s="71">
        <v>27</v>
      </c>
      <c r="P12" s="72">
        <v>55</v>
      </c>
      <c r="Q12" s="244"/>
      <c r="R12" s="71">
        <v>44</v>
      </c>
      <c r="S12" s="71">
        <v>43</v>
      </c>
      <c r="T12" s="71">
        <v>22</v>
      </c>
      <c r="U12" s="71">
        <v>26</v>
      </c>
      <c r="V12" s="71">
        <v>15</v>
      </c>
      <c r="W12" s="72">
        <v>150</v>
      </c>
      <c r="X12" s="73">
        <v>205</v>
      </c>
      <c r="Y12" s="70">
        <v>57</v>
      </c>
      <c r="Z12" s="71">
        <v>47</v>
      </c>
      <c r="AA12" s="72">
        <v>104</v>
      </c>
      <c r="AB12" s="244"/>
      <c r="AC12" s="71">
        <v>106</v>
      </c>
      <c r="AD12" s="71">
        <v>124</v>
      </c>
      <c r="AE12" s="71">
        <v>77</v>
      </c>
      <c r="AF12" s="71">
        <v>66</v>
      </c>
      <c r="AG12" s="71">
        <v>42</v>
      </c>
      <c r="AH12" s="72">
        <v>415</v>
      </c>
      <c r="AI12" s="73">
        <v>519</v>
      </c>
      <c r="AJ12" s="70">
        <v>87</v>
      </c>
      <c r="AK12" s="71">
        <v>61</v>
      </c>
      <c r="AL12" s="72">
        <v>148</v>
      </c>
      <c r="AM12" s="244"/>
      <c r="AN12" s="71">
        <v>168</v>
      </c>
      <c r="AO12" s="71">
        <v>140</v>
      </c>
      <c r="AP12" s="71">
        <v>115</v>
      </c>
      <c r="AQ12" s="71">
        <v>79</v>
      </c>
      <c r="AR12" s="71">
        <v>62</v>
      </c>
      <c r="AS12" s="72">
        <v>564</v>
      </c>
      <c r="AT12" s="73">
        <v>712</v>
      </c>
      <c r="AU12" s="70">
        <v>145</v>
      </c>
      <c r="AV12" s="71">
        <v>71</v>
      </c>
      <c r="AW12" s="72">
        <v>216</v>
      </c>
      <c r="AX12" s="244"/>
      <c r="AY12" s="71">
        <v>235</v>
      </c>
      <c r="AZ12" s="71">
        <v>224</v>
      </c>
      <c r="BA12" s="71">
        <v>133</v>
      </c>
      <c r="BB12" s="71">
        <v>110</v>
      </c>
      <c r="BC12" s="71">
        <v>59</v>
      </c>
      <c r="BD12" s="72">
        <v>761</v>
      </c>
      <c r="BE12" s="73">
        <v>977</v>
      </c>
      <c r="BF12" s="70">
        <v>141</v>
      </c>
      <c r="BG12" s="71">
        <v>81</v>
      </c>
      <c r="BH12" s="72">
        <v>222</v>
      </c>
      <c r="BI12" s="244"/>
      <c r="BJ12" s="71">
        <v>258</v>
      </c>
      <c r="BK12" s="71">
        <v>198</v>
      </c>
      <c r="BL12" s="71">
        <v>159</v>
      </c>
      <c r="BM12" s="71">
        <v>109</v>
      </c>
      <c r="BN12" s="71">
        <v>54</v>
      </c>
      <c r="BO12" s="72">
        <v>778</v>
      </c>
      <c r="BP12" s="73">
        <v>1000</v>
      </c>
      <c r="BQ12" s="70">
        <v>82</v>
      </c>
      <c r="BR12" s="71">
        <v>62</v>
      </c>
      <c r="BS12" s="72">
        <v>144</v>
      </c>
      <c r="BT12" s="244"/>
      <c r="BU12" s="71">
        <v>152</v>
      </c>
      <c r="BV12" s="71">
        <v>150</v>
      </c>
      <c r="BW12" s="71">
        <v>130</v>
      </c>
      <c r="BX12" s="71">
        <v>98</v>
      </c>
      <c r="BY12" s="71">
        <v>48</v>
      </c>
      <c r="BZ12" s="72">
        <v>578</v>
      </c>
      <c r="CA12" s="73">
        <v>722</v>
      </c>
      <c r="CB12" s="70">
        <v>15</v>
      </c>
      <c r="CC12" s="71">
        <v>16</v>
      </c>
      <c r="CD12" s="72">
        <v>31</v>
      </c>
      <c r="CE12" s="244"/>
      <c r="CF12" s="71">
        <v>20</v>
      </c>
      <c r="CG12" s="71">
        <v>46</v>
      </c>
      <c r="CH12" s="71">
        <v>28</v>
      </c>
      <c r="CI12" s="71">
        <v>25</v>
      </c>
      <c r="CJ12" s="71">
        <v>11</v>
      </c>
      <c r="CK12" s="72">
        <v>130</v>
      </c>
      <c r="CL12" s="73">
        <v>161</v>
      </c>
      <c r="CM12" s="70">
        <v>555</v>
      </c>
      <c r="CN12" s="71">
        <v>365</v>
      </c>
      <c r="CO12" s="72">
        <v>920</v>
      </c>
      <c r="CP12" s="244"/>
      <c r="CQ12" s="71">
        <v>983</v>
      </c>
      <c r="CR12" s="71">
        <v>925</v>
      </c>
      <c r="CS12" s="71">
        <v>664</v>
      </c>
      <c r="CT12" s="71">
        <v>513</v>
      </c>
      <c r="CU12" s="71">
        <v>291</v>
      </c>
      <c r="CV12" s="72">
        <v>3376</v>
      </c>
      <c r="CW12" s="73">
        <v>4296</v>
      </c>
      <c r="CX12" s="123">
        <v>1033</v>
      </c>
      <c r="CY12" s="82">
        <v>921</v>
      </c>
      <c r="CZ12" s="83">
        <v>1954</v>
      </c>
      <c r="DA12" s="241"/>
      <c r="DB12" s="82">
        <v>1690</v>
      </c>
      <c r="DC12" s="82">
        <v>1592</v>
      </c>
      <c r="DD12" s="82">
        <v>1292</v>
      </c>
      <c r="DE12" s="82">
        <v>1039</v>
      </c>
      <c r="DF12" s="82">
        <v>655</v>
      </c>
      <c r="DG12" s="84">
        <v>6268</v>
      </c>
      <c r="DH12" s="85">
        <v>8222</v>
      </c>
      <c r="DI12" s="70">
        <v>28</v>
      </c>
      <c r="DJ12" s="71">
        <v>19</v>
      </c>
      <c r="DK12" s="72">
        <v>47</v>
      </c>
      <c r="DL12" s="244"/>
      <c r="DM12" s="71">
        <v>46</v>
      </c>
      <c r="DN12" s="71">
        <v>34</v>
      </c>
      <c r="DO12" s="71">
        <v>19</v>
      </c>
      <c r="DP12" s="71">
        <v>19</v>
      </c>
      <c r="DQ12" s="71">
        <v>12</v>
      </c>
      <c r="DR12" s="72">
        <v>130</v>
      </c>
      <c r="DS12" s="73">
        <v>177</v>
      </c>
      <c r="DT12" s="70">
        <v>79</v>
      </c>
      <c r="DU12" s="71">
        <v>71</v>
      </c>
      <c r="DV12" s="72">
        <v>150</v>
      </c>
      <c r="DW12" s="244"/>
      <c r="DX12" s="71">
        <v>96</v>
      </c>
      <c r="DY12" s="71">
        <v>89</v>
      </c>
      <c r="DZ12" s="71">
        <v>68</v>
      </c>
      <c r="EA12" s="71">
        <v>54</v>
      </c>
      <c r="EB12" s="71">
        <v>36</v>
      </c>
      <c r="EC12" s="72">
        <v>343</v>
      </c>
      <c r="ED12" s="73">
        <v>493</v>
      </c>
      <c r="EE12" s="70">
        <v>162</v>
      </c>
      <c r="EF12" s="71">
        <v>150</v>
      </c>
      <c r="EG12" s="72">
        <v>312</v>
      </c>
      <c r="EH12" s="244"/>
      <c r="EI12" s="71">
        <v>213</v>
      </c>
      <c r="EJ12" s="71">
        <v>173</v>
      </c>
      <c r="EK12" s="71">
        <v>127</v>
      </c>
      <c r="EL12" s="71">
        <v>96</v>
      </c>
      <c r="EM12" s="71">
        <v>71</v>
      </c>
      <c r="EN12" s="72">
        <v>680</v>
      </c>
      <c r="EO12" s="73">
        <v>992</v>
      </c>
      <c r="EP12" s="70">
        <v>324</v>
      </c>
      <c r="EQ12" s="71">
        <v>260</v>
      </c>
      <c r="ER12" s="72">
        <v>584</v>
      </c>
      <c r="ES12" s="244"/>
      <c r="ET12" s="71">
        <v>405</v>
      </c>
      <c r="EU12" s="71">
        <v>328</v>
      </c>
      <c r="EV12" s="71">
        <v>257</v>
      </c>
      <c r="EW12" s="71">
        <v>167</v>
      </c>
      <c r="EX12" s="71">
        <v>117</v>
      </c>
      <c r="EY12" s="72">
        <v>1274</v>
      </c>
      <c r="EZ12" s="73">
        <v>1858</v>
      </c>
      <c r="FA12" s="70">
        <v>295</v>
      </c>
      <c r="FB12" s="71">
        <v>261</v>
      </c>
      <c r="FC12" s="72">
        <v>556</v>
      </c>
      <c r="FD12" s="244"/>
      <c r="FE12" s="71">
        <v>511</v>
      </c>
      <c r="FF12" s="71">
        <v>458</v>
      </c>
      <c r="FG12" s="71">
        <v>352</v>
      </c>
      <c r="FH12" s="71">
        <v>246</v>
      </c>
      <c r="FI12" s="71">
        <v>157</v>
      </c>
      <c r="FJ12" s="72">
        <v>1724</v>
      </c>
      <c r="FK12" s="73">
        <v>2280</v>
      </c>
      <c r="FL12" s="70">
        <v>145</v>
      </c>
      <c r="FM12" s="71">
        <v>160</v>
      </c>
      <c r="FN12" s="72">
        <v>305</v>
      </c>
      <c r="FO12" s="244"/>
      <c r="FP12" s="71">
        <v>419</v>
      </c>
      <c r="FQ12" s="71">
        <v>510</v>
      </c>
      <c r="FR12" s="71">
        <v>469</v>
      </c>
      <c r="FS12" s="71">
        <v>457</v>
      </c>
      <c r="FT12" s="71">
        <v>262</v>
      </c>
      <c r="FU12" s="72">
        <v>2117</v>
      </c>
      <c r="FV12" s="73">
        <v>2422</v>
      </c>
      <c r="FW12" s="70">
        <v>5</v>
      </c>
      <c r="FX12" s="71">
        <v>23</v>
      </c>
      <c r="FY12" s="72">
        <v>28</v>
      </c>
      <c r="FZ12" s="244"/>
      <c r="GA12" s="71">
        <v>16</v>
      </c>
      <c r="GB12" s="71">
        <v>39</v>
      </c>
      <c r="GC12" s="71">
        <v>18</v>
      </c>
      <c r="GD12" s="71">
        <v>18</v>
      </c>
      <c r="GE12" s="71">
        <v>13</v>
      </c>
      <c r="GF12" s="72">
        <v>104</v>
      </c>
      <c r="GG12" s="73">
        <v>132</v>
      </c>
      <c r="GH12" s="70">
        <v>1038</v>
      </c>
      <c r="GI12" s="71">
        <v>944</v>
      </c>
      <c r="GJ12" s="72">
        <v>1982</v>
      </c>
      <c r="GK12" s="244"/>
      <c r="GL12" s="71">
        <v>1706</v>
      </c>
      <c r="GM12" s="71">
        <v>1631</v>
      </c>
      <c r="GN12" s="71">
        <v>1310</v>
      </c>
      <c r="GO12" s="71">
        <v>1057</v>
      </c>
      <c r="GP12" s="71">
        <v>668</v>
      </c>
      <c r="GQ12" s="72">
        <v>6372</v>
      </c>
      <c r="GR12" s="73">
        <v>8354</v>
      </c>
      <c r="GS12" s="123">
        <v>1573</v>
      </c>
      <c r="GT12" s="82">
        <v>1270</v>
      </c>
      <c r="GU12" s="83">
        <v>2843</v>
      </c>
      <c r="GV12" s="241"/>
      <c r="GW12" s="82">
        <v>2653</v>
      </c>
      <c r="GX12" s="82">
        <v>2471</v>
      </c>
      <c r="GY12" s="82">
        <v>1928</v>
      </c>
      <c r="GZ12" s="82">
        <v>1527</v>
      </c>
      <c r="HA12" s="82">
        <v>935</v>
      </c>
      <c r="HB12" s="84">
        <v>9514</v>
      </c>
      <c r="HC12" s="85">
        <v>12357</v>
      </c>
      <c r="HD12" s="70">
        <v>56</v>
      </c>
      <c r="HE12" s="71">
        <v>46</v>
      </c>
      <c r="HF12" s="72">
        <v>102</v>
      </c>
      <c r="HG12" s="244"/>
      <c r="HH12" s="71">
        <v>90</v>
      </c>
      <c r="HI12" s="71">
        <v>77</v>
      </c>
      <c r="HJ12" s="71">
        <v>41</v>
      </c>
      <c r="HK12" s="71">
        <v>45</v>
      </c>
      <c r="HL12" s="71">
        <v>27</v>
      </c>
      <c r="HM12" s="72">
        <v>280</v>
      </c>
      <c r="HN12" s="73">
        <v>382</v>
      </c>
      <c r="HO12" s="70">
        <v>136</v>
      </c>
      <c r="HP12" s="71">
        <v>118</v>
      </c>
      <c r="HQ12" s="72">
        <v>254</v>
      </c>
      <c r="HR12" s="244"/>
      <c r="HS12" s="71">
        <v>202</v>
      </c>
      <c r="HT12" s="71">
        <v>213</v>
      </c>
      <c r="HU12" s="71">
        <v>145</v>
      </c>
      <c r="HV12" s="71">
        <v>120</v>
      </c>
      <c r="HW12" s="71">
        <v>78</v>
      </c>
      <c r="HX12" s="72">
        <v>758</v>
      </c>
      <c r="HY12" s="73">
        <v>1012</v>
      </c>
      <c r="HZ12" s="70">
        <v>249</v>
      </c>
      <c r="IA12" s="71">
        <v>211</v>
      </c>
      <c r="IB12" s="72">
        <v>460</v>
      </c>
      <c r="IC12" s="244"/>
      <c r="ID12" s="71">
        <v>381</v>
      </c>
      <c r="IE12" s="71">
        <v>313</v>
      </c>
      <c r="IF12" s="71">
        <v>242</v>
      </c>
      <c r="IG12" s="71">
        <v>175</v>
      </c>
      <c r="IH12" s="71">
        <v>133</v>
      </c>
      <c r="II12" s="72">
        <v>1244</v>
      </c>
      <c r="IJ12" s="73">
        <v>1704</v>
      </c>
      <c r="IK12" s="70">
        <v>469</v>
      </c>
      <c r="IL12" s="71">
        <v>331</v>
      </c>
      <c r="IM12" s="72">
        <v>800</v>
      </c>
      <c r="IN12" s="244"/>
      <c r="IO12" s="71">
        <v>640</v>
      </c>
      <c r="IP12" s="71">
        <v>552</v>
      </c>
      <c r="IQ12" s="71">
        <v>390</v>
      </c>
      <c r="IR12" s="71">
        <v>277</v>
      </c>
      <c r="IS12" s="71">
        <v>176</v>
      </c>
      <c r="IT12" s="72">
        <v>2035</v>
      </c>
      <c r="IU12" s="73">
        <v>2835</v>
      </c>
      <c r="IV12" s="70">
        <v>436</v>
      </c>
      <c r="IW12" s="71">
        <v>342</v>
      </c>
      <c r="IX12" s="72">
        <v>778</v>
      </c>
      <c r="IY12" s="244"/>
      <c r="IZ12" s="71">
        <v>769</v>
      </c>
      <c r="JA12" s="71">
        <v>656</v>
      </c>
      <c r="JB12" s="71">
        <v>511</v>
      </c>
      <c r="JC12" s="71">
        <v>355</v>
      </c>
      <c r="JD12" s="71">
        <v>211</v>
      </c>
      <c r="JE12" s="72">
        <v>2502</v>
      </c>
      <c r="JF12" s="73">
        <v>3280</v>
      </c>
      <c r="JG12" s="70">
        <v>227</v>
      </c>
      <c r="JH12" s="71">
        <v>222</v>
      </c>
      <c r="JI12" s="72">
        <v>449</v>
      </c>
      <c r="JJ12" s="244"/>
      <c r="JK12" s="71">
        <v>571</v>
      </c>
      <c r="JL12" s="71">
        <v>660</v>
      </c>
      <c r="JM12" s="71">
        <v>599</v>
      </c>
      <c r="JN12" s="71">
        <v>555</v>
      </c>
      <c r="JO12" s="71">
        <v>310</v>
      </c>
      <c r="JP12" s="72">
        <v>2695</v>
      </c>
      <c r="JQ12" s="73">
        <v>3144</v>
      </c>
      <c r="JR12" s="70">
        <v>20</v>
      </c>
      <c r="JS12" s="71">
        <v>39</v>
      </c>
      <c r="JT12" s="72">
        <v>59</v>
      </c>
      <c r="JU12" s="244"/>
      <c r="JV12" s="71">
        <v>36</v>
      </c>
      <c r="JW12" s="71">
        <v>85</v>
      </c>
      <c r="JX12" s="71">
        <v>46</v>
      </c>
      <c r="JY12" s="71">
        <v>43</v>
      </c>
      <c r="JZ12" s="71">
        <v>24</v>
      </c>
      <c r="KA12" s="72">
        <v>234</v>
      </c>
      <c r="KB12" s="73">
        <v>293</v>
      </c>
      <c r="KC12" s="70">
        <v>1593</v>
      </c>
      <c r="KD12" s="71">
        <v>1309</v>
      </c>
      <c r="KE12" s="72">
        <v>2902</v>
      </c>
      <c r="KF12" s="244"/>
      <c r="KG12" s="71">
        <v>2689</v>
      </c>
      <c r="KH12" s="71">
        <v>2556</v>
      </c>
      <c r="KI12" s="71">
        <v>1974</v>
      </c>
      <c r="KJ12" s="71">
        <v>1570</v>
      </c>
      <c r="KK12" s="71">
        <v>959</v>
      </c>
      <c r="KL12" s="72">
        <v>9748</v>
      </c>
      <c r="KM12" s="73">
        <v>12650</v>
      </c>
    </row>
    <row r="13" spans="2:299" ht="21" customHeight="1" x14ac:dyDescent="0.2">
      <c r="B13" s="126" t="s">
        <v>9</v>
      </c>
      <c r="C13" s="315">
        <v>683</v>
      </c>
      <c r="D13" s="82">
        <v>402</v>
      </c>
      <c r="E13" s="83">
        <v>1085</v>
      </c>
      <c r="F13" s="241"/>
      <c r="G13" s="82">
        <v>797</v>
      </c>
      <c r="H13" s="82">
        <v>591</v>
      </c>
      <c r="I13" s="82">
        <v>412</v>
      </c>
      <c r="J13" s="82">
        <v>384</v>
      </c>
      <c r="K13" s="82">
        <v>223</v>
      </c>
      <c r="L13" s="84">
        <v>2407</v>
      </c>
      <c r="M13" s="85">
        <v>3492</v>
      </c>
      <c r="N13" s="70">
        <v>25</v>
      </c>
      <c r="O13" s="71">
        <v>11</v>
      </c>
      <c r="P13" s="72">
        <v>36</v>
      </c>
      <c r="Q13" s="244"/>
      <c r="R13" s="71">
        <v>21</v>
      </c>
      <c r="S13" s="71">
        <v>33</v>
      </c>
      <c r="T13" s="71">
        <v>13</v>
      </c>
      <c r="U13" s="71">
        <v>14</v>
      </c>
      <c r="V13" s="71">
        <v>11</v>
      </c>
      <c r="W13" s="72">
        <v>92</v>
      </c>
      <c r="X13" s="73">
        <v>128</v>
      </c>
      <c r="Y13" s="70">
        <v>44</v>
      </c>
      <c r="Z13" s="71">
        <v>36</v>
      </c>
      <c r="AA13" s="72">
        <v>80</v>
      </c>
      <c r="AB13" s="244"/>
      <c r="AC13" s="71">
        <v>47</v>
      </c>
      <c r="AD13" s="71">
        <v>43</v>
      </c>
      <c r="AE13" s="71">
        <v>30</v>
      </c>
      <c r="AF13" s="71">
        <v>32</v>
      </c>
      <c r="AG13" s="71">
        <v>23</v>
      </c>
      <c r="AH13" s="72">
        <v>175</v>
      </c>
      <c r="AI13" s="73">
        <v>255</v>
      </c>
      <c r="AJ13" s="70">
        <v>84</v>
      </c>
      <c r="AK13" s="71">
        <v>42</v>
      </c>
      <c r="AL13" s="72">
        <v>126</v>
      </c>
      <c r="AM13" s="244"/>
      <c r="AN13" s="71">
        <v>110</v>
      </c>
      <c r="AO13" s="71">
        <v>71</v>
      </c>
      <c r="AP13" s="71">
        <v>69</v>
      </c>
      <c r="AQ13" s="71">
        <v>67</v>
      </c>
      <c r="AR13" s="71">
        <v>38</v>
      </c>
      <c r="AS13" s="72">
        <v>355</v>
      </c>
      <c r="AT13" s="73">
        <v>481</v>
      </c>
      <c r="AU13" s="70">
        <v>180</v>
      </c>
      <c r="AV13" s="71">
        <v>90</v>
      </c>
      <c r="AW13" s="72">
        <v>270</v>
      </c>
      <c r="AX13" s="244"/>
      <c r="AY13" s="71">
        <v>183</v>
      </c>
      <c r="AZ13" s="71">
        <v>117</v>
      </c>
      <c r="BA13" s="71">
        <v>62</v>
      </c>
      <c r="BB13" s="71">
        <v>62</v>
      </c>
      <c r="BC13" s="71">
        <v>51</v>
      </c>
      <c r="BD13" s="72">
        <v>475</v>
      </c>
      <c r="BE13" s="73">
        <v>745</v>
      </c>
      <c r="BF13" s="70">
        <v>202</v>
      </c>
      <c r="BG13" s="71">
        <v>133</v>
      </c>
      <c r="BH13" s="72">
        <v>335</v>
      </c>
      <c r="BI13" s="244"/>
      <c r="BJ13" s="71">
        <v>241</v>
      </c>
      <c r="BK13" s="71">
        <v>167</v>
      </c>
      <c r="BL13" s="71">
        <v>117</v>
      </c>
      <c r="BM13" s="71">
        <v>107</v>
      </c>
      <c r="BN13" s="71">
        <v>44</v>
      </c>
      <c r="BO13" s="72">
        <v>676</v>
      </c>
      <c r="BP13" s="73">
        <v>1011</v>
      </c>
      <c r="BQ13" s="70">
        <v>148</v>
      </c>
      <c r="BR13" s="71">
        <v>90</v>
      </c>
      <c r="BS13" s="72">
        <v>238</v>
      </c>
      <c r="BT13" s="244"/>
      <c r="BU13" s="71">
        <v>195</v>
      </c>
      <c r="BV13" s="71">
        <v>160</v>
      </c>
      <c r="BW13" s="71">
        <v>121</v>
      </c>
      <c r="BX13" s="71">
        <v>102</v>
      </c>
      <c r="BY13" s="71">
        <v>56</v>
      </c>
      <c r="BZ13" s="72">
        <v>634</v>
      </c>
      <c r="CA13" s="73">
        <v>872</v>
      </c>
      <c r="CB13" s="70">
        <v>5</v>
      </c>
      <c r="CC13" s="71">
        <v>14</v>
      </c>
      <c r="CD13" s="72">
        <v>19</v>
      </c>
      <c r="CE13" s="244"/>
      <c r="CF13" s="71">
        <v>30</v>
      </c>
      <c r="CG13" s="71">
        <v>22</v>
      </c>
      <c r="CH13" s="71">
        <v>12</v>
      </c>
      <c r="CI13" s="71">
        <v>12</v>
      </c>
      <c r="CJ13" s="71">
        <v>8</v>
      </c>
      <c r="CK13" s="72">
        <v>84</v>
      </c>
      <c r="CL13" s="73">
        <v>103</v>
      </c>
      <c r="CM13" s="70">
        <v>688</v>
      </c>
      <c r="CN13" s="71">
        <v>416</v>
      </c>
      <c r="CO13" s="72">
        <v>1104</v>
      </c>
      <c r="CP13" s="244"/>
      <c r="CQ13" s="71">
        <v>827</v>
      </c>
      <c r="CR13" s="71">
        <v>613</v>
      </c>
      <c r="CS13" s="71">
        <v>424</v>
      </c>
      <c r="CT13" s="71">
        <v>396</v>
      </c>
      <c r="CU13" s="71">
        <v>231</v>
      </c>
      <c r="CV13" s="72">
        <v>2491</v>
      </c>
      <c r="CW13" s="73">
        <v>3595</v>
      </c>
      <c r="CX13" s="123">
        <v>1413</v>
      </c>
      <c r="CY13" s="82">
        <v>980</v>
      </c>
      <c r="CZ13" s="83">
        <v>2393</v>
      </c>
      <c r="DA13" s="241"/>
      <c r="DB13" s="82">
        <v>1694</v>
      </c>
      <c r="DC13" s="82">
        <v>1143</v>
      </c>
      <c r="DD13" s="82">
        <v>965</v>
      </c>
      <c r="DE13" s="82">
        <v>1005</v>
      </c>
      <c r="DF13" s="82">
        <v>703</v>
      </c>
      <c r="DG13" s="84">
        <v>5510</v>
      </c>
      <c r="DH13" s="85">
        <v>7903</v>
      </c>
      <c r="DI13" s="70">
        <v>26</v>
      </c>
      <c r="DJ13" s="71">
        <v>12</v>
      </c>
      <c r="DK13" s="72">
        <v>38</v>
      </c>
      <c r="DL13" s="244"/>
      <c r="DM13" s="71">
        <v>8</v>
      </c>
      <c r="DN13" s="71">
        <v>16</v>
      </c>
      <c r="DO13" s="71">
        <v>12</v>
      </c>
      <c r="DP13" s="71">
        <v>8</v>
      </c>
      <c r="DQ13" s="71">
        <v>13</v>
      </c>
      <c r="DR13" s="72">
        <v>57</v>
      </c>
      <c r="DS13" s="73">
        <v>95</v>
      </c>
      <c r="DT13" s="70">
        <v>73</v>
      </c>
      <c r="DU13" s="71">
        <v>51</v>
      </c>
      <c r="DV13" s="72">
        <v>124</v>
      </c>
      <c r="DW13" s="244"/>
      <c r="DX13" s="71">
        <v>72</v>
      </c>
      <c r="DY13" s="71">
        <v>40</v>
      </c>
      <c r="DZ13" s="71">
        <v>32</v>
      </c>
      <c r="EA13" s="71">
        <v>34</v>
      </c>
      <c r="EB13" s="71">
        <v>29</v>
      </c>
      <c r="EC13" s="72">
        <v>207</v>
      </c>
      <c r="ED13" s="73">
        <v>331</v>
      </c>
      <c r="EE13" s="70">
        <v>199</v>
      </c>
      <c r="EF13" s="71">
        <v>144</v>
      </c>
      <c r="EG13" s="72">
        <v>343</v>
      </c>
      <c r="EH13" s="244"/>
      <c r="EI13" s="71">
        <v>183</v>
      </c>
      <c r="EJ13" s="71">
        <v>91</v>
      </c>
      <c r="EK13" s="71">
        <v>63</v>
      </c>
      <c r="EL13" s="71">
        <v>54</v>
      </c>
      <c r="EM13" s="71">
        <v>66</v>
      </c>
      <c r="EN13" s="72">
        <v>457</v>
      </c>
      <c r="EO13" s="73">
        <v>800</v>
      </c>
      <c r="EP13" s="70">
        <v>394</v>
      </c>
      <c r="EQ13" s="71">
        <v>237</v>
      </c>
      <c r="ER13" s="72">
        <v>631</v>
      </c>
      <c r="ES13" s="244"/>
      <c r="ET13" s="71">
        <v>346</v>
      </c>
      <c r="EU13" s="71">
        <v>210</v>
      </c>
      <c r="EV13" s="71">
        <v>143</v>
      </c>
      <c r="EW13" s="71">
        <v>154</v>
      </c>
      <c r="EX13" s="71">
        <v>110</v>
      </c>
      <c r="EY13" s="72">
        <v>963</v>
      </c>
      <c r="EZ13" s="73">
        <v>1594</v>
      </c>
      <c r="FA13" s="70">
        <v>447</v>
      </c>
      <c r="FB13" s="71">
        <v>305</v>
      </c>
      <c r="FC13" s="72">
        <v>752</v>
      </c>
      <c r="FD13" s="244"/>
      <c r="FE13" s="71">
        <v>518</v>
      </c>
      <c r="FF13" s="71">
        <v>344</v>
      </c>
      <c r="FG13" s="71">
        <v>268</v>
      </c>
      <c r="FH13" s="71">
        <v>252</v>
      </c>
      <c r="FI13" s="71">
        <v>171</v>
      </c>
      <c r="FJ13" s="72">
        <v>1553</v>
      </c>
      <c r="FK13" s="73">
        <v>2305</v>
      </c>
      <c r="FL13" s="70">
        <v>274</v>
      </c>
      <c r="FM13" s="71">
        <v>231</v>
      </c>
      <c r="FN13" s="72">
        <v>505</v>
      </c>
      <c r="FO13" s="244"/>
      <c r="FP13" s="71">
        <v>567</v>
      </c>
      <c r="FQ13" s="71">
        <v>442</v>
      </c>
      <c r="FR13" s="71">
        <v>447</v>
      </c>
      <c r="FS13" s="71">
        <v>503</v>
      </c>
      <c r="FT13" s="71">
        <v>314</v>
      </c>
      <c r="FU13" s="72">
        <v>2273</v>
      </c>
      <c r="FV13" s="73">
        <v>2778</v>
      </c>
      <c r="FW13" s="70">
        <v>6</v>
      </c>
      <c r="FX13" s="71">
        <v>15</v>
      </c>
      <c r="FY13" s="72">
        <v>21</v>
      </c>
      <c r="FZ13" s="244"/>
      <c r="GA13" s="71">
        <v>11</v>
      </c>
      <c r="GB13" s="71">
        <v>18</v>
      </c>
      <c r="GC13" s="71">
        <v>13</v>
      </c>
      <c r="GD13" s="71">
        <v>13</v>
      </c>
      <c r="GE13" s="71">
        <v>10</v>
      </c>
      <c r="GF13" s="72">
        <v>65</v>
      </c>
      <c r="GG13" s="73">
        <v>86</v>
      </c>
      <c r="GH13" s="70">
        <v>1419</v>
      </c>
      <c r="GI13" s="71">
        <v>995</v>
      </c>
      <c r="GJ13" s="72">
        <v>2414</v>
      </c>
      <c r="GK13" s="244"/>
      <c r="GL13" s="71">
        <v>1705</v>
      </c>
      <c r="GM13" s="71">
        <v>1161</v>
      </c>
      <c r="GN13" s="71">
        <v>978</v>
      </c>
      <c r="GO13" s="71">
        <v>1018</v>
      </c>
      <c r="GP13" s="71">
        <v>713</v>
      </c>
      <c r="GQ13" s="72">
        <v>5575</v>
      </c>
      <c r="GR13" s="73">
        <v>7989</v>
      </c>
      <c r="GS13" s="123">
        <v>2096</v>
      </c>
      <c r="GT13" s="82">
        <v>1382</v>
      </c>
      <c r="GU13" s="83">
        <v>3478</v>
      </c>
      <c r="GV13" s="241"/>
      <c r="GW13" s="82">
        <v>2491</v>
      </c>
      <c r="GX13" s="82">
        <v>1734</v>
      </c>
      <c r="GY13" s="82">
        <v>1377</v>
      </c>
      <c r="GZ13" s="82">
        <v>1389</v>
      </c>
      <c r="HA13" s="82">
        <v>926</v>
      </c>
      <c r="HB13" s="84">
        <v>7917</v>
      </c>
      <c r="HC13" s="85">
        <v>11395</v>
      </c>
      <c r="HD13" s="70">
        <v>51</v>
      </c>
      <c r="HE13" s="71">
        <v>23</v>
      </c>
      <c r="HF13" s="72">
        <v>74</v>
      </c>
      <c r="HG13" s="244"/>
      <c r="HH13" s="71">
        <v>29</v>
      </c>
      <c r="HI13" s="71">
        <v>49</v>
      </c>
      <c r="HJ13" s="71">
        <v>25</v>
      </c>
      <c r="HK13" s="71">
        <v>22</v>
      </c>
      <c r="HL13" s="71">
        <v>24</v>
      </c>
      <c r="HM13" s="72">
        <v>149</v>
      </c>
      <c r="HN13" s="73">
        <v>223</v>
      </c>
      <c r="HO13" s="70">
        <v>117</v>
      </c>
      <c r="HP13" s="71">
        <v>87</v>
      </c>
      <c r="HQ13" s="72">
        <v>204</v>
      </c>
      <c r="HR13" s="244"/>
      <c r="HS13" s="71">
        <v>119</v>
      </c>
      <c r="HT13" s="71">
        <v>83</v>
      </c>
      <c r="HU13" s="71">
        <v>62</v>
      </c>
      <c r="HV13" s="71">
        <v>66</v>
      </c>
      <c r="HW13" s="71">
        <v>52</v>
      </c>
      <c r="HX13" s="72">
        <v>382</v>
      </c>
      <c r="HY13" s="73">
        <v>586</v>
      </c>
      <c r="HZ13" s="70">
        <v>283</v>
      </c>
      <c r="IA13" s="71">
        <v>186</v>
      </c>
      <c r="IB13" s="72">
        <v>469</v>
      </c>
      <c r="IC13" s="244"/>
      <c r="ID13" s="71">
        <v>293</v>
      </c>
      <c r="IE13" s="71">
        <v>162</v>
      </c>
      <c r="IF13" s="71">
        <v>132</v>
      </c>
      <c r="IG13" s="71">
        <v>121</v>
      </c>
      <c r="IH13" s="71">
        <v>104</v>
      </c>
      <c r="II13" s="72">
        <v>812</v>
      </c>
      <c r="IJ13" s="73">
        <v>1281</v>
      </c>
      <c r="IK13" s="70">
        <v>574</v>
      </c>
      <c r="IL13" s="71">
        <v>327</v>
      </c>
      <c r="IM13" s="72">
        <v>901</v>
      </c>
      <c r="IN13" s="244"/>
      <c r="IO13" s="71">
        <v>529</v>
      </c>
      <c r="IP13" s="71">
        <v>327</v>
      </c>
      <c r="IQ13" s="71">
        <v>205</v>
      </c>
      <c r="IR13" s="71">
        <v>216</v>
      </c>
      <c r="IS13" s="71">
        <v>161</v>
      </c>
      <c r="IT13" s="72">
        <v>1438</v>
      </c>
      <c r="IU13" s="73">
        <v>2339</v>
      </c>
      <c r="IV13" s="70">
        <v>649</v>
      </c>
      <c r="IW13" s="71">
        <v>438</v>
      </c>
      <c r="IX13" s="72">
        <v>1087</v>
      </c>
      <c r="IY13" s="244"/>
      <c r="IZ13" s="71">
        <v>759</v>
      </c>
      <c r="JA13" s="71">
        <v>511</v>
      </c>
      <c r="JB13" s="71">
        <v>385</v>
      </c>
      <c r="JC13" s="71">
        <v>359</v>
      </c>
      <c r="JD13" s="71">
        <v>215</v>
      </c>
      <c r="JE13" s="72">
        <v>2229</v>
      </c>
      <c r="JF13" s="73">
        <v>3316</v>
      </c>
      <c r="JG13" s="70">
        <v>422</v>
      </c>
      <c r="JH13" s="71">
        <v>321</v>
      </c>
      <c r="JI13" s="72">
        <v>743</v>
      </c>
      <c r="JJ13" s="244"/>
      <c r="JK13" s="71">
        <v>762</v>
      </c>
      <c r="JL13" s="71">
        <v>602</v>
      </c>
      <c r="JM13" s="71">
        <v>568</v>
      </c>
      <c r="JN13" s="71">
        <v>605</v>
      </c>
      <c r="JO13" s="71">
        <v>370</v>
      </c>
      <c r="JP13" s="72">
        <v>2907</v>
      </c>
      <c r="JQ13" s="73">
        <v>3650</v>
      </c>
      <c r="JR13" s="70">
        <v>11</v>
      </c>
      <c r="JS13" s="71">
        <v>29</v>
      </c>
      <c r="JT13" s="72">
        <v>40</v>
      </c>
      <c r="JU13" s="244"/>
      <c r="JV13" s="71">
        <v>41</v>
      </c>
      <c r="JW13" s="71">
        <v>40</v>
      </c>
      <c r="JX13" s="71">
        <v>25</v>
      </c>
      <c r="JY13" s="71">
        <v>25</v>
      </c>
      <c r="JZ13" s="71">
        <v>18</v>
      </c>
      <c r="KA13" s="72">
        <v>149</v>
      </c>
      <c r="KB13" s="73">
        <v>189</v>
      </c>
      <c r="KC13" s="70">
        <v>2107</v>
      </c>
      <c r="KD13" s="71">
        <v>1411</v>
      </c>
      <c r="KE13" s="72">
        <v>3518</v>
      </c>
      <c r="KF13" s="244"/>
      <c r="KG13" s="71">
        <v>2532</v>
      </c>
      <c r="KH13" s="71">
        <v>1774</v>
      </c>
      <c r="KI13" s="71">
        <v>1402</v>
      </c>
      <c r="KJ13" s="71">
        <v>1414</v>
      </c>
      <c r="KK13" s="71">
        <v>944</v>
      </c>
      <c r="KL13" s="72">
        <v>8066</v>
      </c>
      <c r="KM13" s="73">
        <v>11584</v>
      </c>
    </row>
    <row r="14" spans="2:299" ht="21" customHeight="1" x14ac:dyDescent="0.2">
      <c r="B14" s="126" t="s">
        <v>10</v>
      </c>
      <c r="C14" s="315">
        <v>1448</v>
      </c>
      <c r="D14" s="82">
        <v>961</v>
      </c>
      <c r="E14" s="83">
        <v>2409</v>
      </c>
      <c r="F14" s="241"/>
      <c r="G14" s="82">
        <v>1715</v>
      </c>
      <c r="H14" s="82">
        <v>989</v>
      </c>
      <c r="I14" s="82">
        <v>703</v>
      </c>
      <c r="J14" s="82">
        <v>621</v>
      </c>
      <c r="K14" s="82">
        <v>436</v>
      </c>
      <c r="L14" s="84">
        <v>4464</v>
      </c>
      <c r="M14" s="85">
        <v>6873</v>
      </c>
      <c r="N14" s="70">
        <v>57</v>
      </c>
      <c r="O14" s="71">
        <v>60</v>
      </c>
      <c r="P14" s="72">
        <v>117</v>
      </c>
      <c r="Q14" s="244"/>
      <c r="R14" s="71">
        <v>63</v>
      </c>
      <c r="S14" s="71">
        <v>52</v>
      </c>
      <c r="T14" s="71">
        <v>32</v>
      </c>
      <c r="U14" s="71">
        <v>27</v>
      </c>
      <c r="V14" s="71">
        <v>31</v>
      </c>
      <c r="W14" s="72">
        <v>205</v>
      </c>
      <c r="X14" s="73">
        <v>322</v>
      </c>
      <c r="Y14" s="70">
        <v>149</v>
      </c>
      <c r="Z14" s="71">
        <v>111</v>
      </c>
      <c r="AA14" s="72">
        <v>260</v>
      </c>
      <c r="AB14" s="244"/>
      <c r="AC14" s="71">
        <v>189</v>
      </c>
      <c r="AD14" s="71">
        <v>110</v>
      </c>
      <c r="AE14" s="71">
        <v>69</v>
      </c>
      <c r="AF14" s="71">
        <v>71</v>
      </c>
      <c r="AG14" s="71">
        <v>67</v>
      </c>
      <c r="AH14" s="72">
        <v>506</v>
      </c>
      <c r="AI14" s="73">
        <v>766</v>
      </c>
      <c r="AJ14" s="70">
        <v>192</v>
      </c>
      <c r="AK14" s="71">
        <v>151</v>
      </c>
      <c r="AL14" s="72">
        <v>343</v>
      </c>
      <c r="AM14" s="244"/>
      <c r="AN14" s="71">
        <v>277</v>
      </c>
      <c r="AO14" s="71">
        <v>162</v>
      </c>
      <c r="AP14" s="71">
        <v>108</v>
      </c>
      <c r="AQ14" s="71">
        <v>95</v>
      </c>
      <c r="AR14" s="71">
        <v>68</v>
      </c>
      <c r="AS14" s="72">
        <v>710</v>
      </c>
      <c r="AT14" s="73">
        <v>1053</v>
      </c>
      <c r="AU14" s="70">
        <v>382</v>
      </c>
      <c r="AV14" s="71">
        <v>233</v>
      </c>
      <c r="AW14" s="72">
        <v>615</v>
      </c>
      <c r="AX14" s="244"/>
      <c r="AY14" s="71">
        <v>414</v>
      </c>
      <c r="AZ14" s="71">
        <v>215</v>
      </c>
      <c r="BA14" s="71">
        <v>143</v>
      </c>
      <c r="BB14" s="71">
        <v>129</v>
      </c>
      <c r="BC14" s="71">
        <v>108</v>
      </c>
      <c r="BD14" s="72">
        <v>1009</v>
      </c>
      <c r="BE14" s="73">
        <v>1624</v>
      </c>
      <c r="BF14" s="70">
        <v>426</v>
      </c>
      <c r="BG14" s="71">
        <v>245</v>
      </c>
      <c r="BH14" s="72">
        <v>671</v>
      </c>
      <c r="BI14" s="244"/>
      <c r="BJ14" s="71">
        <v>475</v>
      </c>
      <c r="BK14" s="71">
        <v>238</v>
      </c>
      <c r="BL14" s="71">
        <v>187</v>
      </c>
      <c r="BM14" s="71">
        <v>153</v>
      </c>
      <c r="BN14" s="71">
        <v>87</v>
      </c>
      <c r="BO14" s="72">
        <v>1140</v>
      </c>
      <c r="BP14" s="73">
        <v>1811</v>
      </c>
      <c r="BQ14" s="70">
        <v>242</v>
      </c>
      <c r="BR14" s="71">
        <v>161</v>
      </c>
      <c r="BS14" s="72">
        <v>403</v>
      </c>
      <c r="BT14" s="244"/>
      <c r="BU14" s="71">
        <v>297</v>
      </c>
      <c r="BV14" s="71">
        <v>212</v>
      </c>
      <c r="BW14" s="71">
        <v>164</v>
      </c>
      <c r="BX14" s="71">
        <v>146</v>
      </c>
      <c r="BY14" s="71">
        <v>75</v>
      </c>
      <c r="BZ14" s="72">
        <v>894</v>
      </c>
      <c r="CA14" s="73">
        <v>1297</v>
      </c>
      <c r="CB14" s="70">
        <v>45</v>
      </c>
      <c r="CC14" s="71">
        <v>30</v>
      </c>
      <c r="CD14" s="72">
        <v>75</v>
      </c>
      <c r="CE14" s="244"/>
      <c r="CF14" s="71">
        <v>71</v>
      </c>
      <c r="CG14" s="71">
        <v>44</v>
      </c>
      <c r="CH14" s="71">
        <v>24</v>
      </c>
      <c r="CI14" s="71">
        <v>23</v>
      </c>
      <c r="CJ14" s="71">
        <v>36</v>
      </c>
      <c r="CK14" s="72">
        <v>198</v>
      </c>
      <c r="CL14" s="73">
        <v>273</v>
      </c>
      <c r="CM14" s="70">
        <v>1493</v>
      </c>
      <c r="CN14" s="71">
        <v>991</v>
      </c>
      <c r="CO14" s="72">
        <v>2484</v>
      </c>
      <c r="CP14" s="244"/>
      <c r="CQ14" s="71">
        <v>1786</v>
      </c>
      <c r="CR14" s="71">
        <v>1033</v>
      </c>
      <c r="CS14" s="71">
        <v>727</v>
      </c>
      <c r="CT14" s="71">
        <v>644</v>
      </c>
      <c r="CU14" s="71">
        <v>472</v>
      </c>
      <c r="CV14" s="72">
        <v>4662</v>
      </c>
      <c r="CW14" s="73">
        <v>7146</v>
      </c>
      <c r="CX14" s="123">
        <v>2910</v>
      </c>
      <c r="CY14" s="82">
        <v>2171</v>
      </c>
      <c r="CZ14" s="83">
        <v>5081</v>
      </c>
      <c r="DA14" s="241"/>
      <c r="DB14" s="82">
        <v>3185</v>
      </c>
      <c r="DC14" s="82">
        <v>1751</v>
      </c>
      <c r="DD14" s="82">
        <v>1491</v>
      </c>
      <c r="DE14" s="82">
        <v>1455</v>
      </c>
      <c r="DF14" s="82">
        <v>1232</v>
      </c>
      <c r="DG14" s="84">
        <v>9114</v>
      </c>
      <c r="DH14" s="85">
        <v>14195</v>
      </c>
      <c r="DI14" s="70">
        <v>52</v>
      </c>
      <c r="DJ14" s="71">
        <v>54</v>
      </c>
      <c r="DK14" s="72">
        <v>106</v>
      </c>
      <c r="DL14" s="244"/>
      <c r="DM14" s="71">
        <v>71</v>
      </c>
      <c r="DN14" s="71">
        <v>25</v>
      </c>
      <c r="DO14" s="71">
        <v>21</v>
      </c>
      <c r="DP14" s="71">
        <v>21</v>
      </c>
      <c r="DQ14" s="71">
        <v>26</v>
      </c>
      <c r="DR14" s="72">
        <v>164</v>
      </c>
      <c r="DS14" s="73">
        <v>270</v>
      </c>
      <c r="DT14" s="70">
        <v>199</v>
      </c>
      <c r="DU14" s="71">
        <v>155</v>
      </c>
      <c r="DV14" s="72">
        <v>354</v>
      </c>
      <c r="DW14" s="244"/>
      <c r="DX14" s="71">
        <v>167</v>
      </c>
      <c r="DY14" s="71">
        <v>97</v>
      </c>
      <c r="DZ14" s="71">
        <v>51</v>
      </c>
      <c r="EA14" s="71">
        <v>56</v>
      </c>
      <c r="EB14" s="71">
        <v>62</v>
      </c>
      <c r="EC14" s="72">
        <v>433</v>
      </c>
      <c r="ED14" s="73">
        <v>787</v>
      </c>
      <c r="EE14" s="70">
        <v>441</v>
      </c>
      <c r="EF14" s="71">
        <v>293</v>
      </c>
      <c r="EG14" s="72">
        <v>734</v>
      </c>
      <c r="EH14" s="244"/>
      <c r="EI14" s="71">
        <v>387</v>
      </c>
      <c r="EJ14" s="71">
        <v>175</v>
      </c>
      <c r="EK14" s="71">
        <v>141</v>
      </c>
      <c r="EL14" s="71">
        <v>119</v>
      </c>
      <c r="EM14" s="71">
        <v>112</v>
      </c>
      <c r="EN14" s="72">
        <v>934</v>
      </c>
      <c r="EO14" s="73">
        <v>1668</v>
      </c>
      <c r="EP14" s="70">
        <v>857</v>
      </c>
      <c r="EQ14" s="71">
        <v>547</v>
      </c>
      <c r="ER14" s="72">
        <v>1404</v>
      </c>
      <c r="ES14" s="244"/>
      <c r="ET14" s="71">
        <v>672</v>
      </c>
      <c r="EU14" s="71">
        <v>337</v>
      </c>
      <c r="EV14" s="71">
        <v>252</v>
      </c>
      <c r="EW14" s="71">
        <v>243</v>
      </c>
      <c r="EX14" s="71">
        <v>205</v>
      </c>
      <c r="EY14" s="72">
        <v>1709</v>
      </c>
      <c r="EZ14" s="73">
        <v>3113</v>
      </c>
      <c r="FA14" s="70">
        <v>905</v>
      </c>
      <c r="FB14" s="71">
        <v>628</v>
      </c>
      <c r="FC14" s="72">
        <v>1533</v>
      </c>
      <c r="FD14" s="244"/>
      <c r="FE14" s="71">
        <v>994</v>
      </c>
      <c r="FF14" s="71">
        <v>506</v>
      </c>
      <c r="FG14" s="71">
        <v>421</v>
      </c>
      <c r="FH14" s="71">
        <v>341</v>
      </c>
      <c r="FI14" s="71">
        <v>326</v>
      </c>
      <c r="FJ14" s="72">
        <v>2588</v>
      </c>
      <c r="FK14" s="73">
        <v>4121</v>
      </c>
      <c r="FL14" s="70">
        <v>456</v>
      </c>
      <c r="FM14" s="71">
        <v>494</v>
      </c>
      <c r="FN14" s="72">
        <v>950</v>
      </c>
      <c r="FO14" s="244"/>
      <c r="FP14" s="71">
        <v>894</v>
      </c>
      <c r="FQ14" s="71">
        <v>611</v>
      </c>
      <c r="FR14" s="71">
        <v>605</v>
      </c>
      <c r="FS14" s="71">
        <v>675</v>
      </c>
      <c r="FT14" s="71">
        <v>501</v>
      </c>
      <c r="FU14" s="72">
        <v>3286</v>
      </c>
      <c r="FV14" s="73">
        <v>4236</v>
      </c>
      <c r="FW14" s="70">
        <v>32</v>
      </c>
      <c r="FX14" s="71">
        <v>37</v>
      </c>
      <c r="FY14" s="72">
        <v>69</v>
      </c>
      <c r="FZ14" s="244"/>
      <c r="GA14" s="71">
        <v>59</v>
      </c>
      <c r="GB14" s="71">
        <v>31</v>
      </c>
      <c r="GC14" s="71">
        <v>21</v>
      </c>
      <c r="GD14" s="71">
        <v>23</v>
      </c>
      <c r="GE14" s="71">
        <v>32</v>
      </c>
      <c r="GF14" s="72">
        <v>166</v>
      </c>
      <c r="GG14" s="73">
        <v>235</v>
      </c>
      <c r="GH14" s="70">
        <v>2942</v>
      </c>
      <c r="GI14" s="71">
        <v>2208</v>
      </c>
      <c r="GJ14" s="72">
        <v>5150</v>
      </c>
      <c r="GK14" s="244"/>
      <c r="GL14" s="71">
        <v>3244</v>
      </c>
      <c r="GM14" s="71">
        <v>1782</v>
      </c>
      <c r="GN14" s="71">
        <v>1512</v>
      </c>
      <c r="GO14" s="71">
        <v>1478</v>
      </c>
      <c r="GP14" s="71">
        <v>1264</v>
      </c>
      <c r="GQ14" s="72">
        <v>9280</v>
      </c>
      <c r="GR14" s="73">
        <v>14430</v>
      </c>
      <c r="GS14" s="123">
        <v>4358</v>
      </c>
      <c r="GT14" s="82">
        <v>3132</v>
      </c>
      <c r="GU14" s="83">
        <v>7490</v>
      </c>
      <c r="GV14" s="241"/>
      <c r="GW14" s="82">
        <v>4900</v>
      </c>
      <c r="GX14" s="82">
        <v>2740</v>
      </c>
      <c r="GY14" s="82">
        <v>2194</v>
      </c>
      <c r="GZ14" s="82">
        <v>2076</v>
      </c>
      <c r="HA14" s="82">
        <v>1668</v>
      </c>
      <c r="HB14" s="84">
        <v>13578</v>
      </c>
      <c r="HC14" s="85">
        <v>21068</v>
      </c>
      <c r="HD14" s="70">
        <v>109</v>
      </c>
      <c r="HE14" s="71">
        <v>114</v>
      </c>
      <c r="HF14" s="72">
        <v>223</v>
      </c>
      <c r="HG14" s="244"/>
      <c r="HH14" s="71">
        <v>134</v>
      </c>
      <c r="HI14" s="71">
        <v>77</v>
      </c>
      <c r="HJ14" s="71">
        <v>53</v>
      </c>
      <c r="HK14" s="71">
        <v>48</v>
      </c>
      <c r="HL14" s="71">
        <v>57</v>
      </c>
      <c r="HM14" s="72">
        <v>369</v>
      </c>
      <c r="HN14" s="73">
        <v>592</v>
      </c>
      <c r="HO14" s="70">
        <v>348</v>
      </c>
      <c r="HP14" s="71">
        <v>266</v>
      </c>
      <c r="HQ14" s="72">
        <v>614</v>
      </c>
      <c r="HR14" s="244"/>
      <c r="HS14" s="71">
        <v>356</v>
      </c>
      <c r="HT14" s="71">
        <v>207</v>
      </c>
      <c r="HU14" s="71">
        <v>120</v>
      </c>
      <c r="HV14" s="71">
        <v>127</v>
      </c>
      <c r="HW14" s="71">
        <v>129</v>
      </c>
      <c r="HX14" s="72">
        <v>939</v>
      </c>
      <c r="HY14" s="73">
        <v>1553</v>
      </c>
      <c r="HZ14" s="70">
        <v>633</v>
      </c>
      <c r="IA14" s="71">
        <v>444</v>
      </c>
      <c r="IB14" s="72">
        <v>1077</v>
      </c>
      <c r="IC14" s="244"/>
      <c r="ID14" s="71">
        <v>664</v>
      </c>
      <c r="IE14" s="71">
        <v>337</v>
      </c>
      <c r="IF14" s="71">
        <v>249</v>
      </c>
      <c r="IG14" s="71">
        <v>214</v>
      </c>
      <c r="IH14" s="71">
        <v>180</v>
      </c>
      <c r="II14" s="72">
        <v>1644</v>
      </c>
      <c r="IJ14" s="73">
        <v>2721</v>
      </c>
      <c r="IK14" s="70">
        <v>1239</v>
      </c>
      <c r="IL14" s="71">
        <v>780</v>
      </c>
      <c r="IM14" s="72">
        <v>2019</v>
      </c>
      <c r="IN14" s="244"/>
      <c r="IO14" s="71">
        <v>1086</v>
      </c>
      <c r="IP14" s="71">
        <v>552</v>
      </c>
      <c r="IQ14" s="71">
        <v>395</v>
      </c>
      <c r="IR14" s="71">
        <v>372</v>
      </c>
      <c r="IS14" s="71">
        <v>313</v>
      </c>
      <c r="IT14" s="72">
        <v>2718</v>
      </c>
      <c r="IU14" s="73">
        <v>4737</v>
      </c>
      <c r="IV14" s="70">
        <v>1331</v>
      </c>
      <c r="IW14" s="71">
        <v>873</v>
      </c>
      <c r="IX14" s="72">
        <v>2204</v>
      </c>
      <c r="IY14" s="244"/>
      <c r="IZ14" s="71">
        <v>1469</v>
      </c>
      <c r="JA14" s="71">
        <v>744</v>
      </c>
      <c r="JB14" s="71">
        <v>608</v>
      </c>
      <c r="JC14" s="71">
        <v>494</v>
      </c>
      <c r="JD14" s="71">
        <v>413</v>
      </c>
      <c r="JE14" s="72">
        <v>3728</v>
      </c>
      <c r="JF14" s="73">
        <v>5932</v>
      </c>
      <c r="JG14" s="70">
        <v>698</v>
      </c>
      <c r="JH14" s="71">
        <v>655</v>
      </c>
      <c r="JI14" s="72">
        <v>1353</v>
      </c>
      <c r="JJ14" s="244"/>
      <c r="JK14" s="71">
        <v>1191</v>
      </c>
      <c r="JL14" s="71">
        <v>823</v>
      </c>
      <c r="JM14" s="71">
        <v>769</v>
      </c>
      <c r="JN14" s="71">
        <v>821</v>
      </c>
      <c r="JO14" s="71">
        <v>576</v>
      </c>
      <c r="JP14" s="72">
        <v>4180</v>
      </c>
      <c r="JQ14" s="73">
        <v>5533</v>
      </c>
      <c r="JR14" s="70">
        <v>77</v>
      </c>
      <c r="JS14" s="71">
        <v>67</v>
      </c>
      <c r="JT14" s="72">
        <v>144</v>
      </c>
      <c r="JU14" s="244"/>
      <c r="JV14" s="71">
        <v>130</v>
      </c>
      <c r="JW14" s="71">
        <v>75</v>
      </c>
      <c r="JX14" s="71">
        <v>45</v>
      </c>
      <c r="JY14" s="71">
        <v>46</v>
      </c>
      <c r="JZ14" s="71">
        <v>68</v>
      </c>
      <c r="KA14" s="72">
        <v>364</v>
      </c>
      <c r="KB14" s="73">
        <v>508</v>
      </c>
      <c r="KC14" s="70">
        <v>4435</v>
      </c>
      <c r="KD14" s="71">
        <v>3199</v>
      </c>
      <c r="KE14" s="72">
        <v>7634</v>
      </c>
      <c r="KF14" s="244"/>
      <c r="KG14" s="71">
        <v>5030</v>
      </c>
      <c r="KH14" s="71">
        <v>2815</v>
      </c>
      <c r="KI14" s="71">
        <v>2239</v>
      </c>
      <c r="KJ14" s="71">
        <v>2122</v>
      </c>
      <c r="KK14" s="71">
        <v>1736</v>
      </c>
      <c r="KL14" s="72">
        <v>13942</v>
      </c>
      <c r="KM14" s="73">
        <v>21576</v>
      </c>
    </row>
    <row r="15" spans="2:299" ht="21" customHeight="1" x14ac:dyDescent="0.2">
      <c r="B15" s="126" t="s">
        <v>11</v>
      </c>
      <c r="C15" s="315">
        <v>475</v>
      </c>
      <c r="D15" s="82">
        <v>337</v>
      </c>
      <c r="E15" s="83">
        <v>812</v>
      </c>
      <c r="F15" s="241"/>
      <c r="G15" s="82">
        <v>842</v>
      </c>
      <c r="H15" s="82">
        <v>557</v>
      </c>
      <c r="I15" s="82">
        <v>460</v>
      </c>
      <c r="J15" s="82">
        <v>394</v>
      </c>
      <c r="K15" s="82">
        <v>203</v>
      </c>
      <c r="L15" s="84">
        <v>2456</v>
      </c>
      <c r="M15" s="85">
        <v>3268</v>
      </c>
      <c r="N15" s="70">
        <v>16</v>
      </c>
      <c r="O15" s="71">
        <v>18</v>
      </c>
      <c r="P15" s="72">
        <v>34</v>
      </c>
      <c r="Q15" s="244"/>
      <c r="R15" s="71">
        <v>43</v>
      </c>
      <c r="S15" s="71">
        <v>27</v>
      </c>
      <c r="T15" s="71">
        <v>19</v>
      </c>
      <c r="U15" s="71">
        <v>16</v>
      </c>
      <c r="V15" s="71">
        <v>12</v>
      </c>
      <c r="W15" s="72">
        <v>117</v>
      </c>
      <c r="X15" s="73">
        <v>151</v>
      </c>
      <c r="Y15" s="70">
        <v>60</v>
      </c>
      <c r="Z15" s="71">
        <v>41</v>
      </c>
      <c r="AA15" s="72">
        <v>101</v>
      </c>
      <c r="AB15" s="244"/>
      <c r="AC15" s="71">
        <v>97</v>
      </c>
      <c r="AD15" s="71">
        <v>61</v>
      </c>
      <c r="AE15" s="71">
        <v>61</v>
      </c>
      <c r="AF15" s="71">
        <v>43</v>
      </c>
      <c r="AG15" s="71">
        <v>31</v>
      </c>
      <c r="AH15" s="72">
        <v>293</v>
      </c>
      <c r="AI15" s="73">
        <v>394</v>
      </c>
      <c r="AJ15" s="70">
        <v>67</v>
      </c>
      <c r="AK15" s="71">
        <v>57</v>
      </c>
      <c r="AL15" s="72">
        <v>124</v>
      </c>
      <c r="AM15" s="244"/>
      <c r="AN15" s="71">
        <v>156</v>
      </c>
      <c r="AO15" s="71">
        <v>97</v>
      </c>
      <c r="AP15" s="71">
        <v>77</v>
      </c>
      <c r="AQ15" s="71">
        <v>70</v>
      </c>
      <c r="AR15" s="71">
        <v>41</v>
      </c>
      <c r="AS15" s="72">
        <v>441</v>
      </c>
      <c r="AT15" s="73">
        <v>565</v>
      </c>
      <c r="AU15" s="70">
        <v>129</v>
      </c>
      <c r="AV15" s="71">
        <v>82</v>
      </c>
      <c r="AW15" s="72">
        <v>211</v>
      </c>
      <c r="AX15" s="244"/>
      <c r="AY15" s="71">
        <v>199</v>
      </c>
      <c r="AZ15" s="71">
        <v>134</v>
      </c>
      <c r="BA15" s="71">
        <v>100</v>
      </c>
      <c r="BB15" s="71">
        <v>93</v>
      </c>
      <c r="BC15" s="71">
        <v>43</v>
      </c>
      <c r="BD15" s="72">
        <v>569</v>
      </c>
      <c r="BE15" s="73">
        <v>780</v>
      </c>
      <c r="BF15" s="70">
        <v>124</v>
      </c>
      <c r="BG15" s="71">
        <v>89</v>
      </c>
      <c r="BH15" s="72">
        <v>213</v>
      </c>
      <c r="BI15" s="244"/>
      <c r="BJ15" s="71">
        <v>188</v>
      </c>
      <c r="BK15" s="71">
        <v>128</v>
      </c>
      <c r="BL15" s="71">
        <v>113</v>
      </c>
      <c r="BM15" s="71">
        <v>105</v>
      </c>
      <c r="BN15" s="71">
        <v>42</v>
      </c>
      <c r="BO15" s="72">
        <v>576</v>
      </c>
      <c r="BP15" s="73">
        <v>789</v>
      </c>
      <c r="BQ15" s="70">
        <v>79</v>
      </c>
      <c r="BR15" s="71">
        <v>50</v>
      </c>
      <c r="BS15" s="72">
        <v>129</v>
      </c>
      <c r="BT15" s="244"/>
      <c r="BU15" s="71">
        <v>159</v>
      </c>
      <c r="BV15" s="71">
        <v>110</v>
      </c>
      <c r="BW15" s="71">
        <v>90</v>
      </c>
      <c r="BX15" s="71">
        <v>67</v>
      </c>
      <c r="BY15" s="71">
        <v>34</v>
      </c>
      <c r="BZ15" s="72">
        <v>460</v>
      </c>
      <c r="CA15" s="73">
        <v>589</v>
      </c>
      <c r="CB15" s="70">
        <v>12</v>
      </c>
      <c r="CC15" s="71">
        <v>12</v>
      </c>
      <c r="CD15" s="72">
        <v>24</v>
      </c>
      <c r="CE15" s="244"/>
      <c r="CF15" s="71">
        <v>28</v>
      </c>
      <c r="CG15" s="71">
        <v>19</v>
      </c>
      <c r="CH15" s="71">
        <v>14</v>
      </c>
      <c r="CI15" s="71">
        <v>9</v>
      </c>
      <c r="CJ15" s="71">
        <v>12</v>
      </c>
      <c r="CK15" s="72">
        <v>82</v>
      </c>
      <c r="CL15" s="73">
        <v>106</v>
      </c>
      <c r="CM15" s="70">
        <v>487</v>
      </c>
      <c r="CN15" s="71">
        <v>349</v>
      </c>
      <c r="CO15" s="72">
        <v>836</v>
      </c>
      <c r="CP15" s="244"/>
      <c r="CQ15" s="71">
        <v>870</v>
      </c>
      <c r="CR15" s="71">
        <v>576</v>
      </c>
      <c r="CS15" s="71">
        <v>474</v>
      </c>
      <c r="CT15" s="71">
        <v>403</v>
      </c>
      <c r="CU15" s="71">
        <v>215</v>
      </c>
      <c r="CV15" s="72">
        <v>2538</v>
      </c>
      <c r="CW15" s="73">
        <v>3374</v>
      </c>
      <c r="CX15" s="123">
        <v>967</v>
      </c>
      <c r="CY15" s="82">
        <v>768</v>
      </c>
      <c r="CZ15" s="83">
        <v>1735</v>
      </c>
      <c r="DA15" s="241"/>
      <c r="DB15" s="82">
        <v>1807</v>
      </c>
      <c r="DC15" s="82">
        <v>1024</v>
      </c>
      <c r="DD15" s="82">
        <v>892</v>
      </c>
      <c r="DE15" s="82">
        <v>948</v>
      </c>
      <c r="DF15" s="82">
        <v>525</v>
      </c>
      <c r="DG15" s="84">
        <v>5196</v>
      </c>
      <c r="DH15" s="85">
        <v>6931</v>
      </c>
      <c r="DI15" s="70">
        <v>21</v>
      </c>
      <c r="DJ15" s="71">
        <v>16</v>
      </c>
      <c r="DK15" s="72">
        <v>37</v>
      </c>
      <c r="DL15" s="244"/>
      <c r="DM15" s="71">
        <v>53</v>
      </c>
      <c r="DN15" s="71">
        <v>22</v>
      </c>
      <c r="DO15" s="71">
        <v>14</v>
      </c>
      <c r="DP15" s="71">
        <v>18</v>
      </c>
      <c r="DQ15" s="71">
        <v>11</v>
      </c>
      <c r="DR15" s="72">
        <v>118</v>
      </c>
      <c r="DS15" s="73">
        <v>155</v>
      </c>
      <c r="DT15" s="70">
        <v>68</v>
      </c>
      <c r="DU15" s="71">
        <v>56</v>
      </c>
      <c r="DV15" s="72">
        <v>124</v>
      </c>
      <c r="DW15" s="244"/>
      <c r="DX15" s="71">
        <v>99</v>
      </c>
      <c r="DY15" s="71">
        <v>51</v>
      </c>
      <c r="DZ15" s="71">
        <v>49</v>
      </c>
      <c r="EA15" s="71">
        <v>40</v>
      </c>
      <c r="EB15" s="71">
        <v>39</v>
      </c>
      <c r="EC15" s="72">
        <v>278</v>
      </c>
      <c r="ED15" s="73">
        <v>402</v>
      </c>
      <c r="EE15" s="70">
        <v>123</v>
      </c>
      <c r="EF15" s="71">
        <v>98</v>
      </c>
      <c r="EG15" s="72">
        <v>221</v>
      </c>
      <c r="EH15" s="244"/>
      <c r="EI15" s="71">
        <v>168</v>
      </c>
      <c r="EJ15" s="71">
        <v>118</v>
      </c>
      <c r="EK15" s="71">
        <v>100</v>
      </c>
      <c r="EL15" s="71">
        <v>82</v>
      </c>
      <c r="EM15" s="71">
        <v>42</v>
      </c>
      <c r="EN15" s="72">
        <v>510</v>
      </c>
      <c r="EO15" s="73">
        <v>731</v>
      </c>
      <c r="EP15" s="70">
        <v>300</v>
      </c>
      <c r="EQ15" s="71">
        <v>219</v>
      </c>
      <c r="ER15" s="72">
        <v>519</v>
      </c>
      <c r="ES15" s="244"/>
      <c r="ET15" s="71">
        <v>419</v>
      </c>
      <c r="EU15" s="71">
        <v>187</v>
      </c>
      <c r="EV15" s="71">
        <v>139</v>
      </c>
      <c r="EW15" s="71">
        <v>154</v>
      </c>
      <c r="EX15" s="71">
        <v>82</v>
      </c>
      <c r="EY15" s="72">
        <v>981</v>
      </c>
      <c r="EZ15" s="73">
        <v>1500</v>
      </c>
      <c r="FA15" s="70">
        <v>286</v>
      </c>
      <c r="FB15" s="71">
        <v>226</v>
      </c>
      <c r="FC15" s="72">
        <v>512</v>
      </c>
      <c r="FD15" s="244"/>
      <c r="FE15" s="71">
        <v>575</v>
      </c>
      <c r="FF15" s="71">
        <v>306</v>
      </c>
      <c r="FG15" s="71">
        <v>238</v>
      </c>
      <c r="FH15" s="71">
        <v>245</v>
      </c>
      <c r="FI15" s="71">
        <v>142</v>
      </c>
      <c r="FJ15" s="72">
        <v>1506</v>
      </c>
      <c r="FK15" s="73">
        <v>2018</v>
      </c>
      <c r="FL15" s="70">
        <v>169</v>
      </c>
      <c r="FM15" s="71">
        <v>153</v>
      </c>
      <c r="FN15" s="72">
        <v>322</v>
      </c>
      <c r="FO15" s="244"/>
      <c r="FP15" s="71">
        <v>493</v>
      </c>
      <c r="FQ15" s="71">
        <v>340</v>
      </c>
      <c r="FR15" s="71">
        <v>352</v>
      </c>
      <c r="FS15" s="71">
        <v>409</v>
      </c>
      <c r="FT15" s="71">
        <v>209</v>
      </c>
      <c r="FU15" s="72">
        <v>1803</v>
      </c>
      <c r="FV15" s="73">
        <v>2125</v>
      </c>
      <c r="FW15" s="70">
        <v>9</v>
      </c>
      <c r="FX15" s="71">
        <v>9</v>
      </c>
      <c r="FY15" s="72">
        <v>18</v>
      </c>
      <c r="FZ15" s="244"/>
      <c r="GA15" s="71">
        <v>23</v>
      </c>
      <c r="GB15" s="71">
        <v>16</v>
      </c>
      <c r="GC15" s="71">
        <v>13</v>
      </c>
      <c r="GD15" s="71">
        <v>10</v>
      </c>
      <c r="GE15" s="71">
        <v>11</v>
      </c>
      <c r="GF15" s="72">
        <v>73</v>
      </c>
      <c r="GG15" s="73">
        <v>91</v>
      </c>
      <c r="GH15" s="70">
        <v>976</v>
      </c>
      <c r="GI15" s="71">
        <v>777</v>
      </c>
      <c r="GJ15" s="72">
        <v>1753</v>
      </c>
      <c r="GK15" s="244"/>
      <c r="GL15" s="71">
        <v>1830</v>
      </c>
      <c r="GM15" s="71">
        <v>1040</v>
      </c>
      <c r="GN15" s="71">
        <v>905</v>
      </c>
      <c r="GO15" s="71">
        <v>958</v>
      </c>
      <c r="GP15" s="71">
        <v>536</v>
      </c>
      <c r="GQ15" s="72">
        <v>5269</v>
      </c>
      <c r="GR15" s="73">
        <v>7022</v>
      </c>
      <c r="GS15" s="123">
        <v>1442</v>
      </c>
      <c r="GT15" s="82">
        <v>1105</v>
      </c>
      <c r="GU15" s="83">
        <v>2547</v>
      </c>
      <c r="GV15" s="241"/>
      <c r="GW15" s="82">
        <v>2649</v>
      </c>
      <c r="GX15" s="82">
        <v>1581</v>
      </c>
      <c r="GY15" s="82">
        <v>1352</v>
      </c>
      <c r="GZ15" s="82">
        <v>1342</v>
      </c>
      <c r="HA15" s="82">
        <v>728</v>
      </c>
      <c r="HB15" s="84">
        <v>7652</v>
      </c>
      <c r="HC15" s="85">
        <v>10199</v>
      </c>
      <c r="HD15" s="70">
        <v>37</v>
      </c>
      <c r="HE15" s="71">
        <v>34</v>
      </c>
      <c r="HF15" s="72">
        <v>71</v>
      </c>
      <c r="HG15" s="244"/>
      <c r="HH15" s="71">
        <v>96</v>
      </c>
      <c r="HI15" s="71">
        <v>49</v>
      </c>
      <c r="HJ15" s="71">
        <v>33</v>
      </c>
      <c r="HK15" s="71">
        <v>34</v>
      </c>
      <c r="HL15" s="71">
        <v>23</v>
      </c>
      <c r="HM15" s="72">
        <v>235</v>
      </c>
      <c r="HN15" s="73">
        <v>306</v>
      </c>
      <c r="HO15" s="70">
        <v>128</v>
      </c>
      <c r="HP15" s="71">
        <v>97</v>
      </c>
      <c r="HQ15" s="72">
        <v>225</v>
      </c>
      <c r="HR15" s="244"/>
      <c r="HS15" s="71">
        <v>196</v>
      </c>
      <c r="HT15" s="71">
        <v>112</v>
      </c>
      <c r="HU15" s="71">
        <v>110</v>
      </c>
      <c r="HV15" s="71">
        <v>83</v>
      </c>
      <c r="HW15" s="71">
        <v>70</v>
      </c>
      <c r="HX15" s="72">
        <v>571</v>
      </c>
      <c r="HY15" s="73">
        <v>796</v>
      </c>
      <c r="HZ15" s="70">
        <v>190</v>
      </c>
      <c r="IA15" s="71">
        <v>155</v>
      </c>
      <c r="IB15" s="72">
        <v>345</v>
      </c>
      <c r="IC15" s="244"/>
      <c r="ID15" s="71">
        <v>324</v>
      </c>
      <c r="IE15" s="71">
        <v>215</v>
      </c>
      <c r="IF15" s="71">
        <v>177</v>
      </c>
      <c r="IG15" s="71">
        <v>152</v>
      </c>
      <c r="IH15" s="71">
        <v>83</v>
      </c>
      <c r="II15" s="72">
        <v>951</v>
      </c>
      <c r="IJ15" s="73">
        <v>1296</v>
      </c>
      <c r="IK15" s="70">
        <v>429</v>
      </c>
      <c r="IL15" s="71">
        <v>301</v>
      </c>
      <c r="IM15" s="72">
        <v>730</v>
      </c>
      <c r="IN15" s="244"/>
      <c r="IO15" s="71">
        <v>618</v>
      </c>
      <c r="IP15" s="71">
        <v>321</v>
      </c>
      <c r="IQ15" s="71">
        <v>239</v>
      </c>
      <c r="IR15" s="71">
        <v>247</v>
      </c>
      <c r="IS15" s="71">
        <v>125</v>
      </c>
      <c r="IT15" s="72">
        <v>1550</v>
      </c>
      <c r="IU15" s="73">
        <v>2280</v>
      </c>
      <c r="IV15" s="70">
        <v>410</v>
      </c>
      <c r="IW15" s="71">
        <v>315</v>
      </c>
      <c r="IX15" s="72">
        <v>725</v>
      </c>
      <c r="IY15" s="244"/>
      <c r="IZ15" s="71">
        <v>763</v>
      </c>
      <c r="JA15" s="71">
        <v>434</v>
      </c>
      <c r="JB15" s="71">
        <v>351</v>
      </c>
      <c r="JC15" s="71">
        <v>350</v>
      </c>
      <c r="JD15" s="71">
        <v>184</v>
      </c>
      <c r="JE15" s="72">
        <v>2082</v>
      </c>
      <c r="JF15" s="73">
        <v>2807</v>
      </c>
      <c r="JG15" s="70">
        <v>248</v>
      </c>
      <c r="JH15" s="71">
        <v>203</v>
      </c>
      <c r="JI15" s="72">
        <v>451</v>
      </c>
      <c r="JJ15" s="244"/>
      <c r="JK15" s="71">
        <v>652</v>
      </c>
      <c r="JL15" s="71">
        <v>450</v>
      </c>
      <c r="JM15" s="71">
        <v>442</v>
      </c>
      <c r="JN15" s="71">
        <v>476</v>
      </c>
      <c r="JO15" s="71">
        <v>243</v>
      </c>
      <c r="JP15" s="72">
        <v>2263</v>
      </c>
      <c r="JQ15" s="73">
        <v>2714</v>
      </c>
      <c r="JR15" s="70">
        <v>21</v>
      </c>
      <c r="JS15" s="71">
        <v>21</v>
      </c>
      <c r="JT15" s="72">
        <v>42</v>
      </c>
      <c r="JU15" s="244"/>
      <c r="JV15" s="71">
        <v>51</v>
      </c>
      <c r="JW15" s="71">
        <v>35</v>
      </c>
      <c r="JX15" s="71">
        <v>27</v>
      </c>
      <c r="JY15" s="71">
        <v>19</v>
      </c>
      <c r="JZ15" s="71">
        <v>23</v>
      </c>
      <c r="KA15" s="72">
        <v>155</v>
      </c>
      <c r="KB15" s="73">
        <v>197</v>
      </c>
      <c r="KC15" s="70">
        <v>1463</v>
      </c>
      <c r="KD15" s="71">
        <v>1126</v>
      </c>
      <c r="KE15" s="72">
        <v>2589</v>
      </c>
      <c r="KF15" s="244"/>
      <c r="KG15" s="71">
        <v>2700</v>
      </c>
      <c r="KH15" s="71">
        <v>1616</v>
      </c>
      <c r="KI15" s="71">
        <v>1379</v>
      </c>
      <c r="KJ15" s="71">
        <v>1361</v>
      </c>
      <c r="KK15" s="71">
        <v>751</v>
      </c>
      <c r="KL15" s="72">
        <v>7807</v>
      </c>
      <c r="KM15" s="73">
        <v>10396</v>
      </c>
    </row>
    <row r="16" spans="2:299" ht="21" customHeight="1" x14ac:dyDescent="0.2">
      <c r="B16" s="126" t="s">
        <v>12</v>
      </c>
      <c r="C16" s="315">
        <v>697</v>
      </c>
      <c r="D16" s="82">
        <v>587</v>
      </c>
      <c r="E16" s="83">
        <v>1284</v>
      </c>
      <c r="F16" s="241"/>
      <c r="G16" s="82">
        <v>674</v>
      </c>
      <c r="H16" s="82">
        <v>619</v>
      </c>
      <c r="I16" s="82">
        <v>474</v>
      </c>
      <c r="J16" s="82">
        <v>435</v>
      </c>
      <c r="K16" s="82">
        <v>231</v>
      </c>
      <c r="L16" s="84">
        <v>2433</v>
      </c>
      <c r="M16" s="85">
        <v>3717</v>
      </c>
      <c r="N16" s="86">
        <v>25</v>
      </c>
      <c r="O16" s="71">
        <v>31</v>
      </c>
      <c r="P16" s="72">
        <v>56</v>
      </c>
      <c r="Q16" s="244"/>
      <c r="R16" s="71">
        <v>13</v>
      </c>
      <c r="S16" s="71">
        <v>33</v>
      </c>
      <c r="T16" s="71">
        <v>21</v>
      </c>
      <c r="U16" s="71">
        <v>27</v>
      </c>
      <c r="V16" s="71">
        <v>11</v>
      </c>
      <c r="W16" s="72">
        <v>105</v>
      </c>
      <c r="X16" s="73">
        <v>161</v>
      </c>
      <c r="Y16" s="70">
        <v>58</v>
      </c>
      <c r="Z16" s="71">
        <v>69</v>
      </c>
      <c r="AA16" s="72">
        <v>127</v>
      </c>
      <c r="AB16" s="244"/>
      <c r="AC16" s="71">
        <v>58</v>
      </c>
      <c r="AD16" s="71">
        <v>49</v>
      </c>
      <c r="AE16" s="71">
        <v>39</v>
      </c>
      <c r="AF16" s="71">
        <v>32</v>
      </c>
      <c r="AG16" s="71">
        <v>25</v>
      </c>
      <c r="AH16" s="72">
        <v>203</v>
      </c>
      <c r="AI16" s="73">
        <v>330</v>
      </c>
      <c r="AJ16" s="86">
        <v>93</v>
      </c>
      <c r="AK16" s="71">
        <v>100</v>
      </c>
      <c r="AL16" s="72">
        <v>193</v>
      </c>
      <c r="AM16" s="244"/>
      <c r="AN16" s="71">
        <v>76</v>
      </c>
      <c r="AO16" s="71">
        <v>89</v>
      </c>
      <c r="AP16" s="71">
        <v>78</v>
      </c>
      <c r="AQ16" s="71">
        <v>59</v>
      </c>
      <c r="AR16" s="71">
        <v>51</v>
      </c>
      <c r="AS16" s="72">
        <v>353</v>
      </c>
      <c r="AT16" s="73">
        <v>546</v>
      </c>
      <c r="AU16" s="70">
        <v>170</v>
      </c>
      <c r="AV16" s="71">
        <v>131</v>
      </c>
      <c r="AW16" s="72">
        <v>301</v>
      </c>
      <c r="AX16" s="244"/>
      <c r="AY16" s="71">
        <v>168</v>
      </c>
      <c r="AZ16" s="71">
        <v>163</v>
      </c>
      <c r="BA16" s="71">
        <v>107</v>
      </c>
      <c r="BB16" s="71">
        <v>89</v>
      </c>
      <c r="BC16" s="71">
        <v>60</v>
      </c>
      <c r="BD16" s="72">
        <v>587</v>
      </c>
      <c r="BE16" s="73">
        <v>888</v>
      </c>
      <c r="BF16" s="86">
        <v>215</v>
      </c>
      <c r="BG16" s="71">
        <v>140</v>
      </c>
      <c r="BH16" s="72">
        <v>355</v>
      </c>
      <c r="BI16" s="244"/>
      <c r="BJ16" s="71">
        <v>206</v>
      </c>
      <c r="BK16" s="71">
        <v>157</v>
      </c>
      <c r="BL16" s="71">
        <v>141</v>
      </c>
      <c r="BM16" s="71">
        <v>124</v>
      </c>
      <c r="BN16" s="71">
        <v>55</v>
      </c>
      <c r="BO16" s="72">
        <v>683</v>
      </c>
      <c r="BP16" s="73">
        <v>1038</v>
      </c>
      <c r="BQ16" s="70">
        <v>136</v>
      </c>
      <c r="BR16" s="71">
        <v>116</v>
      </c>
      <c r="BS16" s="72">
        <v>252</v>
      </c>
      <c r="BT16" s="244"/>
      <c r="BU16" s="71">
        <v>153</v>
      </c>
      <c r="BV16" s="71">
        <v>128</v>
      </c>
      <c r="BW16" s="71">
        <v>88</v>
      </c>
      <c r="BX16" s="71">
        <v>104</v>
      </c>
      <c r="BY16" s="71">
        <v>29</v>
      </c>
      <c r="BZ16" s="72">
        <v>502</v>
      </c>
      <c r="CA16" s="73">
        <v>754</v>
      </c>
      <c r="CB16" s="70">
        <v>18</v>
      </c>
      <c r="CC16" s="71">
        <v>25</v>
      </c>
      <c r="CD16" s="72">
        <v>43</v>
      </c>
      <c r="CE16" s="244"/>
      <c r="CF16" s="71">
        <v>15</v>
      </c>
      <c r="CG16" s="71">
        <v>18</v>
      </c>
      <c r="CH16" s="71">
        <v>16</v>
      </c>
      <c r="CI16" s="71">
        <v>13</v>
      </c>
      <c r="CJ16" s="71">
        <v>12</v>
      </c>
      <c r="CK16" s="72">
        <v>74</v>
      </c>
      <c r="CL16" s="73">
        <v>117</v>
      </c>
      <c r="CM16" s="70">
        <v>715</v>
      </c>
      <c r="CN16" s="71">
        <v>612</v>
      </c>
      <c r="CO16" s="72">
        <v>1327</v>
      </c>
      <c r="CP16" s="244"/>
      <c r="CQ16" s="71">
        <v>689</v>
      </c>
      <c r="CR16" s="71">
        <v>637</v>
      </c>
      <c r="CS16" s="71">
        <v>490</v>
      </c>
      <c r="CT16" s="71">
        <v>448</v>
      </c>
      <c r="CU16" s="71">
        <v>243</v>
      </c>
      <c r="CV16" s="72">
        <v>2507</v>
      </c>
      <c r="CW16" s="73">
        <v>3834</v>
      </c>
      <c r="CX16" s="123">
        <v>1350</v>
      </c>
      <c r="CY16" s="82">
        <v>1264</v>
      </c>
      <c r="CZ16" s="83">
        <v>2614</v>
      </c>
      <c r="DA16" s="241"/>
      <c r="DB16" s="82">
        <v>1398</v>
      </c>
      <c r="DC16" s="82">
        <v>1073</v>
      </c>
      <c r="DD16" s="82">
        <v>921</v>
      </c>
      <c r="DE16" s="82">
        <v>1004</v>
      </c>
      <c r="DF16" s="82">
        <v>696</v>
      </c>
      <c r="DG16" s="84">
        <v>5092</v>
      </c>
      <c r="DH16" s="85">
        <v>7706</v>
      </c>
      <c r="DI16" s="86">
        <v>32</v>
      </c>
      <c r="DJ16" s="71">
        <v>33</v>
      </c>
      <c r="DK16" s="72">
        <v>65</v>
      </c>
      <c r="DL16" s="244"/>
      <c r="DM16" s="71">
        <v>22</v>
      </c>
      <c r="DN16" s="71">
        <v>19</v>
      </c>
      <c r="DO16" s="71">
        <v>16</v>
      </c>
      <c r="DP16" s="71">
        <v>13</v>
      </c>
      <c r="DQ16" s="71">
        <v>10</v>
      </c>
      <c r="DR16" s="72">
        <v>80</v>
      </c>
      <c r="DS16" s="73">
        <v>145</v>
      </c>
      <c r="DT16" s="70">
        <v>85</v>
      </c>
      <c r="DU16" s="71">
        <v>80</v>
      </c>
      <c r="DV16" s="72">
        <v>165</v>
      </c>
      <c r="DW16" s="244"/>
      <c r="DX16" s="71">
        <v>59</v>
      </c>
      <c r="DY16" s="71">
        <v>49</v>
      </c>
      <c r="DZ16" s="71">
        <v>37</v>
      </c>
      <c r="EA16" s="71">
        <v>51</v>
      </c>
      <c r="EB16" s="71">
        <v>45</v>
      </c>
      <c r="EC16" s="72">
        <v>241</v>
      </c>
      <c r="ED16" s="73">
        <v>406</v>
      </c>
      <c r="EE16" s="86">
        <v>201</v>
      </c>
      <c r="EF16" s="71">
        <v>193</v>
      </c>
      <c r="EG16" s="72">
        <v>394</v>
      </c>
      <c r="EH16" s="244"/>
      <c r="EI16" s="71">
        <v>133</v>
      </c>
      <c r="EJ16" s="71">
        <v>107</v>
      </c>
      <c r="EK16" s="71">
        <v>87</v>
      </c>
      <c r="EL16" s="71">
        <v>80</v>
      </c>
      <c r="EM16" s="71">
        <v>65</v>
      </c>
      <c r="EN16" s="72">
        <v>472</v>
      </c>
      <c r="EO16" s="73">
        <v>866</v>
      </c>
      <c r="EP16" s="70">
        <v>375</v>
      </c>
      <c r="EQ16" s="71">
        <v>324</v>
      </c>
      <c r="ER16" s="72">
        <v>699</v>
      </c>
      <c r="ES16" s="244"/>
      <c r="ET16" s="71">
        <v>314</v>
      </c>
      <c r="EU16" s="71">
        <v>215</v>
      </c>
      <c r="EV16" s="71">
        <v>155</v>
      </c>
      <c r="EW16" s="71">
        <v>153</v>
      </c>
      <c r="EX16" s="71">
        <v>126</v>
      </c>
      <c r="EY16" s="72">
        <v>963</v>
      </c>
      <c r="EZ16" s="73">
        <v>1662</v>
      </c>
      <c r="FA16" s="86">
        <v>419</v>
      </c>
      <c r="FB16" s="71">
        <v>365</v>
      </c>
      <c r="FC16" s="72">
        <v>784</v>
      </c>
      <c r="FD16" s="244"/>
      <c r="FE16" s="71">
        <v>433</v>
      </c>
      <c r="FF16" s="71">
        <v>334</v>
      </c>
      <c r="FG16" s="71">
        <v>269</v>
      </c>
      <c r="FH16" s="71">
        <v>281</v>
      </c>
      <c r="FI16" s="71">
        <v>157</v>
      </c>
      <c r="FJ16" s="72">
        <v>1474</v>
      </c>
      <c r="FK16" s="73">
        <v>2258</v>
      </c>
      <c r="FL16" s="70">
        <v>238</v>
      </c>
      <c r="FM16" s="71">
        <v>269</v>
      </c>
      <c r="FN16" s="72">
        <v>507</v>
      </c>
      <c r="FO16" s="244"/>
      <c r="FP16" s="71">
        <v>437</v>
      </c>
      <c r="FQ16" s="71">
        <v>349</v>
      </c>
      <c r="FR16" s="71">
        <v>357</v>
      </c>
      <c r="FS16" s="71">
        <v>426</v>
      </c>
      <c r="FT16" s="71">
        <v>293</v>
      </c>
      <c r="FU16" s="72">
        <v>1862</v>
      </c>
      <c r="FV16" s="73">
        <v>2369</v>
      </c>
      <c r="FW16" s="70">
        <v>19</v>
      </c>
      <c r="FX16" s="71">
        <v>22</v>
      </c>
      <c r="FY16" s="72">
        <v>41</v>
      </c>
      <c r="FZ16" s="244"/>
      <c r="GA16" s="71">
        <v>13</v>
      </c>
      <c r="GB16" s="71">
        <v>14</v>
      </c>
      <c r="GC16" s="71">
        <v>10</v>
      </c>
      <c r="GD16" s="71">
        <v>18</v>
      </c>
      <c r="GE16" s="71">
        <v>7</v>
      </c>
      <c r="GF16" s="72">
        <v>62</v>
      </c>
      <c r="GG16" s="73">
        <v>103</v>
      </c>
      <c r="GH16" s="70">
        <v>1369</v>
      </c>
      <c r="GI16" s="71">
        <v>1286</v>
      </c>
      <c r="GJ16" s="72">
        <v>2655</v>
      </c>
      <c r="GK16" s="244"/>
      <c r="GL16" s="71">
        <v>1411</v>
      </c>
      <c r="GM16" s="71">
        <v>1087</v>
      </c>
      <c r="GN16" s="71">
        <v>931</v>
      </c>
      <c r="GO16" s="71">
        <v>1022</v>
      </c>
      <c r="GP16" s="71">
        <v>703</v>
      </c>
      <c r="GQ16" s="72">
        <v>5154</v>
      </c>
      <c r="GR16" s="73">
        <v>7809</v>
      </c>
      <c r="GS16" s="123">
        <v>2047</v>
      </c>
      <c r="GT16" s="82">
        <v>1851</v>
      </c>
      <c r="GU16" s="83">
        <v>3898</v>
      </c>
      <c r="GV16" s="241"/>
      <c r="GW16" s="82">
        <v>2072</v>
      </c>
      <c r="GX16" s="82">
        <v>1692</v>
      </c>
      <c r="GY16" s="82">
        <v>1395</v>
      </c>
      <c r="GZ16" s="82">
        <v>1439</v>
      </c>
      <c r="HA16" s="82">
        <v>927</v>
      </c>
      <c r="HB16" s="84">
        <v>7525</v>
      </c>
      <c r="HC16" s="85">
        <v>11423</v>
      </c>
      <c r="HD16" s="86">
        <v>57</v>
      </c>
      <c r="HE16" s="71">
        <v>64</v>
      </c>
      <c r="HF16" s="72">
        <v>121</v>
      </c>
      <c r="HG16" s="244"/>
      <c r="HH16" s="71">
        <v>35</v>
      </c>
      <c r="HI16" s="71">
        <v>52</v>
      </c>
      <c r="HJ16" s="71">
        <v>37</v>
      </c>
      <c r="HK16" s="71">
        <v>40</v>
      </c>
      <c r="HL16" s="71">
        <v>21</v>
      </c>
      <c r="HM16" s="72">
        <v>185</v>
      </c>
      <c r="HN16" s="73">
        <v>306</v>
      </c>
      <c r="HO16" s="70">
        <v>143</v>
      </c>
      <c r="HP16" s="71">
        <v>149</v>
      </c>
      <c r="HQ16" s="72">
        <v>292</v>
      </c>
      <c r="HR16" s="244"/>
      <c r="HS16" s="71">
        <v>117</v>
      </c>
      <c r="HT16" s="71">
        <v>98</v>
      </c>
      <c r="HU16" s="71">
        <v>76</v>
      </c>
      <c r="HV16" s="71">
        <v>83</v>
      </c>
      <c r="HW16" s="71">
        <v>70</v>
      </c>
      <c r="HX16" s="72">
        <v>444</v>
      </c>
      <c r="HY16" s="73">
        <v>736</v>
      </c>
      <c r="HZ16" s="86">
        <v>294</v>
      </c>
      <c r="IA16" s="71">
        <v>293</v>
      </c>
      <c r="IB16" s="72">
        <v>587</v>
      </c>
      <c r="IC16" s="244"/>
      <c r="ID16" s="71">
        <v>209</v>
      </c>
      <c r="IE16" s="71">
        <v>196</v>
      </c>
      <c r="IF16" s="71">
        <v>165</v>
      </c>
      <c r="IG16" s="71">
        <v>139</v>
      </c>
      <c r="IH16" s="71">
        <v>116</v>
      </c>
      <c r="II16" s="72">
        <v>825</v>
      </c>
      <c r="IJ16" s="73">
        <v>1412</v>
      </c>
      <c r="IK16" s="70">
        <v>545</v>
      </c>
      <c r="IL16" s="71">
        <v>455</v>
      </c>
      <c r="IM16" s="72">
        <v>1000</v>
      </c>
      <c r="IN16" s="244"/>
      <c r="IO16" s="71">
        <v>482</v>
      </c>
      <c r="IP16" s="71">
        <v>378</v>
      </c>
      <c r="IQ16" s="71">
        <v>262</v>
      </c>
      <c r="IR16" s="71">
        <v>242</v>
      </c>
      <c r="IS16" s="71">
        <v>186</v>
      </c>
      <c r="IT16" s="72">
        <v>1550</v>
      </c>
      <c r="IU16" s="73">
        <v>2550</v>
      </c>
      <c r="IV16" s="86">
        <v>634</v>
      </c>
      <c r="IW16" s="71">
        <v>505</v>
      </c>
      <c r="IX16" s="72">
        <v>1139</v>
      </c>
      <c r="IY16" s="244"/>
      <c r="IZ16" s="71">
        <v>639</v>
      </c>
      <c r="JA16" s="71">
        <v>491</v>
      </c>
      <c r="JB16" s="71">
        <v>410</v>
      </c>
      <c r="JC16" s="71">
        <v>405</v>
      </c>
      <c r="JD16" s="71">
        <v>212</v>
      </c>
      <c r="JE16" s="72">
        <v>2157</v>
      </c>
      <c r="JF16" s="73">
        <v>3296</v>
      </c>
      <c r="JG16" s="70">
        <v>374</v>
      </c>
      <c r="JH16" s="71">
        <v>385</v>
      </c>
      <c r="JI16" s="72">
        <v>759</v>
      </c>
      <c r="JJ16" s="244"/>
      <c r="JK16" s="71">
        <v>590</v>
      </c>
      <c r="JL16" s="71">
        <v>477</v>
      </c>
      <c r="JM16" s="71">
        <v>445</v>
      </c>
      <c r="JN16" s="71">
        <v>530</v>
      </c>
      <c r="JO16" s="71">
        <v>322</v>
      </c>
      <c r="JP16" s="72">
        <v>2364</v>
      </c>
      <c r="JQ16" s="73">
        <v>3123</v>
      </c>
      <c r="JR16" s="70">
        <v>37</v>
      </c>
      <c r="JS16" s="71">
        <v>47</v>
      </c>
      <c r="JT16" s="72">
        <v>84</v>
      </c>
      <c r="JU16" s="244"/>
      <c r="JV16" s="71">
        <v>28</v>
      </c>
      <c r="JW16" s="71">
        <v>32</v>
      </c>
      <c r="JX16" s="71">
        <v>26</v>
      </c>
      <c r="JY16" s="71">
        <v>31</v>
      </c>
      <c r="JZ16" s="71">
        <v>19</v>
      </c>
      <c r="KA16" s="72">
        <v>136</v>
      </c>
      <c r="KB16" s="73">
        <v>220</v>
      </c>
      <c r="KC16" s="70">
        <v>2084</v>
      </c>
      <c r="KD16" s="71">
        <v>1898</v>
      </c>
      <c r="KE16" s="72">
        <v>3982</v>
      </c>
      <c r="KF16" s="244"/>
      <c r="KG16" s="71">
        <v>2100</v>
      </c>
      <c r="KH16" s="71">
        <v>1724</v>
      </c>
      <c r="KI16" s="71">
        <v>1421</v>
      </c>
      <c r="KJ16" s="71">
        <v>1470</v>
      </c>
      <c r="KK16" s="71">
        <v>946</v>
      </c>
      <c r="KL16" s="72">
        <v>7661</v>
      </c>
      <c r="KM16" s="73">
        <v>11643</v>
      </c>
    </row>
    <row r="17" spans="2:299" ht="21" customHeight="1" x14ac:dyDescent="0.2">
      <c r="B17" s="126" t="s">
        <v>13</v>
      </c>
      <c r="C17" s="315">
        <v>152</v>
      </c>
      <c r="D17" s="82">
        <v>188</v>
      </c>
      <c r="E17" s="83">
        <v>340</v>
      </c>
      <c r="F17" s="241"/>
      <c r="G17" s="82">
        <v>315</v>
      </c>
      <c r="H17" s="82">
        <v>252</v>
      </c>
      <c r="I17" s="82">
        <v>178</v>
      </c>
      <c r="J17" s="82">
        <v>157</v>
      </c>
      <c r="K17" s="82">
        <v>95</v>
      </c>
      <c r="L17" s="84">
        <v>997</v>
      </c>
      <c r="M17" s="85">
        <v>1337</v>
      </c>
      <c r="N17" s="70">
        <v>4</v>
      </c>
      <c r="O17" s="71">
        <v>2</v>
      </c>
      <c r="P17" s="72">
        <v>6</v>
      </c>
      <c r="Q17" s="244"/>
      <c r="R17" s="71">
        <v>16</v>
      </c>
      <c r="S17" s="71">
        <v>6</v>
      </c>
      <c r="T17" s="71">
        <v>7</v>
      </c>
      <c r="U17" s="71">
        <v>8</v>
      </c>
      <c r="V17" s="71">
        <v>4</v>
      </c>
      <c r="W17" s="72">
        <v>41</v>
      </c>
      <c r="X17" s="73">
        <v>47</v>
      </c>
      <c r="Y17" s="70">
        <v>12</v>
      </c>
      <c r="Z17" s="71">
        <v>11</v>
      </c>
      <c r="AA17" s="72">
        <v>23</v>
      </c>
      <c r="AB17" s="244"/>
      <c r="AC17" s="71">
        <v>28</v>
      </c>
      <c r="AD17" s="71">
        <v>21</v>
      </c>
      <c r="AE17" s="71">
        <v>8</v>
      </c>
      <c r="AF17" s="71">
        <v>13</v>
      </c>
      <c r="AG17" s="71">
        <v>13</v>
      </c>
      <c r="AH17" s="72">
        <v>83</v>
      </c>
      <c r="AI17" s="73">
        <v>106</v>
      </c>
      <c r="AJ17" s="70">
        <v>18</v>
      </c>
      <c r="AK17" s="71">
        <v>16</v>
      </c>
      <c r="AL17" s="72">
        <v>34</v>
      </c>
      <c r="AM17" s="244"/>
      <c r="AN17" s="71">
        <v>36</v>
      </c>
      <c r="AO17" s="71">
        <v>34</v>
      </c>
      <c r="AP17" s="71">
        <v>24</v>
      </c>
      <c r="AQ17" s="71">
        <v>17</v>
      </c>
      <c r="AR17" s="71">
        <v>10</v>
      </c>
      <c r="AS17" s="72">
        <v>121</v>
      </c>
      <c r="AT17" s="73">
        <v>155</v>
      </c>
      <c r="AU17" s="70">
        <v>31</v>
      </c>
      <c r="AV17" s="71">
        <v>62</v>
      </c>
      <c r="AW17" s="72">
        <v>93</v>
      </c>
      <c r="AX17" s="244"/>
      <c r="AY17" s="71">
        <v>76</v>
      </c>
      <c r="AZ17" s="71">
        <v>40</v>
      </c>
      <c r="BA17" s="71">
        <v>37</v>
      </c>
      <c r="BB17" s="71">
        <v>31</v>
      </c>
      <c r="BC17" s="71">
        <v>27</v>
      </c>
      <c r="BD17" s="72">
        <v>211</v>
      </c>
      <c r="BE17" s="73">
        <v>304</v>
      </c>
      <c r="BF17" s="70">
        <v>48</v>
      </c>
      <c r="BG17" s="71">
        <v>57</v>
      </c>
      <c r="BH17" s="72">
        <v>105</v>
      </c>
      <c r="BI17" s="244"/>
      <c r="BJ17" s="71">
        <v>84</v>
      </c>
      <c r="BK17" s="71">
        <v>82</v>
      </c>
      <c r="BL17" s="71">
        <v>61</v>
      </c>
      <c r="BM17" s="71">
        <v>52</v>
      </c>
      <c r="BN17" s="71">
        <v>20</v>
      </c>
      <c r="BO17" s="72">
        <v>299</v>
      </c>
      <c r="BP17" s="73">
        <v>404</v>
      </c>
      <c r="BQ17" s="70">
        <v>39</v>
      </c>
      <c r="BR17" s="71">
        <v>40</v>
      </c>
      <c r="BS17" s="72">
        <v>79</v>
      </c>
      <c r="BT17" s="244"/>
      <c r="BU17" s="71">
        <v>75</v>
      </c>
      <c r="BV17" s="71">
        <v>69</v>
      </c>
      <c r="BW17" s="71">
        <v>41</v>
      </c>
      <c r="BX17" s="71">
        <v>36</v>
      </c>
      <c r="BY17" s="71">
        <v>21</v>
      </c>
      <c r="BZ17" s="72">
        <v>242</v>
      </c>
      <c r="CA17" s="73">
        <v>321</v>
      </c>
      <c r="CB17" s="70">
        <v>3</v>
      </c>
      <c r="CC17" s="71">
        <v>4</v>
      </c>
      <c r="CD17" s="72">
        <v>7</v>
      </c>
      <c r="CE17" s="244"/>
      <c r="CF17" s="71">
        <v>7</v>
      </c>
      <c r="CG17" s="71">
        <v>7</v>
      </c>
      <c r="CH17" s="71">
        <v>8</v>
      </c>
      <c r="CI17" s="71">
        <v>2</v>
      </c>
      <c r="CJ17" s="71">
        <v>8</v>
      </c>
      <c r="CK17" s="72">
        <v>32</v>
      </c>
      <c r="CL17" s="73">
        <v>39</v>
      </c>
      <c r="CM17" s="70">
        <v>155</v>
      </c>
      <c r="CN17" s="71">
        <v>192</v>
      </c>
      <c r="CO17" s="72">
        <v>347</v>
      </c>
      <c r="CP17" s="244"/>
      <c r="CQ17" s="71">
        <v>322</v>
      </c>
      <c r="CR17" s="71">
        <v>259</v>
      </c>
      <c r="CS17" s="71">
        <v>186</v>
      </c>
      <c r="CT17" s="71">
        <v>159</v>
      </c>
      <c r="CU17" s="71">
        <v>103</v>
      </c>
      <c r="CV17" s="72">
        <v>1029</v>
      </c>
      <c r="CW17" s="73">
        <v>1376</v>
      </c>
      <c r="CX17" s="123">
        <v>374</v>
      </c>
      <c r="CY17" s="82">
        <v>430</v>
      </c>
      <c r="CZ17" s="83">
        <v>804</v>
      </c>
      <c r="DA17" s="241"/>
      <c r="DB17" s="82">
        <v>597</v>
      </c>
      <c r="DC17" s="82">
        <v>478</v>
      </c>
      <c r="DD17" s="82">
        <v>353</v>
      </c>
      <c r="DE17" s="82">
        <v>379</v>
      </c>
      <c r="DF17" s="82">
        <v>290</v>
      </c>
      <c r="DG17" s="84">
        <v>2097</v>
      </c>
      <c r="DH17" s="85">
        <v>2901</v>
      </c>
      <c r="DI17" s="70">
        <v>4</v>
      </c>
      <c r="DJ17" s="71">
        <v>6</v>
      </c>
      <c r="DK17" s="72">
        <v>10</v>
      </c>
      <c r="DL17" s="244"/>
      <c r="DM17" s="71">
        <v>8</v>
      </c>
      <c r="DN17" s="71">
        <v>8</v>
      </c>
      <c r="DO17" s="71">
        <v>4</v>
      </c>
      <c r="DP17" s="71">
        <v>5</v>
      </c>
      <c r="DQ17" s="71">
        <v>3</v>
      </c>
      <c r="DR17" s="72">
        <v>28</v>
      </c>
      <c r="DS17" s="73">
        <v>38</v>
      </c>
      <c r="DT17" s="70">
        <v>15</v>
      </c>
      <c r="DU17" s="71">
        <v>32</v>
      </c>
      <c r="DV17" s="72">
        <v>47</v>
      </c>
      <c r="DW17" s="244"/>
      <c r="DX17" s="71">
        <v>27</v>
      </c>
      <c r="DY17" s="71">
        <v>23</v>
      </c>
      <c r="DZ17" s="71">
        <v>13</v>
      </c>
      <c r="EA17" s="71">
        <v>12</v>
      </c>
      <c r="EB17" s="71">
        <v>13</v>
      </c>
      <c r="EC17" s="72">
        <v>88</v>
      </c>
      <c r="ED17" s="73">
        <v>135</v>
      </c>
      <c r="EE17" s="70">
        <v>35</v>
      </c>
      <c r="EF17" s="71">
        <v>42</v>
      </c>
      <c r="EG17" s="72">
        <v>77</v>
      </c>
      <c r="EH17" s="244"/>
      <c r="EI17" s="71">
        <v>79</v>
      </c>
      <c r="EJ17" s="71">
        <v>41</v>
      </c>
      <c r="EK17" s="71">
        <v>31</v>
      </c>
      <c r="EL17" s="71">
        <v>23</v>
      </c>
      <c r="EM17" s="71">
        <v>29</v>
      </c>
      <c r="EN17" s="72">
        <v>203</v>
      </c>
      <c r="EO17" s="73">
        <v>280</v>
      </c>
      <c r="EP17" s="70">
        <v>111</v>
      </c>
      <c r="EQ17" s="71">
        <v>109</v>
      </c>
      <c r="ER17" s="72">
        <v>220</v>
      </c>
      <c r="ES17" s="244"/>
      <c r="ET17" s="71">
        <v>137</v>
      </c>
      <c r="EU17" s="71">
        <v>81</v>
      </c>
      <c r="EV17" s="71">
        <v>50</v>
      </c>
      <c r="EW17" s="71">
        <v>53</v>
      </c>
      <c r="EX17" s="71">
        <v>47</v>
      </c>
      <c r="EY17" s="72">
        <v>368</v>
      </c>
      <c r="EZ17" s="73">
        <v>588</v>
      </c>
      <c r="FA17" s="70">
        <v>120</v>
      </c>
      <c r="FB17" s="71">
        <v>140</v>
      </c>
      <c r="FC17" s="72">
        <v>260</v>
      </c>
      <c r="FD17" s="244"/>
      <c r="FE17" s="71">
        <v>193</v>
      </c>
      <c r="FF17" s="71">
        <v>142</v>
      </c>
      <c r="FG17" s="71">
        <v>94</v>
      </c>
      <c r="FH17" s="71">
        <v>106</v>
      </c>
      <c r="FI17" s="71">
        <v>74</v>
      </c>
      <c r="FJ17" s="72">
        <v>609</v>
      </c>
      <c r="FK17" s="73">
        <v>869</v>
      </c>
      <c r="FL17" s="70">
        <v>89</v>
      </c>
      <c r="FM17" s="71">
        <v>101</v>
      </c>
      <c r="FN17" s="72">
        <v>190</v>
      </c>
      <c r="FO17" s="244"/>
      <c r="FP17" s="71">
        <v>153</v>
      </c>
      <c r="FQ17" s="71">
        <v>183</v>
      </c>
      <c r="FR17" s="71">
        <v>161</v>
      </c>
      <c r="FS17" s="71">
        <v>180</v>
      </c>
      <c r="FT17" s="71">
        <v>124</v>
      </c>
      <c r="FU17" s="72">
        <v>801</v>
      </c>
      <c r="FV17" s="73">
        <v>991</v>
      </c>
      <c r="FW17" s="70">
        <v>1</v>
      </c>
      <c r="FX17" s="71">
        <v>2</v>
      </c>
      <c r="FY17" s="72">
        <v>3</v>
      </c>
      <c r="FZ17" s="244"/>
      <c r="GA17" s="71">
        <v>7</v>
      </c>
      <c r="GB17" s="71">
        <v>6</v>
      </c>
      <c r="GC17" s="71">
        <v>6</v>
      </c>
      <c r="GD17" s="71">
        <v>5</v>
      </c>
      <c r="GE17" s="71">
        <v>4</v>
      </c>
      <c r="GF17" s="72">
        <v>28</v>
      </c>
      <c r="GG17" s="73">
        <v>31</v>
      </c>
      <c r="GH17" s="70">
        <v>375</v>
      </c>
      <c r="GI17" s="71">
        <v>432</v>
      </c>
      <c r="GJ17" s="72">
        <v>807</v>
      </c>
      <c r="GK17" s="244"/>
      <c r="GL17" s="71">
        <v>604</v>
      </c>
      <c r="GM17" s="71">
        <v>484</v>
      </c>
      <c r="GN17" s="71">
        <v>359</v>
      </c>
      <c r="GO17" s="71">
        <v>384</v>
      </c>
      <c r="GP17" s="71">
        <v>294</v>
      </c>
      <c r="GQ17" s="72">
        <v>2125</v>
      </c>
      <c r="GR17" s="73">
        <v>2932</v>
      </c>
      <c r="GS17" s="123">
        <v>526</v>
      </c>
      <c r="GT17" s="82">
        <v>618</v>
      </c>
      <c r="GU17" s="83">
        <v>1144</v>
      </c>
      <c r="GV17" s="241"/>
      <c r="GW17" s="82">
        <v>912</v>
      </c>
      <c r="GX17" s="82">
        <v>730</v>
      </c>
      <c r="GY17" s="82">
        <v>531</v>
      </c>
      <c r="GZ17" s="82">
        <v>536</v>
      </c>
      <c r="HA17" s="82">
        <v>385</v>
      </c>
      <c r="HB17" s="84">
        <v>3094</v>
      </c>
      <c r="HC17" s="85">
        <v>4238</v>
      </c>
      <c r="HD17" s="70">
        <v>8</v>
      </c>
      <c r="HE17" s="71">
        <v>8</v>
      </c>
      <c r="HF17" s="72">
        <v>16</v>
      </c>
      <c r="HG17" s="244"/>
      <c r="HH17" s="71">
        <v>24</v>
      </c>
      <c r="HI17" s="71">
        <v>14</v>
      </c>
      <c r="HJ17" s="71">
        <v>11</v>
      </c>
      <c r="HK17" s="71">
        <v>13</v>
      </c>
      <c r="HL17" s="71">
        <v>7</v>
      </c>
      <c r="HM17" s="72">
        <v>69</v>
      </c>
      <c r="HN17" s="73">
        <v>85</v>
      </c>
      <c r="HO17" s="70">
        <v>27</v>
      </c>
      <c r="HP17" s="71">
        <v>43</v>
      </c>
      <c r="HQ17" s="72">
        <v>70</v>
      </c>
      <c r="HR17" s="244"/>
      <c r="HS17" s="71">
        <v>55</v>
      </c>
      <c r="HT17" s="71">
        <v>44</v>
      </c>
      <c r="HU17" s="71">
        <v>21</v>
      </c>
      <c r="HV17" s="71">
        <v>25</v>
      </c>
      <c r="HW17" s="71">
        <v>26</v>
      </c>
      <c r="HX17" s="72">
        <v>171</v>
      </c>
      <c r="HY17" s="73">
        <v>241</v>
      </c>
      <c r="HZ17" s="70">
        <v>53</v>
      </c>
      <c r="IA17" s="71">
        <v>58</v>
      </c>
      <c r="IB17" s="72">
        <v>111</v>
      </c>
      <c r="IC17" s="244"/>
      <c r="ID17" s="71">
        <v>115</v>
      </c>
      <c r="IE17" s="71">
        <v>75</v>
      </c>
      <c r="IF17" s="71">
        <v>55</v>
      </c>
      <c r="IG17" s="71">
        <v>40</v>
      </c>
      <c r="IH17" s="71">
        <v>39</v>
      </c>
      <c r="II17" s="72">
        <v>324</v>
      </c>
      <c r="IJ17" s="73">
        <v>435</v>
      </c>
      <c r="IK17" s="70">
        <v>142</v>
      </c>
      <c r="IL17" s="71">
        <v>171</v>
      </c>
      <c r="IM17" s="72">
        <v>313</v>
      </c>
      <c r="IN17" s="244"/>
      <c r="IO17" s="71">
        <v>213</v>
      </c>
      <c r="IP17" s="71">
        <v>121</v>
      </c>
      <c r="IQ17" s="71">
        <v>87</v>
      </c>
      <c r="IR17" s="71">
        <v>84</v>
      </c>
      <c r="IS17" s="71">
        <v>74</v>
      </c>
      <c r="IT17" s="72">
        <v>579</v>
      </c>
      <c r="IU17" s="73">
        <v>892</v>
      </c>
      <c r="IV17" s="70">
        <v>168</v>
      </c>
      <c r="IW17" s="71">
        <v>197</v>
      </c>
      <c r="IX17" s="72">
        <v>365</v>
      </c>
      <c r="IY17" s="244"/>
      <c r="IZ17" s="71">
        <v>277</v>
      </c>
      <c r="JA17" s="71">
        <v>224</v>
      </c>
      <c r="JB17" s="71">
        <v>155</v>
      </c>
      <c r="JC17" s="71">
        <v>158</v>
      </c>
      <c r="JD17" s="71">
        <v>94</v>
      </c>
      <c r="JE17" s="72">
        <v>908</v>
      </c>
      <c r="JF17" s="73">
        <v>1273</v>
      </c>
      <c r="JG17" s="70">
        <v>128</v>
      </c>
      <c r="JH17" s="71">
        <v>141</v>
      </c>
      <c r="JI17" s="72">
        <v>269</v>
      </c>
      <c r="JJ17" s="244"/>
      <c r="JK17" s="71">
        <v>228</v>
      </c>
      <c r="JL17" s="71">
        <v>252</v>
      </c>
      <c r="JM17" s="71">
        <v>202</v>
      </c>
      <c r="JN17" s="71">
        <v>216</v>
      </c>
      <c r="JO17" s="71">
        <v>145</v>
      </c>
      <c r="JP17" s="72">
        <v>1043</v>
      </c>
      <c r="JQ17" s="73">
        <v>1312</v>
      </c>
      <c r="JR17" s="70">
        <v>4</v>
      </c>
      <c r="JS17" s="71">
        <v>6</v>
      </c>
      <c r="JT17" s="72">
        <v>10</v>
      </c>
      <c r="JU17" s="244"/>
      <c r="JV17" s="71">
        <v>14</v>
      </c>
      <c r="JW17" s="71">
        <v>13</v>
      </c>
      <c r="JX17" s="71">
        <v>14</v>
      </c>
      <c r="JY17" s="71">
        <v>7</v>
      </c>
      <c r="JZ17" s="71">
        <v>12</v>
      </c>
      <c r="KA17" s="72">
        <v>60</v>
      </c>
      <c r="KB17" s="73">
        <v>70</v>
      </c>
      <c r="KC17" s="70">
        <v>530</v>
      </c>
      <c r="KD17" s="71">
        <v>624</v>
      </c>
      <c r="KE17" s="72">
        <v>1154</v>
      </c>
      <c r="KF17" s="244"/>
      <c r="KG17" s="71">
        <v>926</v>
      </c>
      <c r="KH17" s="71">
        <v>743</v>
      </c>
      <c r="KI17" s="71">
        <v>545</v>
      </c>
      <c r="KJ17" s="71">
        <v>543</v>
      </c>
      <c r="KK17" s="71">
        <v>397</v>
      </c>
      <c r="KL17" s="72">
        <v>3154</v>
      </c>
      <c r="KM17" s="73">
        <v>4308</v>
      </c>
    </row>
    <row r="18" spans="2:299" ht="21" customHeight="1" x14ac:dyDescent="0.2">
      <c r="B18" s="126" t="s">
        <v>15</v>
      </c>
      <c r="C18" s="315">
        <v>113</v>
      </c>
      <c r="D18" s="82">
        <v>138</v>
      </c>
      <c r="E18" s="83">
        <v>251</v>
      </c>
      <c r="F18" s="241"/>
      <c r="G18" s="82">
        <v>255</v>
      </c>
      <c r="H18" s="82">
        <v>225</v>
      </c>
      <c r="I18" s="82">
        <v>152</v>
      </c>
      <c r="J18" s="82">
        <v>134</v>
      </c>
      <c r="K18" s="82">
        <v>74</v>
      </c>
      <c r="L18" s="84">
        <v>840</v>
      </c>
      <c r="M18" s="85">
        <v>1091</v>
      </c>
      <c r="N18" s="70">
        <v>4</v>
      </c>
      <c r="O18" s="71">
        <v>5</v>
      </c>
      <c r="P18" s="72">
        <v>9</v>
      </c>
      <c r="Q18" s="244"/>
      <c r="R18" s="71">
        <v>14</v>
      </c>
      <c r="S18" s="71">
        <v>10</v>
      </c>
      <c r="T18" s="71">
        <v>10</v>
      </c>
      <c r="U18" s="71">
        <v>6</v>
      </c>
      <c r="V18" s="71">
        <v>7</v>
      </c>
      <c r="W18" s="72">
        <v>47</v>
      </c>
      <c r="X18" s="73">
        <v>56</v>
      </c>
      <c r="Y18" s="70">
        <v>9</v>
      </c>
      <c r="Z18" s="71">
        <v>12</v>
      </c>
      <c r="AA18" s="72">
        <v>21</v>
      </c>
      <c r="AB18" s="244"/>
      <c r="AC18" s="71">
        <v>30</v>
      </c>
      <c r="AD18" s="71">
        <v>30</v>
      </c>
      <c r="AE18" s="71">
        <v>19</v>
      </c>
      <c r="AF18" s="71">
        <v>18</v>
      </c>
      <c r="AG18" s="71">
        <v>7</v>
      </c>
      <c r="AH18" s="72">
        <v>104</v>
      </c>
      <c r="AI18" s="73">
        <v>125</v>
      </c>
      <c r="AJ18" s="70">
        <v>23</v>
      </c>
      <c r="AK18" s="71">
        <v>22</v>
      </c>
      <c r="AL18" s="72">
        <v>45</v>
      </c>
      <c r="AM18" s="244"/>
      <c r="AN18" s="71">
        <v>44</v>
      </c>
      <c r="AO18" s="71">
        <v>44</v>
      </c>
      <c r="AP18" s="71">
        <v>18</v>
      </c>
      <c r="AQ18" s="71">
        <v>20</v>
      </c>
      <c r="AR18" s="71">
        <v>13</v>
      </c>
      <c r="AS18" s="72">
        <v>139</v>
      </c>
      <c r="AT18" s="73">
        <v>184</v>
      </c>
      <c r="AU18" s="70">
        <v>29</v>
      </c>
      <c r="AV18" s="71">
        <v>33</v>
      </c>
      <c r="AW18" s="72">
        <v>62</v>
      </c>
      <c r="AX18" s="244"/>
      <c r="AY18" s="71">
        <v>62</v>
      </c>
      <c r="AZ18" s="71">
        <v>53</v>
      </c>
      <c r="BA18" s="71">
        <v>41</v>
      </c>
      <c r="BB18" s="71">
        <v>27</v>
      </c>
      <c r="BC18" s="71">
        <v>22</v>
      </c>
      <c r="BD18" s="72">
        <v>205</v>
      </c>
      <c r="BE18" s="73">
        <v>267</v>
      </c>
      <c r="BF18" s="70">
        <v>30</v>
      </c>
      <c r="BG18" s="71">
        <v>45</v>
      </c>
      <c r="BH18" s="72">
        <v>75</v>
      </c>
      <c r="BI18" s="244"/>
      <c r="BJ18" s="71">
        <v>60</v>
      </c>
      <c r="BK18" s="71">
        <v>52</v>
      </c>
      <c r="BL18" s="71">
        <v>32</v>
      </c>
      <c r="BM18" s="71">
        <v>33</v>
      </c>
      <c r="BN18" s="71">
        <v>16</v>
      </c>
      <c r="BO18" s="72">
        <v>193</v>
      </c>
      <c r="BP18" s="73">
        <v>268</v>
      </c>
      <c r="BQ18" s="70">
        <v>18</v>
      </c>
      <c r="BR18" s="71">
        <v>21</v>
      </c>
      <c r="BS18" s="72">
        <v>39</v>
      </c>
      <c r="BT18" s="244"/>
      <c r="BU18" s="71">
        <v>45</v>
      </c>
      <c r="BV18" s="71">
        <v>36</v>
      </c>
      <c r="BW18" s="71">
        <v>32</v>
      </c>
      <c r="BX18" s="71">
        <v>30</v>
      </c>
      <c r="BY18" s="71">
        <v>9</v>
      </c>
      <c r="BZ18" s="72">
        <v>152</v>
      </c>
      <c r="CA18" s="73">
        <v>191</v>
      </c>
      <c r="CB18" s="70">
        <v>2</v>
      </c>
      <c r="CC18" s="71">
        <v>4</v>
      </c>
      <c r="CD18" s="72">
        <v>6</v>
      </c>
      <c r="CE18" s="244"/>
      <c r="CF18" s="71">
        <v>9</v>
      </c>
      <c r="CG18" s="71">
        <v>5</v>
      </c>
      <c r="CH18" s="71">
        <v>1</v>
      </c>
      <c r="CI18" s="71">
        <v>3</v>
      </c>
      <c r="CJ18" s="71">
        <v>5</v>
      </c>
      <c r="CK18" s="72">
        <v>23</v>
      </c>
      <c r="CL18" s="73">
        <v>29</v>
      </c>
      <c r="CM18" s="70">
        <v>115</v>
      </c>
      <c r="CN18" s="71">
        <v>142</v>
      </c>
      <c r="CO18" s="72">
        <v>257</v>
      </c>
      <c r="CP18" s="244"/>
      <c r="CQ18" s="71">
        <v>264</v>
      </c>
      <c r="CR18" s="71">
        <v>230</v>
      </c>
      <c r="CS18" s="71">
        <v>153</v>
      </c>
      <c r="CT18" s="71">
        <v>137</v>
      </c>
      <c r="CU18" s="71">
        <v>79</v>
      </c>
      <c r="CV18" s="72">
        <v>863</v>
      </c>
      <c r="CW18" s="73">
        <v>1120</v>
      </c>
      <c r="CX18" s="123">
        <v>234</v>
      </c>
      <c r="CY18" s="82">
        <v>359</v>
      </c>
      <c r="CZ18" s="83">
        <v>593</v>
      </c>
      <c r="DA18" s="241"/>
      <c r="DB18" s="82">
        <v>436</v>
      </c>
      <c r="DC18" s="82">
        <v>437</v>
      </c>
      <c r="DD18" s="82">
        <v>328</v>
      </c>
      <c r="DE18" s="82">
        <v>318</v>
      </c>
      <c r="DF18" s="82">
        <v>183</v>
      </c>
      <c r="DG18" s="84">
        <v>1702</v>
      </c>
      <c r="DH18" s="85">
        <v>2295</v>
      </c>
      <c r="DI18" s="70">
        <v>5</v>
      </c>
      <c r="DJ18" s="71">
        <v>5</v>
      </c>
      <c r="DK18" s="72">
        <v>10</v>
      </c>
      <c r="DL18" s="244"/>
      <c r="DM18" s="71">
        <v>8</v>
      </c>
      <c r="DN18" s="71">
        <v>7</v>
      </c>
      <c r="DO18" s="71">
        <v>3</v>
      </c>
      <c r="DP18" s="71">
        <v>7</v>
      </c>
      <c r="DQ18" s="71">
        <v>4</v>
      </c>
      <c r="DR18" s="72">
        <v>29</v>
      </c>
      <c r="DS18" s="73">
        <v>39</v>
      </c>
      <c r="DT18" s="70">
        <v>10</v>
      </c>
      <c r="DU18" s="71">
        <v>22</v>
      </c>
      <c r="DV18" s="72">
        <v>32</v>
      </c>
      <c r="DW18" s="244"/>
      <c r="DX18" s="71">
        <v>38</v>
      </c>
      <c r="DY18" s="71">
        <v>35</v>
      </c>
      <c r="DZ18" s="71">
        <v>20</v>
      </c>
      <c r="EA18" s="71">
        <v>7</v>
      </c>
      <c r="EB18" s="71">
        <v>8</v>
      </c>
      <c r="EC18" s="72">
        <v>108</v>
      </c>
      <c r="ED18" s="73">
        <v>140</v>
      </c>
      <c r="EE18" s="70">
        <v>46</v>
      </c>
      <c r="EF18" s="71">
        <v>62</v>
      </c>
      <c r="EG18" s="72">
        <v>108</v>
      </c>
      <c r="EH18" s="244"/>
      <c r="EI18" s="71">
        <v>50</v>
      </c>
      <c r="EJ18" s="71">
        <v>48</v>
      </c>
      <c r="EK18" s="71">
        <v>28</v>
      </c>
      <c r="EL18" s="71">
        <v>20</v>
      </c>
      <c r="EM18" s="71">
        <v>22</v>
      </c>
      <c r="EN18" s="72">
        <v>168</v>
      </c>
      <c r="EO18" s="73">
        <v>276</v>
      </c>
      <c r="EP18" s="70">
        <v>81</v>
      </c>
      <c r="EQ18" s="71">
        <v>97</v>
      </c>
      <c r="ER18" s="72">
        <v>178</v>
      </c>
      <c r="ES18" s="244"/>
      <c r="ET18" s="71">
        <v>108</v>
      </c>
      <c r="EU18" s="71">
        <v>86</v>
      </c>
      <c r="EV18" s="71">
        <v>57</v>
      </c>
      <c r="EW18" s="71">
        <v>41</v>
      </c>
      <c r="EX18" s="71">
        <v>33</v>
      </c>
      <c r="EY18" s="72">
        <v>325</v>
      </c>
      <c r="EZ18" s="73">
        <v>503</v>
      </c>
      <c r="FA18" s="70">
        <v>58</v>
      </c>
      <c r="FB18" s="71">
        <v>114</v>
      </c>
      <c r="FC18" s="72">
        <v>172</v>
      </c>
      <c r="FD18" s="244"/>
      <c r="FE18" s="71">
        <v>128</v>
      </c>
      <c r="FF18" s="71">
        <v>118</v>
      </c>
      <c r="FG18" s="71">
        <v>84</v>
      </c>
      <c r="FH18" s="71">
        <v>92</v>
      </c>
      <c r="FI18" s="71">
        <v>49</v>
      </c>
      <c r="FJ18" s="72">
        <v>471</v>
      </c>
      <c r="FK18" s="73">
        <v>643</v>
      </c>
      <c r="FL18" s="70">
        <v>34</v>
      </c>
      <c r="FM18" s="71">
        <v>59</v>
      </c>
      <c r="FN18" s="72">
        <v>93</v>
      </c>
      <c r="FO18" s="244"/>
      <c r="FP18" s="71">
        <v>104</v>
      </c>
      <c r="FQ18" s="71">
        <v>143</v>
      </c>
      <c r="FR18" s="71">
        <v>136</v>
      </c>
      <c r="FS18" s="71">
        <v>151</v>
      </c>
      <c r="FT18" s="71">
        <v>67</v>
      </c>
      <c r="FU18" s="72">
        <v>601</v>
      </c>
      <c r="FV18" s="73">
        <v>694</v>
      </c>
      <c r="FW18" s="70">
        <v>2</v>
      </c>
      <c r="FX18" s="71">
        <v>5</v>
      </c>
      <c r="FY18" s="72">
        <v>7</v>
      </c>
      <c r="FZ18" s="244"/>
      <c r="GA18" s="71">
        <v>4</v>
      </c>
      <c r="GB18" s="71">
        <v>8</v>
      </c>
      <c r="GC18" s="71">
        <v>0</v>
      </c>
      <c r="GD18" s="71">
        <v>1</v>
      </c>
      <c r="GE18" s="71">
        <v>7</v>
      </c>
      <c r="GF18" s="72">
        <v>20</v>
      </c>
      <c r="GG18" s="73">
        <v>27</v>
      </c>
      <c r="GH18" s="70">
        <v>236</v>
      </c>
      <c r="GI18" s="71">
        <v>364</v>
      </c>
      <c r="GJ18" s="72">
        <v>600</v>
      </c>
      <c r="GK18" s="244"/>
      <c r="GL18" s="71">
        <v>440</v>
      </c>
      <c r="GM18" s="71">
        <v>445</v>
      </c>
      <c r="GN18" s="71">
        <v>328</v>
      </c>
      <c r="GO18" s="71">
        <v>319</v>
      </c>
      <c r="GP18" s="71">
        <v>190</v>
      </c>
      <c r="GQ18" s="72">
        <v>1722</v>
      </c>
      <c r="GR18" s="73">
        <v>2322</v>
      </c>
      <c r="GS18" s="123">
        <v>347</v>
      </c>
      <c r="GT18" s="82">
        <v>497</v>
      </c>
      <c r="GU18" s="83">
        <v>844</v>
      </c>
      <c r="GV18" s="241"/>
      <c r="GW18" s="82">
        <v>691</v>
      </c>
      <c r="GX18" s="82">
        <v>662</v>
      </c>
      <c r="GY18" s="82">
        <v>480</v>
      </c>
      <c r="GZ18" s="82">
        <v>452</v>
      </c>
      <c r="HA18" s="82">
        <v>257</v>
      </c>
      <c r="HB18" s="84">
        <v>2542</v>
      </c>
      <c r="HC18" s="85">
        <v>3386</v>
      </c>
      <c r="HD18" s="70">
        <v>9</v>
      </c>
      <c r="HE18" s="71">
        <v>10</v>
      </c>
      <c r="HF18" s="72">
        <v>19</v>
      </c>
      <c r="HG18" s="244"/>
      <c r="HH18" s="71">
        <v>22</v>
      </c>
      <c r="HI18" s="71">
        <v>17</v>
      </c>
      <c r="HJ18" s="71">
        <v>13</v>
      </c>
      <c r="HK18" s="71">
        <v>13</v>
      </c>
      <c r="HL18" s="71">
        <v>11</v>
      </c>
      <c r="HM18" s="72">
        <v>76</v>
      </c>
      <c r="HN18" s="73">
        <v>95</v>
      </c>
      <c r="HO18" s="70">
        <v>19</v>
      </c>
      <c r="HP18" s="71">
        <v>34</v>
      </c>
      <c r="HQ18" s="72">
        <v>53</v>
      </c>
      <c r="HR18" s="244"/>
      <c r="HS18" s="71">
        <v>68</v>
      </c>
      <c r="HT18" s="71">
        <v>65</v>
      </c>
      <c r="HU18" s="71">
        <v>39</v>
      </c>
      <c r="HV18" s="71">
        <v>25</v>
      </c>
      <c r="HW18" s="71">
        <v>15</v>
      </c>
      <c r="HX18" s="72">
        <v>212</v>
      </c>
      <c r="HY18" s="73">
        <v>265</v>
      </c>
      <c r="HZ18" s="70">
        <v>69</v>
      </c>
      <c r="IA18" s="71">
        <v>84</v>
      </c>
      <c r="IB18" s="72">
        <v>153</v>
      </c>
      <c r="IC18" s="244"/>
      <c r="ID18" s="71">
        <v>94</v>
      </c>
      <c r="IE18" s="71">
        <v>92</v>
      </c>
      <c r="IF18" s="71">
        <v>46</v>
      </c>
      <c r="IG18" s="71">
        <v>40</v>
      </c>
      <c r="IH18" s="71">
        <v>35</v>
      </c>
      <c r="II18" s="72">
        <v>307</v>
      </c>
      <c r="IJ18" s="73">
        <v>460</v>
      </c>
      <c r="IK18" s="70">
        <v>110</v>
      </c>
      <c r="IL18" s="71">
        <v>130</v>
      </c>
      <c r="IM18" s="72">
        <v>240</v>
      </c>
      <c r="IN18" s="244"/>
      <c r="IO18" s="71">
        <v>170</v>
      </c>
      <c r="IP18" s="71">
        <v>139</v>
      </c>
      <c r="IQ18" s="71">
        <v>98</v>
      </c>
      <c r="IR18" s="71">
        <v>68</v>
      </c>
      <c r="IS18" s="71">
        <v>55</v>
      </c>
      <c r="IT18" s="72">
        <v>530</v>
      </c>
      <c r="IU18" s="73">
        <v>770</v>
      </c>
      <c r="IV18" s="70">
        <v>88</v>
      </c>
      <c r="IW18" s="71">
        <v>159</v>
      </c>
      <c r="IX18" s="72">
        <v>247</v>
      </c>
      <c r="IY18" s="244"/>
      <c r="IZ18" s="71">
        <v>188</v>
      </c>
      <c r="JA18" s="71">
        <v>170</v>
      </c>
      <c r="JB18" s="71">
        <v>116</v>
      </c>
      <c r="JC18" s="71">
        <v>125</v>
      </c>
      <c r="JD18" s="71">
        <v>65</v>
      </c>
      <c r="JE18" s="72">
        <v>664</v>
      </c>
      <c r="JF18" s="73">
        <v>911</v>
      </c>
      <c r="JG18" s="70">
        <v>52</v>
      </c>
      <c r="JH18" s="71">
        <v>80</v>
      </c>
      <c r="JI18" s="72">
        <v>132</v>
      </c>
      <c r="JJ18" s="244"/>
      <c r="JK18" s="71">
        <v>149</v>
      </c>
      <c r="JL18" s="71">
        <v>179</v>
      </c>
      <c r="JM18" s="71">
        <v>168</v>
      </c>
      <c r="JN18" s="71">
        <v>181</v>
      </c>
      <c r="JO18" s="71">
        <v>76</v>
      </c>
      <c r="JP18" s="72">
        <v>753</v>
      </c>
      <c r="JQ18" s="73">
        <v>885</v>
      </c>
      <c r="JR18" s="70">
        <v>4</v>
      </c>
      <c r="JS18" s="71">
        <v>9</v>
      </c>
      <c r="JT18" s="72">
        <v>13</v>
      </c>
      <c r="JU18" s="244"/>
      <c r="JV18" s="71">
        <v>13</v>
      </c>
      <c r="JW18" s="71">
        <v>13</v>
      </c>
      <c r="JX18" s="71">
        <v>1</v>
      </c>
      <c r="JY18" s="71">
        <v>4</v>
      </c>
      <c r="JZ18" s="71">
        <v>12</v>
      </c>
      <c r="KA18" s="72">
        <v>43</v>
      </c>
      <c r="KB18" s="73">
        <v>56</v>
      </c>
      <c r="KC18" s="70">
        <v>351</v>
      </c>
      <c r="KD18" s="71">
        <v>506</v>
      </c>
      <c r="KE18" s="72">
        <v>857</v>
      </c>
      <c r="KF18" s="244"/>
      <c r="KG18" s="71">
        <v>704</v>
      </c>
      <c r="KH18" s="71">
        <v>675</v>
      </c>
      <c r="KI18" s="71">
        <v>481</v>
      </c>
      <c r="KJ18" s="71">
        <v>456</v>
      </c>
      <c r="KK18" s="71">
        <v>269</v>
      </c>
      <c r="KL18" s="72">
        <v>2585</v>
      </c>
      <c r="KM18" s="73">
        <v>3442</v>
      </c>
    </row>
    <row r="19" spans="2:299" ht="21" customHeight="1" x14ac:dyDescent="0.2">
      <c r="B19" s="126" t="s">
        <v>16</v>
      </c>
      <c r="C19" s="315">
        <v>210</v>
      </c>
      <c r="D19" s="82">
        <v>247</v>
      </c>
      <c r="E19" s="83">
        <v>457</v>
      </c>
      <c r="F19" s="241"/>
      <c r="G19" s="82">
        <v>483</v>
      </c>
      <c r="H19" s="82">
        <v>604</v>
      </c>
      <c r="I19" s="82">
        <v>388</v>
      </c>
      <c r="J19" s="82">
        <v>328</v>
      </c>
      <c r="K19" s="82">
        <v>216</v>
      </c>
      <c r="L19" s="84">
        <v>2019</v>
      </c>
      <c r="M19" s="85">
        <v>2476</v>
      </c>
      <c r="N19" s="70">
        <v>10</v>
      </c>
      <c r="O19" s="71">
        <v>13</v>
      </c>
      <c r="P19" s="72">
        <v>23</v>
      </c>
      <c r="Q19" s="244"/>
      <c r="R19" s="71">
        <v>25</v>
      </c>
      <c r="S19" s="71">
        <v>29</v>
      </c>
      <c r="T19" s="71">
        <v>19</v>
      </c>
      <c r="U19" s="71">
        <v>24</v>
      </c>
      <c r="V19" s="71">
        <v>25</v>
      </c>
      <c r="W19" s="72">
        <v>122</v>
      </c>
      <c r="X19" s="73">
        <v>145</v>
      </c>
      <c r="Y19" s="70">
        <v>35</v>
      </c>
      <c r="Z19" s="71">
        <v>46</v>
      </c>
      <c r="AA19" s="72">
        <v>81</v>
      </c>
      <c r="AB19" s="244"/>
      <c r="AC19" s="71">
        <v>64</v>
      </c>
      <c r="AD19" s="71">
        <v>77</v>
      </c>
      <c r="AE19" s="71">
        <v>52</v>
      </c>
      <c r="AF19" s="71">
        <v>39</v>
      </c>
      <c r="AG19" s="71">
        <v>30</v>
      </c>
      <c r="AH19" s="72">
        <v>262</v>
      </c>
      <c r="AI19" s="73">
        <v>343</v>
      </c>
      <c r="AJ19" s="70">
        <v>46</v>
      </c>
      <c r="AK19" s="71">
        <v>47</v>
      </c>
      <c r="AL19" s="72">
        <v>93</v>
      </c>
      <c r="AM19" s="244"/>
      <c r="AN19" s="71">
        <v>85</v>
      </c>
      <c r="AO19" s="71">
        <v>108</v>
      </c>
      <c r="AP19" s="71">
        <v>61</v>
      </c>
      <c r="AQ19" s="71">
        <v>54</v>
      </c>
      <c r="AR19" s="71">
        <v>41</v>
      </c>
      <c r="AS19" s="72">
        <v>349</v>
      </c>
      <c r="AT19" s="73">
        <v>442</v>
      </c>
      <c r="AU19" s="70">
        <v>45</v>
      </c>
      <c r="AV19" s="71">
        <v>55</v>
      </c>
      <c r="AW19" s="72">
        <v>100</v>
      </c>
      <c r="AX19" s="244"/>
      <c r="AY19" s="71">
        <v>120</v>
      </c>
      <c r="AZ19" s="71">
        <v>159</v>
      </c>
      <c r="BA19" s="71">
        <v>83</v>
      </c>
      <c r="BB19" s="71">
        <v>82</v>
      </c>
      <c r="BC19" s="71">
        <v>56</v>
      </c>
      <c r="BD19" s="72">
        <v>500</v>
      </c>
      <c r="BE19" s="73">
        <v>600</v>
      </c>
      <c r="BF19" s="70">
        <v>56</v>
      </c>
      <c r="BG19" s="71">
        <v>49</v>
      </c>
      <c r="BH19" s="72">
        <v>105</v>
      </c>
      <c r="BI19" s="244"/>
      <c r="BJ19" s="71">
        <v>116</v>
      </c>
      <c r="BK19" s="71">
        <v>135</v>
      </c>
      <c r="BL19" s="71">
        <v>89</v>
      </c>
      <c r="BM19" s="71">
        <v>60</v>
      </c>
      <c r="BN19" s="71">
        <v>32</v>
      </c>
      <c r="BO19" s="72">
        <v>432</v>
      </c>
      <c r="BP19" s="73">
        <v>537</v>
      </c>
      <c r="BQ19" s="70">
        <v>18</v>
      </c>
      <c r="BR19" s="71">
        <v>37</v>
      </c>
      <c r="BS19" s="72">
        <v>55</v>
      </c>
      <c r="BT19" s="244"/>
      <c r="BU19" s="71">
        <v>73</v>
      </c>
      <c r="BV19" s="71">
        <v>96</v>
      </c>
      <c r="BW19" s="71">
        <v>84</v>
      </c>
      <c r="BX19" s="71">
        <v>69</v>
      </c>
      <c r="BY19" s="71">
        <v>32</v>
      </c>
      <c r="BZ19" s="72">
        <v>354</v>
      </c>
      <c r="CA19" s="73">
        <v>409</v>
      </c>
      <c r="CB19" s="70">
        <v>15</v>
      </c>
      <c r="CC19" s="71">
        <v>11</v>
      </c>
      <c r="CD19" s="72">
        <v>26</v>
      </c>
      <c r="CE19" s="244"/>
      <c r="CF19" s="71">
        <v>10</v>
      </c>
      <c r="CG19" s="71">
        <v>27</v>
      </c>
      <c r="CH19" s="71">
        <v>17</v>
      </c>
      <c r="CI19" s="71">
        <v>12</v>
      </c>
      <c r="CJ19" s="71">
        <v>14</v>
      </c>
      <c r="CK19" s="72">
        <v>80</v>
      </c>
      <c r="CL19" s="73">
        <v>106</v>
      </c>
      <c r="CM19" s="70">
        <v>225</v>
      </c>
      <c r="CN19" s="71">
        <v>258</v>
      </c>
      <c r="CO19" s="72">
        <v>483</v>
      </c>
      <c r="CP19" s="244"/>
      <c r="CQ19" s="71">
        <v>493</v>
      </c>
      <c r="CR19" s="71">
        <v>631</v>
      </c>
      <c r="CS19" s="71">
        <v>405</v>
      </c>
      <c r="CT19" s="71">
        <v>340</v>
      </c>
      <c r="CU19" s="71">
        <v>230</v>
      </c>
      <c r="CV19" s="72">
        <v>2099</v>
      </c>
      <c r="CW19" s="73">
        <v>2582</v>
      </c>
      <c r="CX19" s="123">
        <v>408</v>
      </c>
      <c r="CY19" s="82">
        <v>528</v>
      </c>
      <c r="CZ19" s="83">
        <v>936</v>
      </c>
      <c r="DA19" s="241"/>
      <c r="DB19" s="82">
        <v>870</v>
      </c>
      <c r="DC19" s="82">
        <v>1010</v>
      </c>
      <c r="DD19" s="82">
        <v>792</v>
      </c>
      <c r="DE19" s="82">
        <v>783</v>
      </c>
      <c r="DF19" s="82">
        <v>503</v>
      </c>
      <c r="DG19" s="84">
        <v>3958</v>
      </c>
      <c r="DH19" s="85">
        <v>4894</v>
      </c>
      <c r="DI19" s="70">
        <v>18</v>
      </c>
      <c r="DJ19" s="71">
        <v>18</v>
      </c>
      <c r="DK19" s="72">
        <v>36</v>
      </c>
      <c r="DL19" s="244"/>
      <c r="DM19" s="71">
        <v>13</v>
      </c>
      <c r="DN19" s="71">
        <v>34</v>
      </c>
      <c r="DO19" s="71">
        <v>24</v>
      </c>
      <c r="DP19" s="71">
        <v>17</v>
      </c>
      <c r="DQ19" s="71">
        <v>9</v>
      </c>
      <c r="DR19" s="72">
        <v>97</v>
      </c>
      <c r="DS19" s="73">
        <v>133</v>
      </c>
      <c r="DT19" s="70">
        <v>33</v>
      </c>
      <c r="DU19" s="71">
        <v>46</v>
      </c>
      <c r="DV19" s="72">
        <v>79</v>
      </c>
      <c r="DW19" s="244"/>
      <c r="DX19" s="71">
        <v>57</v>
      </c>
      <c r="DY19" s="71">
        <v>80</v>
      </c>
      <c r="DZ19" s="71">
        <v>52</v>
      </c>
      <c r="EA19" s="71">
        <v>45</v>
      </c>
      <c r="EB19" s="71">
        <v>39</v>
      </c>
      <c r="EC19" s="72">
        <v>273</v>
      </c>
      <c r="ED19" s="73">
        <v>352</v>
      </c>
      <c r="EE19" s="70">
        <v>89</v>
      </c>
      <c r="EF19" s="71">
        <v>96</v>
      </c>
      <c r="EG19" s="72">
        <v>185</v>
      </c>
      <c r="EH19" s="244"/>
      <c r="EI19" s="71">
        <v>112</v>
      </c>
      <c r="EJ19" s="71">
        <v>143</v>
      </c>
      <c r="EK19" s="71">
        <v>80</v>
      </c>
      <c r="EL19" s="71">
        <v>72</v>
      </c>
      <c r="EM19" s="71">
        <v>51</v>
      </c>
      <c r="EN19" s="72">
        <v>458</v>
      </c>
      <c r="EO19" s="73">
        <v>643</v>
      </c>
      <c r="EP19" s="70">
        <v>113</v>
      </c>
      <c r="EQ19" s="71">
        <v>151</v>
      </c>
      <c r="ER19" s="72">
        <v>264</v>
      </c>
      <c r="ES19" s="244"/>
      <c r="ET19" s="71">
        <v>195</v>
      </c>
      <c r="EU19" s="71">
        <v>213</v>
      </c>
      <c r="EV19" s="71">
        <v>146</v>
      </c>
      <c r="EW19" s="71">
        <v>127</v>
      </c>
      <c r="EX19" s="71">
        <v>86</v>
      </c>
      <c r="EY19" s="72">
        <v>767</v>
      </c>
      <c r="EZ19" s="73">
        <v>1031</v>
      </c>
      <c r="FA19" s="70">
        <v>95</v>
      </c>
      <c r="FB19" s="71">
        <v>123</v>
      </c>
      <c r="FC19" s="72">
        <v>218</v>
      </c>
      <c r="FD19" s="244"/>
      <c r="FE19" s="71">
        <v>277</v>
      </c>
      <c r="FF19" s="71">
        <v>258</v>
      </c>
      <c r="FG19" s="71">
        <v>213</v>
      </c>
      <c r="FH19" s="71">
        <v>178</v>
      </c>
      <c r="FI19" s="71">
        <v>116</v>
      </c>
      <c r="FJ19" s="72">
        <v>1042</v>
      </c>
      <c r="FK19" s="73">
        <v>1260</v>
      </c>
      <c r="FL19" s="70">
        <v>60</v>
      </c>
      <c r="FM19" s="71">
        <v>94</v>
      </c>
      <c r="FN19" s="72">
        <v>154</v>
      </c>
      <c r="FO19" s="244"/>
      <c r="FP19" s="71">
        <v>216</v>
      </c>
      <c r="FQ19" s="71">
        <v>282</v>
      </c>
      <c r="FR19" s="71">
        <v>277</v>
      </c>
      <c r="FS19" s="71">
        <v>344</v>
      </c>
      <c r="FT19" s="71">
        <v>202</v>
      </c>
      <c r="FU19" s="72">
        <v>1321</v>
      </c>
      <c r="FV19" s="73">
        <v>1475</v>
      </c>
      <c r="FW19" s="70">
        <v>13</v>
      </c>
      <c r="FX19" s="71">
        <v>15</v>
      </c>
      <c r="FY19" s="72">
        <v>28</v>
      </c>
      <c r="FZ19" s="244"/>
      <c r="GA19" s="71">
        <v>7</v>
      </c>
      <c r="GB19" s="71">
        <v>20</v>
      </c>
      <c r="GC19" s="71">
        <v>9</v>
      </c>
      <c r="GD19" s="71">
        <v>12</v>
      </c>
      <c r="GE19" s="71">
        <v>11</v>
      </c>
      <c r="GF19" s="72">
        <v>59</v>
      </c>
      <c r="GG19" s="73">
        <v>87</v>
      </c>
      <c r="GH19" s="70">
        <v>421</v>
      </c>
      <c r="GI19" s="71">
        <v>543</v>
      </c>
      <c r="GJ19" s="72">
        <v>964</v>
      </c>
      <c r="GK19" s="244"/>
      <c r="GL19" s="71">
        <v>877</v>
      </c>
      <c r="GM19" s="71">
        <v>1030</v>
      </c>
      <c r="GN19" s="71">
        <v>801</v>
      </c>
      <c r="GO19" s="71">
        <v>795</v>
      </c>
      <c r="GP19" s="71">
        <v>514</v>
      </c>
      <c r="GQ19" s="72">
        <v>4017</v>
      </c>
      <c r="GR19" s="73">
        <v>4981</v>
      </c>
      <c r="GS19" s="123">
        <v>618</v>
      </c>
      <c r="GT19" s="82">
        <v>775</v>
      </c>
      <c r="GU19" s="83">
        <v>1393</v>
      </c>
      <c r="GV19" s="241"/>
      <c r="GW19" s="82">
        <v>1353</v>
      </c>
      <c r="GX19" s="82">
        <v>1614</v>
      </c>
      <c r="GY19" s="82">
        <v>1180</v>
      </c>
      <c r="GZ19" s="82">
        <v>1111</v>
      </c>
      <c r="HA19" s="82">
        <v>719</v>
      </c>
      <c r="HB19" s="84">
        <v>5977</v>
      </c>
      <c r="HC19" s="85">
        <v>7370</v>
      </c>
      <c r="HD19" s="70">
        <v>28</v>
      </c>
      <c r="HE19" s="71">
        <v>31</v>
      </c>
      <c r="HF19" s="72">
        <v>59</v>
      </c>
      <c r="HG19" s="244"/>
      <c r="HH19" s="71">
        <v>38</v>
      </c>
      <c r="HI19" s="71">
        <v>63</v>
      </c>
      <c r="HJ19" s="71">
        <v>43</v>
      </c>
      <c r="HK19" s="71">
        <v>41</v>
      </c>
      <c r="HL19" s="71">
        <v>34</v>
      </c>
      <c r="HM19" s="72">
        <v>219</v>
      </c>
      <c r="HN19" s="73">
        <v>278</v>
      </c>
      <c r="HO19" s="70">
        <v>68</v>
      </c>
      <c r="HP19" s="71">
        <v>92</v>
      </c>
      <c r="HQ19" s="72">
        <v>160</v>
      </c>
      <c r="HR19" s="244"/>
      <c r="HS19" s="71">
        <v>121</v>
      </c>
      <c r="HT19" s="71">
        <v>157</v>
      </c>
      <c r="HU19" s="71">
        <v>104</v>
      </c>
      <c r="HV19" s="71">
        <v>84</v>
      </c>
      <c r="HW19" s="71">
        <v>69</v>
      </c>
      <c r="HX19" s="72">
        <v>535</v>
      </c>
      <c r="HY19" s="73">
        <v>695</v>
      </c>
      <c r="HZ19" s="70">
        <v>135</v>
      </c>
      <c r="IA19" s="71">
        <v>143</v>
      </c>
      <c r="IB19" s="72">
        <v>278</v>
      </c>
      <c r="IC19" s="244"/>
      <c r="ID19" s="71">
        <v>197</v>
      </c>
      <c r="IE19" s="71">
        <v>251</v>
      </c>
      <c r="IF19" s="71">
        <v>141</v>
      </c>
      <c r="IG19" s="71">
        <v>126</v>
      </c>
      <c r="IH19" s="71">
        <v>92</v>
      </c>
      <c r="II19" s="72">
        <v>807</v>
      </c>
      <c r="IJ19" s="73">
        <v>1085</v>
      </c>
      <c r="IK19" s="70">
        <v>158</v>
      </c>
      <c r="IL19" s="71">
        <v>206</v>
      </c>
      <c r="IM19" s="72">
        <v>364</v>
      </c>
      <c r="IN19" s="244"/>
      <c r="IO19" s="71">
        <v>315</v>
      </c>
      <c r="IP19" s="71">
        <v>372</v>
      </c>
      <c r="IQ19" s="71">
        <v>229</v>
      </c>
      <c r="IR19" s="71">
        <v>209</v>
      </c>
      <c r="IS19" s="71">
        <v>142</v>
      </c>
      <c r="IT19" s="72">
        <v>1267</v>
      </c>
      <c r="IU19" s="73">
        <v>1631</v>
      </c>
      <c r="IV19" s="70">
        <v>151</v>
      </c>
      <c r="IW19" s="71">
        <v>172</v>
      </c>
      <c r="IX19" s="72">
        <v>323</v>
      </c>
      <c r="IY19" s="244"/>
      <c r="IZ19" s="71">
        <v>393</v>
      </c>
      <c r="JA19" s="71">
        <v>393</v>
      </c>
      <c r="JB19" s="71">
        <v>302</v>
      </c>
      <c r="JC19" s="71">
        <v>238</v>
      </c>
      <c r="JD19" s="71">
        <v>148</v>
      </c>
      <c r="JE19" s="72">
        <v>1474</v>
      </c>
      <c r="JF19" s="73">
        <v>1797</v>
      </c>
      <c r="JG19" s="70">
        <v>78</v>
      </c>
      <c r="JH19" s="71">
        <v>131</v>
      </c>
      <c r="JI19" s="72">
        <v>209</v>
      </c>
      <c r="JJ19" s="244"/>
      <c r="JK19" s="71">
        <v>289</v>
      </c>
      <c r="JL19" s="71">
        <v>378</v>
      </c>
      <c r="JM19" s="71">
        <v>361</v>
      </c>
      <c r="JN19" s="71">
        <v>413</v>
      </c>
      <c r="JO19" s="71">
        <v>234</v>
      </c>
      <c r="JP19" s="72">
        <v>1675</v>
      </c>
      <c r="JQ19" s="73">
        <v>1884</v>
      </c>
      <c r="JR19" s="70">
        <v>28</v>
      </c>
      <c r="JS19" s="71">
        <v>26</v>
      </c>
      <c r="JT19" s="72">
        <v>54</v>
      </c>
      <c r="JU19" s="244"/>
      <c r="JV19" s="71">
        <v>17</v>
      </c>
      <c r="JW19" s="71">
        <v>47</v>
      </c>
      <c r="JX19" s="71">
        <v>26</v>
      </c>
      <c r="JY19" s="71">
        <v>24</v>
      </c>
      <c r="JZ19" s="71">
        <v>25</v>
      </c>
      <c r="KA19" s="72">
        <v>139</v>
      </c>
      <c r="KB19" s="73">
        <v>193</v>
      </c>
      <c r="KC19" s="70">
        <v>646</v>
      </c>
      <c r="KD19" s="71">
        <v>801</v>
      </c>
      <c r="KE19" s="72">
        <v>1447</v>
      </c>
      <c r="KF19" s="244"/>
      <c r="KG19" s="71">
        <v>1370</v>
      </c>
      <c r="KH19" s="71">
        <v>1661</v>
      </c>
      <c r="KI19" s="71">
        <v>1206</v>
      </c>
      <c r="KJ19" s="71">
        <v>1135</v>
      </c>
      <c r="KK19" s="71">
        <v>744</v>
      </c>
      <c r="KL19" s="72">
        <v>6116</v>
      </c>
      <c r="KM19" s="73">
        <v>7563</v>
      </c>
    </row>
    <row r="20" spans="2:299" ht="21" customHeight="1" x14ac:dyDescent="0.2">
      <c r="B20" s="126" t="s">
        <v>17</v>
      </c>
      <c r="C20" s="315">
        <v>286</v>
      </c>
      <c r="D20" s="82">
        <v>376</v>
      </c>
      <c r="E20" s="83">
        <v>662</v>
      </c>
      <c r="F20" s="241"/>
      <c r="G20" s="82">
        <v>556</v>
      </c>
      <c r="H20" s="82">
        <v>734</v>
      </c>
      <c r="I20" s="82">
        <v>519</v>
      </c>
      <c r="J20" s="82">
        <v>394</v>
      </c>
      <c r="K20" s="82">
        <v>286</v>
      </c>
      <c r="L20" s="84">
        <v>2489</v>
      </c>
      <c r="M20" s="85">
        <v>3151</v>
      </c>
      <c r="N20" s="70">
        <v>11</v>
      </c>
      <c r="O20" s="71">
        <v>26</v>
      </c>
      <c r="P20" s="72">
        <v>37</v>
      </c>
      <c r="Q20" s="244"/>
      <c r="R20" s="71">
        <v>21</v>
      </c>
      <c r="S20" s="71">
        <v>50</v>
      </c>
      <c r="T20" s="71">
        <v>32</v>
      </c>
      <c r="U20" s="71">
        <v>25</v>
      </c>
      <c r="V20" s="71">
        <v>21</v>
      </c>
      <c r="W20" s="72">
        <v>149</v>
      </c>
      <c r="X20" s="73">
        <v>186</v>
      </c>
      <c r="Y20" s="70">
        <v>27</v>
      </c>
      <c r="Z20" s="71">
        <v>56</v>
      </c>
      <c r="AA20" s="72">
        <v>83</v>
      </c>
      <c r="AB20" s="244"/>
      <c r="AC20" s="71">
        <v>53</v>
      </c>
      <c r="AD20" s="71">
        <v>107</v>
      </c>
      <c r="AE20" s="71">
        <v>65</v>
      </c>
      <c r="AF20" s="71">
        <v>50</v>
      </c>
      <c r="AG20" s="71">
        <v>30</v>
      </c>
      <c r="AH20" s="72">
        <v>305</v>
      </c>
      <c r="AI20" s="73">
        <v>388</v>
      </c>
      <c r="AJ20" s="70">
        <v>62</v>
      </c>
      <c r="AK20" s="71">
        <v>65</v>
      </c>
      <c r="AL20" s="72">
        <v>127</v>
      </c>
      <c r="AM20" s="244"/>
      <c r="AN20" s="71">
        <v>93</v>
      </c>
      <c r="AO20" s="71">
        <v>130</v>
      </c>
      <c r="AP20" s="71">
        <v>112</v>
      </c>
      <c r="AQ20" s="71">
        <v>74</v>
      </c>
      <c r="AR20" s="71">
        <v>61</v>
      </c>
      <c r="AS20" s="72">
        <v>470</v>
      </c>
      <c r="AT20" s="73">
        <v>597</v>
      </c>
      <c r="AU20" s="70">
        <v>72</v>
      </c>
      <c r="AV20" s="71">
        <v>97</v>
      </c>
      <c r="AW20" s="72">
        <v>169</v>
      </c>
      <c r="AX20" s="244"/>
      <c r="AY20" s="71">
        <v>167</v>
      </c>
      <c r="AZ20" s="71">
        <v>180</v>
      </c>
      <c r="BA20" s="71">
        <v>130</v>
      </c>
      <c r="BB20" s="71">
        <v>87</v>
      </c>
      <c r="BC20" s="71">
        <v>75</v>
      </c>
      <c r="BD20" s="72">
        <v>639</v>
      </c>
      <c r="BE20" s="73">
        <v>808</v>
      </c>
      <c r="BF20" s="70">
        <v>69</v>
      </c>
      <c r="BG20" s="71">
        <v>80</v>
      </c>
      <c r="BH20" s="72">
        <v>149</v>
      </c>
      <c r="BI20" s="244"/>
      <c r="BJ20" s="71">
        <v>140</v>
      </c>
      <c r="BK20" s="71">
        <v>172</v>
      </c>
      <c r="BL20" s="71">
        <v>105</v>
      </c>
      <c r="BM20" s="71">
        <v>88</v>
      </c>
      <c r="BN20" s="71">
        <v>66</v>
      </c>
      <c r="BO20" s="72">
        <v>571</v>
      </c>
      <c r="BP20" s="73">
        <v>720</v>
      </c>
      <c r="BQ20" s="70">
        <v>45</v>
      </c>
      <c r="BR20" s="71">
        <v>52</v>
      </c>
      <c r="BS20" s="72">
        <v>97</v>
      </c>
      <c r="BT20" s="244"/>
      <c r="BU20" s="71">
        <v>82</v>
      </c>
      <c r="BV20" s="71">
        <v>95</v>
      </c>
      <c r="BW20" s="71">
        <v>75</v>
      </c>
      <c r="BX20" s="71">
        <v>70</v>
      </c>
      <c r="BY20" s="71">
        <v>33</v>
      </c>
      <c r="BZ20" s="72">
        <v>355</v>
      </c>
      <c r="CA20" s="73">
        <v>452</v>
      </c>
      <c r="CB20" s="70">
        <v>13</v>
      </c>
      <c r="CC20" s="71">
        <v>24</v>
      </c>
      <c r="CD20" s="72">
        <v>37</v>
      </c>
      <c r="CE20" s="244"/>
      <c r="CF20" s="71">
        <v>22</v>
      </c>
      <c r="CG20" s="71">
        <v>51</v>
      </c>
      <c r="CH20" s="71">
        <v>29</v>
      </c>
      <c r="CI20" s="71">
        <v>13</v>
      </c>
      <c r="CJ20" s="71">
        <v>12</v>
      </c>
      <c r="CK20" s="72">
        <v>127</v>
      </c>
      <c r="CL20" s="73">
        <v>164</v>
      </c>
      <c r="CM20" s="70">
        <v>299</v>
      </c>
      <c r="CN20" s="71">
        <v>400</v>
      </c>
      <c r="CO20" s="72">
        <v>699</v>
      </c>
      <c r="CP20" s="244"/>
      <c r="CQ20" s="71">
        <v>578</v>
      </c>
      <c r="CR20" s="71">
        <v>785</v>
      </c>
      <c r="CS20" s="71">
        <v>548</v>
      </c>
      <c r="CT20" s="71">
        <v>407</v>
      </c>
      <c r="CU20" s="71">
        <v>298</v>
      </c>
      <c r="CV20" s="72">
        <v>2616</v>
      </c>
      <c r="CW20" s="73">
        <v>3315</v>
      </c>
      <c r="CX20" s="123">
        <v>630</v>
      </c>
      <c r="CY20" s="82">
        <v>791</v>
      </c>
      <c r="CZ20" s="83">
        <v>1421</v>
      </c>
      <c r="DA20" s="241"/>
      <c r="DB20" s="82">
        <v>944</v>
      </c>
      <c r="DC20" s="82">
        <v>1237</v>
      </c>
      <c r="DD20" s="82">
        <v>903</v>
      </c>
      <c r="DE20" s="82">
        <v>814</v>
      </c>
      <c r="DF20" s="82">
        <v>612</v>
      </c>
      <c r="DG20" s="84">
        <v>4510</v>
      </c>
      <c r="DH20" s="85">
        <v>5931</v>
      </c>
      <c r="DI20" s="70">
        <v>15</v>
      </c>
      <c r="DJ20" s="71">
        <v>27</v>
      </c>
      <c r="DK20" s="72">
        <v>42</v>
      </c>
      <c r="DL20" s="244"/>
      <c r="DM20" s="71">
        <v>15</v>
      </c>
      <c r="DN20" s="71">
        <v>37</v>
      </c>
      <c r="DO20" s="71">
        <v>26</v>
      </c>
      <c r="DP20" s="71">
        <v>20</v>
      </c>
      <c r="DQ20" s="71">
        <v>26</v>
      </c>
      <c r="DR20" s="72">
        <v>124</v>
      </c>
      <c r="DS20" s="73">
        <v>166</v>
      </c>
      <c r="DT20" s="70">
        <v>53</v>
      </c>
      <c r="DU20" s="71">
        <v>75</v>
      </c>
      <c r="DV20" s="72">
        <v>128</v>
      </c>
      <c r="DW20" s="244"/>
      <c r="DX20" s="71">
        <v>77</v>
      </c>
      <c r="DY20" s="71">
        <v>84</v>
      </c>
      <c r="DZ20" s="71">
        <v>58</v>
      </c>
      <c r="EA20" s="71">
        <v>52</v>
      </c>
      <c r="EB20" s="71">
        <v>35</v>
      </c>
      <c r="EC20" s="72">
        <v>306</v>
      </c>
      <c r="ED20" s="73">
        <v>434</v>
      </c>
      <c r="EE20" s="70">
        <v>127</v>
      </c>
      <c r="EF20" s="71">
        <v>117</v>
      </c>
      <c r="EG20" s="72">
        <v>244</v>
      </c>
      <c r="EH20" s="244"/>
      <c r="EI20" s="71">
        <v>113</v>
      </c>
      <c r="EJ20" s="71">
        <v>183</v>
      </c>
      <c r="EK20" s="71">
        <v>110</v>
      </c>
      <c r="EL20" s="71">
        <v>95</v>
      </c>
      <c r="EM20" s="71">
        <v>65</v>
      </c>
      <c r="EN20" s="72">
        <v>566</v>
      </c>
      <c r="EO20" s="73">
        <v>810</v>
      </c>
      <c r="EP20" s="70">
        <v>197</v>
      </c>
      <c r="EQ20" s="71">
        <v>216</v>
      </c>
      <c r="ER20" s="72">
        <v>413</v>
      </c>
      <c r="ES20" s="244"/>
      <c r="ET20" s="71">
        <v>258</v>
      </c>
      <c r="EU20" s="71">
        <v>295</v>
      </c>
      <c r="EV20" s="71">
        <v>184</v>
      </c>
      <c r="EW20" s="71">
        <v>185</v>
      </c>
      <c r="EX20" s="71">
        <v>110</v>
      </c>
      <c r="EY20" s="72">
        <v>1032</v>
      </c>
      <c r="EZ20" s="73">
        <v>1445</v>
      </c>
      <c r="FA20" s="70">
        <v>163</v>
      </c>
      <c r="FB20" s="71">
        <v>232</v>
      </c>
      <c r="FC20" s="72">
        <v>395</v>
      </c>
      <c r="FD20" s="244"/>
      <c r="FE20" s="71">
        <v>268</v>
      </c>
      <c r="FF20" s="71">
        <v>310</v>
      </c>
      <c r="FG20" s="71">
        <v>256</v>
      </c>
      <c r="FH20" s="71">
        <v>178</v>
      </c>
      <c r="FI20" s="71">
        <v>170</v>
      </c>
      <c r="FJ20" s="72">
        <v>1182</v>
      </c>
      <c r="FK20" s="73">
        <v>1577</v>
      </c>
      <c r="FL20" s="70">
        <v>75</v>
      </c>
      <c r="FM20" s="71">
        <v>124</v>
      </c>
      <c r="FN20" s="72">
        <v>199</v>
      </c>
      <c r="FO20" s="244"/>
      <c r="FP20" s="71">
        <v>213</v>
      </c>
      <c r="FQ20" s="71">
        <v>328</v>
      </c>
      <c r="FR20" s="71">
        <v>269</v>
      </c>
      <c r="FS20" s="71">
        <v>284</v>
      </c>
      <c r="FT20" s="71">
        <v>206</v>
      </c>
      <c r="FU20" s="72">
        <v>1300</v>
      </c>
      <c r="FV20" s="73">
        <v>1499</v>
      </c>
      <c r="FW20" s="70">
        <v>4</v>
      </c>
      <c r="FX20" s="71">
        <v>17</v>
      </c>
      <c r="FY20" s="72">
        <v>21</v>
      </c>
      <c r="FZ20" s="244"/>
      <c r="GA20" s="71">
        <v>6</v>
      </c>
      <c r="GB20" s="71">
        <v>28</v>
      </c>
      <c r="GC20" s="71">
        <v>17</v>
      </c>
      <c r="GD20" s="71">
        <v>19</v>
      </c>
      <c r="GE20" s="71">
        <v>19</v>
      </c>
      <c r="GF20" s="72">
        <v>89</v>
      </c>
      <c r="GG20" s="73">
        <v>110</v>
      </c>
      <c r="GH20" s="70">
        <v>634</v>
      </c>
      <c r="GI20" s="71">
        <v>808</v>
      </c>
      <c r="GJ20" s="72">
        <v>1442</v>
      </c>
      <c r="GK20" s="244"/>
      <c r="GL20" s="71">
        <v>950</v>
      </c>
      <c r="GM20" s="71">
        <v>1265</v>
      </c>
      <c r="GN20" s="71">
        <v>920</v>
      </c>
      <c r="GO20" s="71">
        <v>833</v>
      </c>
      <c r="GP20" s="71">
        <v>631</v>
      </c>
      <c r="GQ20" s="72">
        <v>4599</v>
      </c>
      <c r="GR20" s="73">
        <v>6041</v>
      </c>
      <c r="GS20" s="123">
        <v>916</v>
      </c>
      <c r="GT20" s="82">
        <v>1167</v>
      </c>
      <c r="GU20" s="83">
        <v>2083</v>
      </c>
      <c r="GV20" s="241"/>
      <c r="GW20" s="82">
        <v>1500</v>
      </c>
      <c r="GX20" s="82">
        <v>1971</v>
      </c>
      <c r="GY20" s="82">
        <v>1422</v>
      </c>
      <c r="GZ20" s="82">
        <v>1208</v>
      </c>
      <c r="HA20" s="82">
        <v>898</v>
      </c>
      <c r="HB20" s="84">
        <v>6999</v>
      </c>
      <c r="HC20" s="85">
        <v>9082</v>
      </c>
      <c r="HD20" s="70">
        <v>26</v>
      </c>
      <c r="HE20" s="71">
        <v>53</v>
      </c>
      <c r="HF20" s="72">
        <v>79</v>
      </c>
      <c r="HG20" s="244"/>
      <c r="HH20" s="71">
        <v>36</v>
      </c>
      <c r="HI20" s="71">
        <v>87</v>
      </c>
      <c r="HJ20" s="71">
        <v>58</v>
      </c>
      <c r="HK20" s="71">
        <v>45</v>
      </c>
      <c r="HL20" s="71">
        <v>47</v>
      </c>
      <c r="HM20" s="72">
        <v>273</v>
      </c>
      <c r="HN20" s="73">
        <v>352</v>
      </c>
      <c r="HO20" s="70">
        <v>80</v>
      </c>
      <c r="HP20" s="71">
        <v>131</v>
      </c>
      <c r="HQ20" s="72">
        <v>211</v>
      </c>
      <c r="HR20" s="244"/>
      <c r="HS20" s="71">
        <v>130</v>
      </c>
      <c r="HT20" s="71">
        <v>191</v>
      </c>
      <c r="HU20" s="71">
        <v>123</v>
      </c>
      <c r="HV20" s="71">
        <v>102</v>
      </c>
      <c r="HW20" s="71">
        <v>65</v>
      </c>
      <c r="HX20" s="72">
        <v>611</v>
      </c>
      <c r="HY20" s="73">
        <v>822</v>
      </c>
      <c r="HZ20" s="70">
        <v>189</v>
      </c>
      <c r="IA20" s="71">
        <v>182</v>
      </c>
      <c r="IB20" s="72">
        <v>371</v>
      </c>
      <c r="IC20" s="244"/>
      <c r="ID20" s="71">
        <v>206</v>
      </c>
      <c r="IE20" s="71">
        <v>313</v>
      </c>
      <c r="IF20" s="71">
        <v>222</v>
      </c>
      <c r="IG20" s="71">
        <v>169</v>
      </c>
      <c r="IH20" s="71">
        <v>126</v>
      </c>
      <c r="II20" s="72">
        <v>1036</v>
      </c>
      <c r="IJ20" s="73">
        <v>1407</v>
      </c>
      <c r="IK20" s="70">
        <v>269</v>
      </c>
      <c r="IL20" s="71">
        <v>313</v>
      </c>
      <c r="IM20" s="72">
        <v>582</v>
      </c>
      <c r="IN20" s="244"/>
      <c r="IO20" s="71">
        <v>425</v>
      </c>
      <c r="IP20" s="71">
        <v>475</v>
      </c>
      <c r="IQ20" s="71">
        <v>314</v>
      </c>
      <c r="IR20" s="71">
        <v>272</v>
      </c>
      <c r="IS20" s="71">
        <v>185</v>
      </c>
      <c r="IT20" s="72">
        <v>1671</v>
      </c>
      <c r="IU20" s="73">
        <v>2253</v>
      </c>
      <c r="IV20" s="70">
        <v>232</v>
      </c>
      <c r="IW20" s="71">
        <v>312</v>
      </c>
      <c r="IX20" s="72">
        <v>544</v>
      </c>
      <c r="IY20" s="244"/>
      <c r="IZ20" s="71">
        <v>408</v>
      </c>
      <c r="JA20" s="71">
        <v>482</v>
      </c>
      <c r="JB20" s="71">
        <v>361</v>
      </c>
      <c r="JC20" s="71">
        <v>266</v>
      </c>
      <c r="JD20" s="71">
        <v>236</v>
      </c>
      <c r="JE20" s="72">
        <v>1753</v>
      </c>
      <c r="JF20" s="73">
        <v>2297</v>
      </c>
      <c r="JG20" s="70">
        <v>120</v>
      </c>
      <c r="JH20" s="71">
        <v>176</v>
      </c>
      <c r="JI20" s="72">
        <v>296</v>
      </c>
      <c r="JJ20" s="244"/>
      <c r="JK20" s="71">
        <v>295</v>
      </c>
      <c r="JL20" s="71">
        <v>423</v>
      </c>
      <c r="JM20" s="71">
        <v>344</v>
      </c>
      <c r="JN20" s="71">
        <v>354</v>
      </c>
      <c r="JO20" s="71">
        <v>239</v>
      </c>
      <c r="JP20" s="72">
        <v>1655</v>
      </c>
      <c r="JQ20" s="73">
        <v>1951</v>
      </c>
      <c r="JR20" s="70">
        <v>17</v>
      </c>
      <c r="JS20" s="71">
        <v>41</v>
      </c>
      <c r="JT20" s="72">
        <v>58</v>
      </c>
      <c r="JU20" s="244"/>
      <c r="JV20" s="71">
        <v>28</v>
      </c>
      <c r="JW20" s="71">
        <v>79</v>
      </c>
      <c r="JX20" s="71">
        <v>46</v>
      </c>
      <c r="JY20" s="71">
        <v>32</v>
      </c>
      <c r="JZ20" s="71">
        <v>31</v>
      </c>
      <c r="KA20" s="72">
        <v>216</v>
      </c>
      <c r="KB20" s="73">
        <v>274</v>
      </c>
      <c r="KC20" s="70">
        <v>933</v>
      </c>
      <c r="KD20" s="71">
        <v>1208</v>
      </c>
      <c r="KE20" s="72">
        <v>2141</v>
      </c>
      <c r="KF20" s="244"/>
      <c r="KG20" s="71">
        <v>1528</v>
      </c>
      <c r="KH20" s="71">
        <v>2050</v>
      </c>
      <c r="KI20" s="71">
        <v>1468</v>
      </c>
      <c r="KJ20" s="71">
        <v>1240</v>
      </c>
      <c r="KK20" s="71">
        <v>929</v>
      </c>
      <c r="KL20" s="72">
        <v>7215</v>
      </c>
      <c r="KM20" s="73">
        <v>9356</v>
      </c>
    </row>
    <row r="21" spans="2:299" ht="21" customHeight="1" x14ac:dyDescent="0.2">
      <c r="B21" s="126" t="s">
        <v>18</v>
      </c>
      <c r="C21" s="315">
        <v>430</v>
      </c>
      <c r="D21" s="82">
        <v>428</v>
      </c>
      <c r="E21" s="83">
        <v>858</v>
      </c>
      <c r="F21" s="241"/>
      <c r="G21" s="82">
        <v>926</v>
      </c>
      <c r="H21" s="82">
        <v>697</v>
      </c>
      <c r="I21" s="82">
        <v>538</v>
      </c>
      <c r="J21" s="82">
        <v>432</v>
      </c>
      <c r="K21" s="82">
        <v>286</v>
      </c>
      <c r="L21" s="84">
        <v>2879</v>
      </c>
      <c r="M21" s="85">
        <v>3737</v>
      </c>
      <c r="N21" s="70">
        <v>20</v>
      </c>
      <c r="O21" s="71">
        <v>27</v>
      </c>
      <c r="P21" s="72">
        <v>47</v>
      </c>
      <c r="Q21" s="244"/>
      <c r="R21" s="71">
        <v>55</v>
      </c>
      <c r="S21" s="71">
        <v>49</v>
      </c>
      <c r="T21" s="71">
        <v>28</v>
      </c>
      <c r="U21" s="71">
        <v>37</v>
      </c>
      <c r="V21" s="71">
        <v>22</v>
      </c>
      <c r="W21" s="72">
        <v>191</v>
      </c>
      <c r="X21" s="73">
        <v>238</v>
      </c>
      <c r="Y21" s="70">
        <v>52</v>
      </c>
      <c r="Z21" s="71">
        <v>52</v>
      </c>
      <c r="AA21" s="72">
        <v>104</v>
      </c>
      <c r="AB21" s="244"/>
      <c r="AC21" s="71">
        <v>97</v>
      </c>
      <c r="AD21" s="71">
        <v>84</v>
      </c>
      <c r="AE21" s="71">
        <v>73</v>
      </c>
      <c r="AF21" s="71">
        <v>57</v>
      </c>
      <c r="AG21" s="71">
        <v>39</v>
      </c>
      <c r="AH21" s="72">
        <v>350</v>
      </c>
      <c r="AI21" s="73">
        <v>454</v>
      </c>
      <c r="AJ21" s="70">
        <v>73</v>
      </c>
      <c r="AK21" s="71">
        <v>69</v>
      </c>
      <c r="AL21" s="72">
        <v>142</v>
      </c>
      <c r="AM21" s="244"/>
      <c r="AN21" s="71">
        <v>157</v>
      </c>
      <c r="AO21" s="71">
        <v>108</v>
      </c>
      <c r="AP21" s="71">
        <v>95</v>
      </c>
      <c r="AQ21" s="71">
        <v>66</v>
      </c>
      <c r="AR21" s="71">
        <v>65</v>
      </c>
      <c r="AS21" s="72">
        <v>491</v>
      </c>
      <c r="AT21" s="73">
        <v>633</v>
      </c>
      <c r="AU21" s="70">
        <v>120</v>
      </c>
      <c r="AV21" s="71">
        <v>100</v>
      </c>
      <c r="AW21" s="72">
        <v>220</v>
      </c>
      <c r="AX21" s="244"/>
      <c r="AY21" s="71">
        <v>251</v>
      </c>
      <c r="AZ21" s="71">
        <v>178</v>
      </c>
      <c r="BA21" s="71">
        <v>118</v>
      </c>
      <c r="BB21" s="71">
        <v>112</v>
      </c>
      <c r="BC21" s="71">
        <v>73</v>
      </c>
      <c r="BD21" s="72">
        <v>732</v>
      </c>
      <c r="BE21" s="73">
        <v>952</v>
      </c>
      <c r="BF21" s="70">
        <v>112</v>
      </c>
      <c r="BG21" s="71">
        <v>112</v>
      </c>
      <c r="BH21" s="72">
        <v>224</v>
      </c>
      <c r="BI21" s="244"/>
      <c r="BJ21" s="71">
        <v>231</v>
      </c>
      <c r="BK21" s="71">
        <v>176</v>
      </c>
      <c r="BL21" s="71">
        <v>138</v>
      </c>
      <c r="BM21" s="71">
        <v>91</v>
      </c>
      <c r="BN21" s="71">
        <v>51</v>
      </c>
      <c r="BO21" s="72">
        <v>687</v>
      </c>
      <c r="BP21" s="73">
        <v>911</v>
      </c>
      <c r="BQ21" s="70">
        <v>53</v>
      </c>
      <c r="BR21" s="71">
        <v>68</v>
      </c>
      <c r="BS21" s="72">
        <v>121</v>
      </c>
      <c r="BT21" s="244"/>
      <c r="BU21" s="71">
        <v>135</v>
      </c>
      <c r="BV21" s="71">
        <v>102</v>
      </c>
      <c r="BW21" s="71">
        <v>86</v>
      </c>
      <c r="BX21" s="71">
        <v>69</v>
      </c>
      <c r="BY21" s="71">
        <v>36</v>
      </c>
      <c r="BZ21" s="72">
        <v>428</v>
      </c>
      <c r="CA21" s="73">
        <v>549</v>
      </c>
      <c r="CB21" s="70">
        <v>11</v>
      </c>
      <c r="CC21" s="71">
        <v>19</v>
      </c>
      <c r="CD21" s="72">
        <v>30</v>
      </c>
      <c r="CE21" s="244"/>
      <c r="CF21" s="71">
        <v>38</v>
      </c>
      <c r="CG21" s="71">
        <v>35</v>
      </c>
      <c r="CH21" s="71">
        <v>29</v>
      </c>
      <c r="CI21" s="71">
        <v>23</v>
      </c>
      <c r="CJ21" s="71">
        <v>27</v>
      </c>
      <c r="CK21" s="72">
        <v>152</v>
      </c>
      <c r="CL21" s="73">
        <v>182</v>
      </c>
      <c r="CM21" s="70">
        <v>441</v>
      </c>
      <c r="CN21" s="71">
        <v>447</v>
      </c>
      <c r="CO21" s="72">
        <v>888</v>
      </c>
      <c r="CP21" s="244"/>
      <c r="CQ21" s="71">
        <v>964</v>
      </c>
      <c r="CR21" s="71">
        <v>732</v>
      </c>
      <c r="CS21" s="71">
        <v>567</v>
      </c>
      <c r="CT21" s="71">
        <v>455</v>
      </c>
      <c r="CU21" s="71">
        <v>313</v>
      </c>
      <c r="CV21" s="72">
        <v>3031</v>
      </c>
      <c r="CW21" s="73">
        <v>3919</v>
      </c>
      <c r="CX21" s="123">
        <v>793</v>
      </c>
      <c r="CY21" s="82">
        <v>1045</v>
      </c>
      <c r="CZ21" s="83">
        <v>1838</v>
      </c>
      <c r="DA21" s="241"/>
      <c r="DB21" s="82">
        <v>1398</v>
      </c>
      <c r="DC21" s="82">
        <v>1248</v>
      </c>
      <c r="DD21" s="82">
        <v>925</v>
      </c>
      <c r="DE21" s="82">
        <v>914</v>
      </c>
      <c r="DF21" s="82">
        <v>660</v>
      </c>
      <c r="DG21" s="84">
        <v>5145</v>
      </c>
      <c r="DH21" s="85">
        <v>6983</v>
      </c>
      <c r="DI21" s="70">
        <v>22</v>
      </c>
      <c r="DJ21" s="71">
        <v>27</v>
      </c>
      <c r="DK21" s="72">
        <v>49</v>
      </c>
      <c r="DL21" s="244"/>
      <c r="DM21" s="71">
        <v>36</v>
      </c>
      <c r="DN21" s="71">
        <v>26</v>
      </c>
      <c r="DO21" s="71">
        <v>23</v>
      </c>
      <c r="DP21" s="71">
        <v>22</v>
      </c>
      <c r="DQ21" s="71">
        <v>16</v>
      </c>
      <c r="DR21" s="72">
        <v>123</v>
      </c>
      <c r="DS21" s="73">
        <v>172</v>
      </c>
      <c r="DT21" s="70">
        <v>58</v>
      </c>
      <c r="DU21" s="71">
        <v>88</v>
      </c>
      <c r="DV21" s="72">
        <v>146</v>
      </c>
      <c r="DW21" s="244"/>
      <c r="DX21" s="71">
        <v>100</v>
      </c>
      <c r="DY21" s="71">
        <v>85</v>
      </c>
      <c r="DZ21" s="71">
        <v>49</v>
      </c>
      <c r="EA21" s="71">
        <v>40</v>
      </c>
      <c r="EB21" s="71">
        <v>35</v>
      </c>
      <c r="EC21" s="72">
        <v>309</v>
      </c>
      <c r="ED21" s="73">
        <v>455</v>
      </c>
      <c r="EE21" s="70">
        <v>157</v>
      </c>
      <c r="EF21" s="71">
        <v>172</v>
      </c>
      <c r="EG21" s="72">
        <v>329</v>
      </c>
      <c r="EH21" s="244"/>
      <c r="EI21" s="71">
        <v>190</v>
      </c>
      <c r="EJ21" s="71">
        <v>157</v>
      </c>
      <c r="EK21" s="71">
        <v>115</v>
      </c>
      <c r="EL21" s="71">
        <v>99</v>
      </c>
      <c r="EM21" s="71">
        <v>75</v>
      </c>
      <c r="EN21" s="72">
        <v>636</v>
      </c>
      <c r="EO21" s="73">
        <v>965</v>
      </c>
      <c r="EP21" s="70">
        <v>249</v>
      </c>
      <c r="EQ21" s="71">
        <v>322</v>
      </c>
      <c r="ER21" s="72">
        <v>571</v>
      </c>
      <c r="ES21" s="244"/>
      <c r="ET21" s="71">
        <v>366</v>
      </c>
      <c r="EU21" s="71">
        <v>303</v>
      </c>
      <c r="EV21" s="71">
        <v>180</v>
      </c>
      <c r="EW21" s="71">
        <v>184</v>
      </c>
      <c r="EX21" s="71">
        <v>141</v>
      </c>
      <c r="EY21" s="72">
        <v>1174</v>
      </c>
      <c r="EZ21" s="73">
        <v>1745</v>
      </c>
      <c r="FA21" s="70">
        <v>208</v>
      </c>
      <c r="FB21" s="71">
        <v>271</v>
      </c>
      <c r="FC21" s="72">
        <v>479</v>
      </c>
      <c r="FD21" s="244"/>
      <c r="FE21" s="71">
        <v>424</v>
      </c>
      <c r="FF21" s="71">
        <v>361</v>
      </c>
      <c r="FG21" s="71">
        <v>252</v>
      </c>
      <c r="FH21" s="71">
        <v>237</v>
      </c>
      <c r="FI21" s="71">
        <v>187</v>
      </c>
      <c r="FJ21" s="72">
        <v>1461</v>
      </c>
      <c r="FK21" s="73">
        <v>1940</v>
      </c>
      <c r="FL21" s="70">
        <v>99</v>
      </c>
      <c r="FM21" s="71">
        <v>165</v>
      </c>
      <c r="FN21" s="72">
        <v>264</v>
      </c>
      <c r="FO21" s="244"/>
      <c r="FP21" s="71">
        <v>282</v>
      </c>
      <c r="FQ21" s="71">
        <v>316</v>
      </c>
      <c r="FR21" s="71">
        <v>306</v>
      </c>
      <c r="FS21" s="71">
        <v>332</v>
      </c>
      <c r="FT21" s="71">
        <v>206</v>
      </c>
      <c r="FU21" s="72">
        <v>1442</v>
      </c>
      <c r="FV21" s="73">
        <v>1706</v>
      </c>
      <c r="FW21" s="70">
        <v>14</v>
      </c>
      <c r="FX21" s="71">
        <v>13</v>
      </c>
      <c r="FY21" s="72">
        <v>27</v>
      </c>
      <c r="FZ21" s="244"/>
      <c r="GA21" s="71">
        <v>28</v>
      </c>
      <c r="GB21" s="71">
        <v>26</v>
      </c>
      <c r="GC21" s="71">
        <v>18</v>
      </c>
      <c r="GD21" s="71">
        <v>15</v>
      </c>
      <c r="GE21" s="71">
        <v>13</v>
      </c>
      <c r="GF21" s="72">
        <v>100</v>
      </c>
      <c r="GG21" s="73">
        <v>127</v>
      </c>
      <c r="GH21" s="70">
        <v>807</v>
      </c>
      <c r="GI21" s="71">
        <v>1058</v>
      </c>
      <c r="GJ21" s="72">
        <v>1865</v>
      </c>
      <c r="GK21" s="244"/>
      <c r="GL21" s="71">
        <v>1426</v>
      </c>
      <c r="GM21" s="71">
        <v>1274</v>
      </c>
      <c r="GN21" s="71">
        <v>943</v>
      </c>
      <c r="GO21" s="71">
        <v>929</v>
      </c>
      <c r="GP21" s="71">
        <v>673</v>
      </c>
      <c r="GQ21" s="72">
        <v>5245</v>
      </c>
      <c r="GR21" s="73">
        <v>7110</v>
      </c>
      <c r="GS21" s="123">
        <v>1223</v>
      </c>
      <c r="GT21" s="82">
        <v>1473</v>
      </c>
      <c r="GU21" s="83">
        <v>2696</v>
      </c>
      <c r="GV21" s="241"/>
      <c r="GW21" s="82">
        <v>2324</v>
      </c>
      <c r="GX21" s="82">
        <v>1945</v>
      </c>
      <c r="GY21" s="82">
        <v>1463</v>
      </c>
      <c r="GZ21" s="82">
        <v>1346</v>
      </c>
      <c r="HA21" s="82">
        <v>946</v>
      </c>
      <c r="HB21" s="84">
        <v>8024</v>
      </c>
      <c r="HC21" s="85">
        <v>10720</v>
      </c>
      <c r="HD21" s="70">
        <v>42</v>
      </c>
      <c r="HE21" s="71">
        <v>54</v>
      </c>
      <c r="HF21" s="72">
        <v>96</v>
      </c>
      <c r="HG21" s="244"/>
      <c r="HH21" s="71">
        <v>91</v>
      </c>
      <c r="HI21" s="71">
        <v>75</v>
      </c>
      <c r="HJ21" s="71">
        <v>51</v>
      </c>
      <c r="HK21" s="71">
        <v>59</v>
      </c>
      <c r="HL21" s="71">
        <v>38</v>
      </c>
      <c r="HM21" s="72">
        <v>314</v>
      </c>
      <c r="HN21" s="73">
        <v>410</v>
      </c>
      <c r="HO21" s="70">
        <v>110</v>
      </c>
      <c r="HP21" s="71">
        <v>140</v>
      </c>
      <c r="HQ21" s="72">
        <v>250</v>
      </c>
      <c r="HR21" s="244"/>
      <c r="HS21" s="71">
        <v>197</v>
      </c>
      <c r="HT21" s="71">
        <v>169</v>
      </c>
      <c r="HU21" s="71">
        <v>122</v>
      </c>
      <c r="HV21" s="71">
        <v>97</v>
      </c>
      <c r="HW21" s="71">
        <v>74</v>
      </c>
      <c r="HX21" s="72">
        <v>659</v>
      </c>
      <c r="HY21" s="73">
        <v>909</v>
      </c>
      <c r="HZ21" s="70">
        <v>230</v>
      </c>
      <c r="IA21" s="71">
        <v>241</v>
      </c>
      <c r="IB21" s="72">
        <v>471</v>
      </c>
      <c r="IC21" s="244"/>
      <c r="ID21" s="71">
        <v>347</v>
      </c>
      <c r="IE21" s="71">
        <v>265</v>
      </c>
      <c r="IF21" s="71">
        <v>210</v>
      </c>
      <c r="IG21" s="71">
        <v>165</v>
      </c>
      <c r="IH21" s="71">
        <v>140</v>
      </c>
      <c r="II21" s="72">
        <v>1127</v>
      </c>
      <c r="IJ21" s="73">
        <v>1598</v>
      </c>
      <c r="IK21" s="70">
        <v>369</v>
      </c>
      <c r="IL21" s="71">
        <v>422</v>
      </c>
      <c r="IM21" s="72">
        <v>791</v>
      </c>
      <c r="IN21" s="244"/>
      <c r="IO21" s="71">
        <v>617</v>
      </c>
      <c r="IP21" s="71">
        <v>481</v>
      </c>
      <c r="IQ21" s="71">
        <v>298</v>
      </c>
      <c r="IR21" s="71">
        <v>296</v>
      </c>
      <c r="IS21" s="71">
        <v>214</v>
      </c>
      <c r="IT21" s="72">
        <v>1906</v>
      </c>
      <c r="IU21" s="73">
        <v>2697</v>
      </c>
      <c r="IV21" s="70">
        <v>320</v>
      </c>
      <c r="IW21" s="71">
        <v>383</v>
      </c>
      <c r="IX21" s="72">
        <v>703</v>
      </c>
      <c r="IY21" s="244"/>
      <c r="IZ21" s="71">
        <v>655</v>
      </c>
      <c r="JA21" s="71">
        <v>537</v>
      </c>
      <c r="JB21" s="71">
        <v>390</v>
      </c>
      <c r="JC21" s="71">
        <v>328</v>
      </c>
      <c r="JD21" s="71">
        <v>238</v>
      </c>
      <c r="JE21" s="72">
        <v>2148</v>
      </c>
      <c r="JF21" s="73">
        <v>2851</v>
      </c>
      <c r="JG21" s="70">
        <v>152</v>
      </c>
      <c r="JH21" s="71">
        <v>233</v>
      </c>
      <c r="JI21" s="72">
        <v>385</v>
      </c>
      <c r="JJ21" s="244"/>
      <c r="JK21" s="71">
        <v>417</v>
      </c>
      <c r="JL21" s="71">
        <v>418</v>
      </c>
      <c r="JM21" s="71">
        <v>392</v>
      </c>
      <c r="JN21" s="71">
        <v>401</v>
      </c>
      <c r="JO21" s="71">
        <v>242</v>
      </c>
      <c r="JP21" s="72">
        <v>1870</v>
      </c>
      <c r="JQ21" s="73">
        <v>2255</v>
      </c>
      <c r="JR21" s="70">
        <v>25</v>
      </c>
      <c r="JS21" s="71">
        <v>32</v>
      </c>
      <c r="JT21" s="72">
        <v>57</v>
      </c>
      <c r="JU21" s="244"/>
      <c r="JV21" s="71">
        <v>66</v>
      </c>
      <c r="JW21" s="71">
        <v>61</v>
      </c>
      <c r="JX21" s="71">
        <v>47</v>
      </c>
      <c r="JY21" s="71">
        <v>38</v>
      </c>
      <c r="JZ21" s="71">
        <v>40</v>
      </c>
      <c r="KA21" s="72">
        <v>252</v>
      </c>
      <c r="KB21" s="73">
        <v>309</v>
      </c>
      <c r="KC21" s="70">
        <v>1248</v>
      </c>
      <c r="KD21" s="71">
        <v>1505</v>
      </c>
      <c r="KE21" s="72">
        <v>2753</v>
      </c>
      <c r="KF21" s="244"/>
      <c r="KG21" s="71">
        <v>2390</v>
      </c>
      <c r="KH21" s="71">
        <v>2006</v>
      </c>
      <c r="KI21" s="71">
        <v>1510</v>
      </c>
      <c r="KJ21" s="71">
        <v>1384</v>
      </c>
      <c r="KK21" s="71">
        <v>986</v>
      </c>
      <c r="KL21" s="72">
        <v>8276</v>
      </c>
      <c r="KM21" s="73">
        <v>11029</v>
      </c>
    </row>
    <row r="22" spans="2:299" ht="21" customHeight="1" x14ac:dyDescent="0.2">
      <c r="B22" s="126" t="s">
        <v>19</v>
      </c>
      <c r="C22" s="315">
        <v>187</v>
      </c>
      <c r="D22" s="82">
        <v>173</v>
      </c>
      <c r="E22" s="83">
        <v>360</v>
      </c>
      <c r="F22" s="241"/>
      <c r="G22" s="82">
        <v>380</v>
      </c>
      <c r="H22" s="82">
        <v>319</v>
      </c>
      <c r="I22" s="82">
        <v>203</v>
      </c>
      <c r="J22" s="82">
        <v>148</v>
      </c>
      <c r="K22" s="82">
        <v>102</v>
      </c>
      <c r="L22" s="84">
        <v>1152</v>
      </c>
      <c r="M22" s="85">
        <v>1512</v>
      </c>
      <c r="N22" s="86">
        <v>10</v>
      </c>
      <c r="O22" s="71">
        <v>7</v>
      </c>
      <c r="P22" s="72">
        <v>17</v>
      </c>
      <c r="Q22" s="244"/>
      <c r="R22" s="71">
        <v>19</v>
      </c>
      <c r="S22" s="71">
        <v>17</v>
      </c>
      <c r="T22" s="71">
        <v>11</v>
      </c>
      <c r="U22" s="71">
        <v>7</v>
      </c>
      <c r="V22" s="71">
        <v>11</v>
      </c>
      <c r="W22" s="72">
        <v>65</v>
      </c>
      <c r="X22" s="73">
        <v>82</v>
      </c>
      <c r="Y22" s="70">
        <v>17</v>
      </c>
      <c r="Z22" s="71">
        <v>20</v>
      </c>
      <c r="AA22" s="72">
        <v>37</v>
      </c>
      <c r="AB22" s="244"/>
      <c r="AC22" s="71">
        <v>41</v>
      </c>
      <c r="AD22" s="71">
        <v>53</v>
      </c>
      <c r="AE22" s="71">
        <v>28</v>
      </c>
      <c r="AF22" s="71">
        <v>19</v>
      </c>
      <c r="AG22" s="71">
        <v>11</v>
      </c>
      <c r="AH22" s="72">
        <v>152</v>
      </c>
      <c r="AI22" s="73">
        <v>189</v>
      </c>
      <c r="AJ22" s="86">
        <v>37</v>
      </c>
      <c r="AK22" s="71">
        <v>24</v>
      </c>
      <c r="AL22" s="72">
        <v>61</v>
      </c>
      <c r="AM22" s="244"/>
      <c r="AN22" s="71">
        <v>57</v>
      </c>
      <c r="AO22" s="71">
        <v>48</v>
      </c>
      <c r="AP22" s="71">
        <v>36</v>
      </c>
      <c r="AQ22" s="71">
        <v>26</v>
      </c>
      <c r="AR22" s="71">
        <v>14</v>
      </c>
      <c r="AS22" s="72">
        <v>181</v>
      </c>
      <c r="AT22" s="73">
        <v>242</v>
      </c>
      <c r="AU22" s="70">
        <v>46</v>
      </c>
      <c r="AV22" s="71">
        <v>39</v>
      </c>
      <c r="AW22" s="72">
        <v>85</v>
      </c>
      <c r="AX22" s="244"/>
      <c r="AY22" s="71">
        <v>93</v>
      </c>
      <c r="AZ22" s="71">
        <v>73</v>
      </c>
      <c r="BA22" s="71">
        <v>56</v>
      </c>
      <c r="BB22" s="71">
        <v>37</v>
      </c>
      <c r="BC22" s="71">
        <v>24</v>
      </c>
      <c r="BD22" s="72">
        <v>283</v>
      </c>
      <c r="BE22" s="73">
        <v>368</v>
      </c>
      <c r="BF22" s="86">
        <v>56</v>
      </c>
      <c r="BG22" s="71">
        <v>46</v>
      </c>
      <c r="BH22" s="72">
        <v>102</v>
      </c>
      <c r="BI22" s="244"/>
      <c r="BJ22" s="71">
        <v>102</v>
      </c>
      <c r="BK22" s="71">
        <v>73</v>
      </c>
      <c r="BL22" s="71">
        <v>40</v>
      </c>
      <c r="BM22" s="71">
        <v>36</v>
      </c>
      <c r="BN22" s="71">
        <v>27</v>
      </c>
      <c r="BO22" s="72">
        <v>278</v>
      </c>
      <c r="BP22" s="73">
        <v>380</v>
      </c>
      <c r="BQ22" s="70">
        <v>21</v>
      </c>
      <c r="BR22" s="71">
        <v>37</v>
      </c>
      <c r="BS22" s="72">
        <v>58</v>
      </c>
      <c r="BT22" s="244"/>
      <c r="BU22" s="71">
        <v>68</v>
      </c>
      <c r="BV22" s="71">
        <v>55</v>
      </c>
      <c r="BW22" s="71">
        <v>32</v>
      </c>
      <c r="BX22" s="71">
        <v>23</v>
      </c>
      <c r="BY22" s="71">
        <v>15</v>
      </c>
      <c r="BZ22" s="72">
        <v>193</v>
      </c>
      <c r="CA22" s="73">
        <v>251</v>
      </c>
      <c r="CB22" s="70">
        <v>3</v>
      </c>
      <c r="CC22" s="71">
        <v>11</v>
      </c>
      <c r="CD22" s="72">
        <v>14</v>
      </c>
      <c r="CE22" s="244"/>
      <c r="CF22" s="71">
        <v>14</v>
      </c>
      <c r="CG22" s="71">
        <v>12</v>
      </c>
      <c r="CH22" s="71">
        <v>12</v>
      </c>
      <c r="CI22" s="71">
        <v>11</v>
      </c>
      <c r="CJ22" s="71">
        <v>8</v>
      </c>
      <c r="CK22" s="72">
        <v>57</v>
      </c>
      <c r="CL22" s="73">
        <v>71</v>
      </c>
      <c r="CM22" s="70">
        <v>190</v>
      </c>
      <c r="CN22" s="71">
        <v>184</v>
      </c>
      <c r="CO22" s="72">
        <v>374</v>
      </c>
      <c r="CP22" s="244"/>
      <c r="CQ22" s="71">
        <v>394</v>
      </c>
      <c r="CR22" s="71">
        <v>331</v>
      </c>
      <c r="CS22" s="71">
        <v>215</v>
      </c>
      <c r="CT22" s="71">
        <v>159</v>
      </c>
      <c r="CU22" s="71">
        <v>110</v>
      </c>
      <c r="CV22" s="72">
        <v>1209</v>
      </c>
      <c r="CW22" s="73">
        <v>1583</v>
      </c>
      <c r="CX22" s="123">
        <v>339</v>
      </c>
      <c r="CY22" s="82">
        <v>395</v>
      </c>
      <c r="CZ22" s="83">
        <v>734</v>
      </c>
      <c r="DA22" s="241"/>
      <c r="DB22" s="82">
        <v>643</v>
      </c>
      <c r="DC22" s="82">
        <v>500</v>
      </c>
      <c r="DD22" s="82">
        <v>429</v>
      </c>
      <c r="DE22" s="82">
        <v>371</v>
      </c>
      <c r="DF22" s="82">
        <v>241</v>
      </c>
      <c r="DG22" s="84">
        <v>2184</v>
      </c>
      <c r="DH22" s="85">
        <v>2918</v>
      </c>
      <c r="DI22" s="86">
        <v>12</v>
      </c>
      <c r="DJ22" s="71">
        <v>12</v>
      </c>
      <c r="DK22" s="72">
        <v>24</v>
      </c>
      <c r="DL22" s="244"/>
      <c r="DM22" s="71">
        <v>14</v>
      </c>
      <c r="DN22" s="71">
        <v>13</v>
      </c>
      <c r="DO22" s="71">
        <v>7</v>
      </c>
      <c r="DP22" s="71">
        <v>2</v>
      </c>
      <c r="DQ22" s="71">
        <v>3</v>
      </c>
      <c r="DR22" s="72">
        <v>39</v>
      </c>
      <c r="DS22" s="73">
        <v>63</v>
      </c>
      <c r="DT22" s="70">
        <v>22</v>
      </c>
      <c r="DU22" s="71">
        <v>37</v>
      </c>
      <c r="DV22" s="72">
        <v>59</v>
      </c>
      <c r="DW22" s="244"/>
      <c r="DX22" s="71">
        <v>50</v>
      </c>
      <c r="DY22" s="71">
        <v>24</v>
      </c>
      <c r="DZ22" s="71">
        <v>19</v>
      </c>
      <c r="EA22" s="71">
        <v>17</v>
      </c>
      <c r="EB22" s="71">
        <v>16</v>
      </c>
      <c r="EC22" s="72">
        <v>126</v>
      </c>
      <c r="ED22" s="73">
        <v>185</v>
      </c>
      <c r="EE22" s="86">
        <v>57</v>
      </c>
      <c r="EF22" s="71">
        <v>59</v>
      </c>
      <c r="EG22" s="72">
        <v>116</v>
      </c>
      <c r="EH22" s="244"/>
      <c r="EI22" s="71">
        <v>88</v>
      </c>
      <c r="EJ22" s="71">
        <v>58</v>
      </c>
      <c r="EK22" s="71">
        <v>39</v>
      </c>
      <c r="EL22" s="71">
        <v>46</v>
      </c>
      <c r="EM22" s="71">
        <v>33</v>
      </c>
      <c r="EN22" s="72">
        <v>264</v>
      </c>
      <c r="EO22" s="73">
        <v>380</v>
      </c>
      <c r="EP22" s="70">
        <v>114</v>
      </c>
      <c r="EQ22" s="71">
        <v>95</v>
      </c>
      <c r="ER22" s="72">
        <v>209</v>
      </c>
      <c r="ES22" s="244"/>
      <c r="ET22" s="71">
        <v>168</v>
      </c>
      <c r="EU22" s="71">
        <v>119</v>
      </c>
      <c r="EV22" s="71">
        <v>83</v>
      </c>
      <c r="EW22" s="71">
        <v>65</v>
      </c>
      <c r="EX22" s="71">
        <v>40</v>
      </c>
      <c r="EY22" s="72">
        <v>475</v>
      </c>
      <c r="EZ22" s="73">
        <v>684</v>
      </c>
      <c r="FA22" s="86">
        <v>88</v>
      </c>
      <c r="FB22" s="71">
        <v>114</v>
      </c>
      <c r="FC22" s="72">
        <v>202</v>
      </c>
      <c r="FD22" s="244"/>
      <c r="FE22" s="71">
        <v>163</v>
      </c>
      <c r="FF22" s="71">
        <v>147</v>
      </c>
      <c r="FG22" s="71">
        <v>118</v>
      </c>
      <c r="FH22" s="71">
        <v>80</v>
      </c>
      <c r="FI22" s="71">
        <v>54</v>
      </c>
      <c r="FJ22" s="72">
        <v>562</v>
      </c>
      <c r="FK22" s="73">
        <v>764</v>
      </c>
      <c r="FL22" s="70">
        <v>46</v>
      </c>
      <c r="FM22" s="71">
        <v>78</v>
      </c>
      <c r="FN22" s="72">
        <v>124</v>
      </c>
      <c r="FO22" s="244"/>
      <c r="FP22" s="71">
        <v>160</v>
      </c>
      <c r="FQ22" s="71">
        <v>139</v>
      </c>
      <c r="FR22" s="71">
        <v>163</v>
      </c>
      <c r="FS22" s="71">
        <v>161</v>
      </c>
      <c r="FT22" s="71">
        <v>95</v>
      </c>
      <c r="FU22" s="72">
        <v>718</v>
      </c>
      <c r="FV22" s="73">
        <v>842</v>
      </c>
      <c r="FW22" s="70">
        <v>5</v>
      </c>
      <c r="FX22" s="71">
        <v>4</v>
      </c>
      <c r="FY22" s="72">
        <v>9</v>
      </c>
      <c r="FZ22" s="244"/>
      <c r="GA22" s="71">
        <v>6</v>
      </c>
      <c r="GB22" s="71">
        <v>10</v>
      </c>
      <c r="GC22" s="71">
        <v>5</v>
      </c>
      <c r="GD22" s="71">
        <v>5</v>
      </c>
      <c r="GE22" s="71">
        <v>6</v>
      </c>
      <c r="GF22" s="72">
        <v>32</v>
      </c>
      <c r="GG22" s="73">
        <v>41</v>
      </c>
      <c r="GH22" s="70">
        <v>344</v>
      </c>
      <c r="GI22" s="71">
        <v>399</v>
      </c>
      <c r="GJ22" s="72">
        <v>743</v>
      </c>
      <c r="GK22" s="244"/>
      <c r="GL22" s="71">
        <v>649</v>
      </c>
      <c r="GM22" s="71">
        <v>510</v>
      </c>
      <c r="GN22" s="71">
        <v>434</v>
      </c>
      <c r="GO22" s="71">
        <v>376</v>
      </c>
      <c r="GP22" s="71">
        <v>247</v>
      </c>
      <c r="GQ22" s="72">
        <v>2216</v>
      </c>
      <c r="GR22" s="73">
        <v>2959</v>
      </c>
      <c r="GS22" s="123">
        <v>526</v>
      </c>
      <c r="GT22" s="82">
        <v>568</v>
      </c>
      <c r="GU22" s="83">
        <v>1094</v>
      </c>
      <c r="GV22" s="241"/>
      <c r="GW22" s="82">
        <v>1023</v>
      </c>
      <c r="GX22" s="82">
        <v>819</v>
      </c>
      <c r="GY22" s="82">
        <v>632</v>
      </c>
      <c r="GZ22" s="82">
        <v>519</v>
      </c>
      <c r="HA22" s="82">
        <v>343</v>
      </c>
      <c r="HB22" s="84">
        <v>3336</v>
      </c>
      <c r="HC22" s="85">
        <v>4430</v>
      </c>
      <c r="HD22" s="86">
        <v>22</v>
      </c>
      <c r="HE22" s="71">
        <v>19</v>
      </c>
      <c r="HF22" s="72">
        <v>41</v>
      </c>
      <c r="HG22" s="244"/>
      <c r="HH22" s="71">
        <v>33</v>
      </c>
      <c r="HI22" s="71">
        <v>30</v>
      </c>
      <c r="HJ22" s="71">
        <v>18</v>
      </c>
      <c r="HK22" s="71">
        <v>9</v>
      </c>
      <c r="HL22" s="71">
        <v>14</v>
      </c>
      <c r="HM22" s="72">
        <v>104</v>
      </c>
      <c r="HN22" s="73">
        <v>145</v>
      </c>
      <c r="HO22" s="70">
        <v>39</v>
      </c>
      <c r="HP22" s="71">
        <v>57</v>
      </c>
      <c r="HQ22" s="72">
        <v>96</v>
      </c>
      <c r="HR22" s="244"/>
      <c r="HS22" s="71">
        <v>91</v>
      </c>
      <c r="HT22" s="71">
        <v>77</v>
      </c>
      <c r="HU22" s="71">
        <v>47</v>
      </c>
      <c r="HV22" s="71">
        <v>36</v>
      </c>
      <c r="HW22" s="71">
        <v>27</v>
      </c>
      <c r="HX22" s="72">
        <v>278</v>
      </c>
      <c r="HY22" s="73">
        <v>374</v>
      </c>
      <c r="HZ22" s="86">
        <v>94</v>
      </c>
      <c r="IA22" s="71">
        <v>83</v>
      </c>
      <c r="IB22" s="72">
        <v>177</v>
      </c>
      <c r="IC22" s="244"/>
      <c r="ID22" s="71">
        <v>145</v>
      </c>
      <c r="IE22" s="71">
        <v>106</v>
      </c>
      <c r="IF22" s="71">
        <v>75</v>
      </c>
      <c r="IG22" s="71">
        <v>72</v>
      </c>
      <c r="IH22" s="71">
        <v>47</v>
      </c>
      <c r="II22" s="72">
        <v>445</v>
      </c>
      <c r="IJ22" s="73">
        <v>622</v>
      </c>
      <c r="IK22" s="70">
        <v>160</v>
      </c>
      <c r="IL22" s="71">
        <v>134</v>
      </c>
      <c r="IM22" s="72">
        <v>294</v>
      </c>
      <c r="IN22" s="244"/>
      <c r="IO22" s="71">
        <v>261</v>
      </c>
      <c r="IP22" s="71">
        <v>192</v>
      </c>
      <c r="IQ22" s="71">
        <v>139</v>
      </c>
      <c r="IR22" s="71">
        <v>102</v>
      </c>
      <c r="IS22" s="71">
        <v>64</v>
      </c>
      <c r="IT22" s="72">
        <v>758</v>
      </c>
      <c r="IU22" s="73">
        <v>1052</v>
      </c>
      <c r="IV22" s="86">
        <v>144</v>
      </c>
      <c r="IW22" s="71">
        <v>160</v>
      </c>
      <c r="IX22" s="72">
        <v>304</v>
      </c>
      <c r="IY22" s="244"/>
      <c r="IZ22" s="71">
        <v>265</v>
      </c>
      <c r="JA22" s="71">
        <v>220</v>
      </c>
      <c r="JB22" s="71">
        <v>158</v>
      </c>
      <c r="JC22" s="71">
        <v>116</v>
      </c>
      <c r="JD22" s="71">
        <v>81</v>
      </c>
      <c r="JE22" s="72">
        <v>840</v>
      </c>
      <c r="JF22" s="73">
        <v>1144</v>
      </c>
      <c r="JG22" s="70">
        <v>67</v>
      </c>
      <c r="JH22" s="71">
        <v>115</v>
      </c>
      <c r="JI22" s="72">
        <v>182</v>
      </c>
      <c r="JJ22" s="244"/>
      <c r="JK22" s="71">
        <v>228</v>
      </c>
      <c r="JL22" s="71">
        <v>194</v>
      </c>
      <c r="JM22" s="71">
        <v>195</v>
      </c>
      <c r="JN22" s="71">
        <v>184</v>
      </c>
      <c r="JO22" s="71">
        <v>110</v>
      </c>
      <c r="JP22" s="72">
        <v>911</v>
      </c>
      <c r="JQ22" s="73">
        <v>1093</v>
      </c>
      <c r="JR22" s="70">
        <v>8</v>
      </c>
      <c r="JS22" s="71">
        <v>15</v>
      </c>
      <c r="JT22" s="72">
        <v>23</v>
      </c>
      <c r="JU22" s="244"/>
      <c r="JV22" s="71">
        <v>20</v>
      </c>
      <c r="JW22" s="71">
        <v>22</v>
      </c>
      <c r="JX22" s="71">
        <v>17</v>
      </c>
      <c r="JY22" s="71">
        <v>16</v>
      </c>
      <c r="JZ22" s="71">
        <v>14</v>
      </c>
      <c r="KA22" s="72">
        <v>89</v>
      </c>
      <c r="KB22" s="73">
        <v>112</v>
      </c>
      <c r="KC22" s="70">
        <v>534</v>
      </c>
      <c r="KD22" s="71">
        <v>583</v>
      </c>
      <c r="KE22" s="72">
        <v>1117</v>
      </c>
      <c r="KF22" s="244"/>
      <c r="KG22" s="71">
        <v>1043</v>
      </c>
      <c r="KH22" s="71">
        <v>841</v>
      </c>
      <c r="KI22" s="71">
        <v>649</v>
      </c>
      <c r="KJ22" s="71">
        <v>535</v>
      </c>
      <c r="KK22" s="71">
        <v>357</v>
      </c>
      <c r="KL22" s="72">
        <v>3425</v>
      </c>
      <c r="KM22" s="73">
        <v>4542</v>
      </c>
    </row>
    <row r="23" spans="2:299" ht="21" customHeight="1" x14ac:dyDescent="0.2">
      <c r="B23" s="126" t="s">
        <v>20</v>
      </c>
      <c r="C23" s="315">
        <v>249</v>
      </c>
      <c r="D23" s="82">
        <v>322</v>
      </c>
      <c r="E23" s="83">
        <v>571</v>
      </c>
      <c r="F23" s="241"/>
      <c r="G23" s="82">
        <v>580</v>
      </c>
      <c r="H23" s="82">
        <v>335</v>
      </c>
      <c r="I23" s="82">
        <v>259</v>
      </c>
      <c r="J23" s="82">
        <v>203</v>
      </c>
      <c r="K23" s="82">
        <v>113</v>
      </c>
      <c r="L23" s="84">
        <v>1490</v>
      </c>
      <c r="M23" s="85">
        <v>2061</v>
      </c>
      <c r="N23" s="70">
        <v>10</v>
      </c>
      <c r="O23" s="71">
        <v>9</v>
      </c>
      <c r="P23" s="72">
        <v>19</v>
      </c>
      <c r="Q23" s="244"/>
      <c r="R23" s="71">
        <v>25</v>
      </c>
      <c r="S23" s="71">
        <v>20</v>
      </c>
      <c r="T23" s="71">
        <v>16</v>
      </c>
      <c r="U23" s="71">
        <v>13</v>
      </c>
      <c r="V23" s="71">
        <v>12</v>
      </c>
      <c r="W23" s="72">
        <v>86</v>
      </c>
      <c r="X23" s="73">
        <v>105</v>
      </c>
      <c r="Y23" s="70">
        <v>26</v>
      </c>
      <c r="Z23" s="71">
        <v>37</v>
      </c>
      <c r="AA23" s="72">
        <v>63</v>
      </c>
      <c r="AB23" s="244"/>
      <c r="AC23" s="71">
        <v>59</v>
      </c>
      <c r="AD23" s="71">
        <v>48</v>
      </c>
      <c r="AE23" s="71">
        <v>33</v>
      </c>
      <c r="AF23" s="71">
        <v>23</v>
      </c>
      <c r="AG23" s="71">
        <v>22</v>
      </c>
      <c r="AH23" s="72">
        <v>185</v>
      </c>
      <c r="AI23" s="73">
        <v>248</v>
      </c>
      <c r="AJ23" s="70">
        <v>50</v>
      </c>
      <c r="AK23" s="71">
        <v>53</v>
      </c>
      <c r="AL23" s="72">
        <v>103</v>
      </c>
      <c r="AM23" s="244"/>
      <c r="AN23" s="71">
        <v>88</v>
      </c>
      <c r="AO23" s="71">
        <v>59</v>
      </c>
      <c r="AP23" s="71">
        <v>41</v>
      </c>
      <c r="AQ23" s="71">
        <v>36</v>
      </c>
      <c r="AR23" s="71">
        <v>28</v>
      </c>
      <c r="AS23" s="72">
        <v>252</v>
      </c>
      <c r="AT23" s="73">
        <v>355</v>
      </c>
      <c r="AU23" s="70">
        <v>67</v>
      </c>
      <c r="AV23" s="71">
        <v>99</v>
      </c>
      <c r="AW23" s="72">
        <v>166</v>
      </c>
      <c r="AX23" s="244"/>
      <c r="AY23" s="71">
        <v>169</v>
      </c>
      <c r="AZ23" s="71">
        <v>85</v>
      </c>
      <c r="BA23" s="71">
        <v>73</v>
      </c>
      <c r="BB23" s="71">
        <v>60</v>
      </c>
      <c r="BC23" s="71">
        <v>25</v>
      </c>
      <c r="BD23" s="72">
        <v>412</v>
      </c>
      <c r="BE23" s="73">
        <v>578</v>
      </c>
      <c r="BF23" s="70">
        <v>65</v>
      </c>
      <c r="BG23" s="71">
        <v>82</v>
      </c>
      <c r="BH23" s="72">
        <v>147</v>
      </c>
      <c r="BI23" s="244"/>
      <c r="BJ23" s="71">
        <v>165</v>
      </c>
      <c r="BK23" s="71">
        <v>77</v>
      </c>
      <c r="BL23" s="71">
        <v>59</v>
      </c>
      <c r="BM23" s="71">
        <v>45</v>
      </c>
      <c r="BN23" s="71">
        <v>18</v>
      </c>
      <c r="BO23" s="72">
        <v>364</v>
      </c>
      <c r="BP23" s="73">
        <v>511</v>
      </c>
      <c r="BQ23" s="70">
        <v>31</v>
      </c>
      <c r="BR23" s="71">
        <v>42</v>
      </c>
      <c r="BS23" s="72">
        <v>73</v>
      </c>
      <c r="BT23" s="244"/>
      <c r="BU23" s="71">
        <v>74</v>
      </c>
      <c r="BV23" s="71">
        <v>46</v>
      </c>
      <c r="BW23" s="71">
        <v>37</v>
      </c>
      <c r="BX23" s="71">
        <v>26</v>
      </c>
      <c r="BY23" s="71">
        <v>8</v>
      </c>
      <c r="BZ23" s="72">
        <v>191</v>
      </c>
      <c r="CA23" s="73">
        <v>264</v>
      </c>
      <c r="CB23" s="70">
        <v>8</v>
      </c>
      <c r="CC23" s="71">
        <v>15</v>
      </c>
      <c r="CD23" s="72">
        <v>23</v>
      </c>
      <c r="CE23" s="244"/>
      <c r="CF23" s="71">
        <v>25</v>
      </c>
      <c r="CG23" s="71">
        <v>11</v>
      </c>
      <c r="CH23" s="71">
        <v>11</v>
      </c>
      <c r="CI23" s="71">
        <v>11</v>
      </c>
      <c r="CJ23" s="71">
        <v>6</v>
      </c>
      <c r="CK23" s="72">
        <v>64</v>
      </c>
      <c r="CL23" s="73">
        <v>87</v>
      </c>
      <c r="CM23" s="70">
        <v>257</v>
      </c>
      <c r="CN23" s="71">
        <v>337</v>
      </c>
      <c r="CO23" s="72">
        <v>594</v>
      </c>
      <c r="CP23" s="244"/>
      <c r="CQ23" s="71">
        <v>605</v>
      </c>
      <c r="CR23" s="71">
        <v>346</v>
      </c>
      <c r="CS23" s="71">
        <v>270</v>
      </c>
      <c r="CT23" s="71">
        <v>214</v>
      </c>
      <c r="CU23" s="71">
        <v>119</v>
      </c>
      <c r="CV23" s="72">
        <v>1554</v>
      </c>
      <c r="CW23" s="73">
        <v>2148</v>
      </c>
      <c r="CX23" s="123">
        <v>467</v>
      </c>
      <c r="CY23" s="82">
        <v>607</v>
      </c>
      <c r="CZ23" s="83">
        <v>1074</v>
      </c>
      <c r="DA23" s="241"/>
      <c r="DB23" s="82">
        <v>839</v>
      </c>
      <c r="DC23" s="82">
        <v>523</v>
      </c>
      <c r="DD23" s="82">
        <v>464</v>
      </c>
      <c r="DE23" s="82">
        <v>405</v>
      </c>
      <c r="DF23" s="82">
        <v>258</v>
      </c>
      <c r="DG23" s="84">
        <v>2489</v>
      </c>
      <c r="DH23" s="85">
        <v>3563</v>
      </c>
      <c r="DI23" s="70">
        <v>10</v>
      </c>
      <c r="DJ23" s="71">
        <v>12</v>
      </c>
      <c r="DK23" s="72">
        <v>22</v>
      </c>
      <c r="DL23" s="244"/>
      <c r="DM23" s="71">
        <v>22</v>
      </c>
      <c r="DN23" s="71">
        <v>10</v>
      </c>
      <c r="DO23" s="71">
        <v>8</v>
      </c>
      <c r="DP23" s="71">
        <v>9</v>
      </c>
      <c r="DQ23" s="71">
        <v>3</v>
      </c>
      <c r="DR23" s="72">
        <v>52</v>
      </c>
      <c r="DS23" s="73">
        <v>74</v>
      </c>
      <c r="DT23" s="70">
        <v>38</v>
      </c>
      <c r="DU23" s="71">
        <v>49</v>
      </c>
      <c r="DV23" s="72">
        <v>87</v>
      </c>
      <c r="DW23" s="244"/>
      <c r="DX23" s="71">
        <v>67</v>
      </c>
      <c r="DY23" s="71">
        <v>33</v>
      </c>
      <c r="DZ23" s="71">
        <v>23</v>
      </c>
      <c r="EA23" s="71">
        <v>24</v>
      </c>
      <c r="EB23" s="71">
        <v>20</v>
      </c>
      <c r="EC23" s="72">
        <v>167</v>
      </c>
      <c r="ED23" s="73">
        <v>254</v>
      </c>
      <c r="EE23" s="70">
        <v>88</v>
      </c>
      <c r="EF23" s="71">
        <v>90</v>
      </c>
      <c r="EG23" s="72">
        <v>178</v>
      </c>
      <c r="EH23" s="244"/>
      <c r="EI23" s="71">
        <v>130</v>
      </c>
      <c r="EJ23" s="71">
        <v>56</v>
      </c>
      <c r="EK23" s="71">
        <v>41</v>
      </c>
      <c r="EL23" s="71">
        <v>40</v>
      </c>
      <c r="EM23" s="71">
        <v>32</v>
      </c>
      <c r="EN23" s="72">
        <v>299</v>
      </c>
      <c r="EO23" s="73">
        <v>477</v>
      </c>
      <c r="EP23" s="70">
        <v>153</v>
      </c>
      <c r="EQ23" s="71">
        <v>176</v>
      </c>
      <c r="ER23" s="72">
        <v>329</v>
      </c>
      <c r="ES23" s="244"/>
      <c r="ET23" s="71">
        <v>203</v>
      </c>
      <c r="EU23" s="71">
        <v>125</v>
      </c>
      <c r="EV23" s="71">
        <v>100</v>
      </c>
      <c r="EW23" s="71">
        <v>68</v>
      </c>
      <c r="EX23" s="71">
        <v>48</v>
      </c>
      <c r="EY23" s="72">
        <v>544</v>
      </c>
      <c r="EZ23" s="73">
        <v>873</v>
      </c>
      <c r="FA23" s="70">
        <v>131</v>
      </c>
      <c r="FB23" s="71">
        <v>162</v>
      </c>
      <c r="FC23" s="72">
        <v>293</v>
      </c>
      <c r="FD23" s="244"/>
      <c r="FE23" s="71">
        <v>224</v>
      </c>
      <c r="FF23" s="71">
        <v>133</v>
      </c>
      <c r="FG23" s="71">
        <v>130</v>
      </c>
      <c r="FH23" s="71">
        <v>99</v>
      </c>
      <c r="FI23" s="71">
        <v>66</v>
      </c>
      <c r="FJ23" s="72">
        <v>652</v>
      </c>
      <c r="FK23" s="73">
        <v>945</v>
      </c>
      <c r="FL23" s="70">
        <v>47</v>
      </c>
      <c r="FM23" s="71">
        <v>118</v>
      </c>
      <c r="FN23" s="72">
        <v>165</v>
      </c>
      <c r="FO23" s="244"/>
      <c r="FP23" s="71">
        <v>193</v>
      </c>
      <c r="FQ23" s="71">
        <v>166</v>
      </c>
      <c r="FR23" s="71">
        <v>162</v>
      </c>
      <c r="FS23" s="71">
        <v>165</v>
      </c>
      <c r="FT23" s="71">
        <v>89</v>
      </c>
      <c r="FU23" s="72">
        <v>775</v>
      </c>
      <c r="FV23" s="73">
        <v>940</v>
      </c>
      <c r="FW23" s="70">
        <v>6</v>
      </c>
      <c r="FX23" s="71">
        <v>14</v>
      </c>
      <c r="FY23" s="72">
        <v>20</v>
      </c>
      <c r="FZ23" s="244"/>
      <c r="GA23" s="71">
        <v>15</v>
      </c>
      <c r="GB23" s="71">
        <v>13</v>
      </c>
      <c r="GC23" s="71">
        <v>5</v>
      </c>
      <c r="GD23" s="71">
        <v>11</v>
      </c>
      <c r="GE23" s="71">
        <v>5</v>
      </c>
      <c r="GF23" s="72">
        <v>49</v>
      </c>
      <c r="GG23" s="73">
        <v>69</v>
      </c>
      <c r="GH23" s="70">
        <v>473</v>
      </c>
      <c r="GI23" s="71">
        <v>621</v>
      </c>
      <c r="GJ23" s="72">
        <v>1094</v>
      </c>
      <c r="GK23" s="244"/>
      <c r="GL23" s="71">
        <v>854</v>
      </c>
      <c r="GM23" s="71">
        <v>536</v>
      </c>
      <c r="GN23" s="71">
        <v>469</v>
      </c>
      <c r="GO23" s="71">
        <v>416</v>
      </c>
      <c r="GP23" s="71">
        <v>263</v>
      </c>
      <c r="GQ23" s="72">
        <v>2538</v>
      </c>
      <c r="GR23" s="73">
        <v>3632</v>
      </c>
      <c r="GS23" s="123">
        <v>716</v>
      </c>
      <c r="GT23" s="82">
        <v>929</v>
      </c>
      <c r="GU23" s="83">
        <v>1645</v>
      </c>
      <c r="GV23" s="241"/>
      <c r="GW23" s="82">
        <v>1419</v>
      </c>
      <c r="GX23" s="82">
        <v>858</v>
      </c>
      <c r="GY23" s="82">
        <v>723</v>
      </c>
      <c r="GZ23" s="82">
        <v>608</v>
      </c>
      <c r="HA23" s="82">
        <v>371</v>
      </c>
      <c r="HB23" s="84">
        <v>3979</v>
      </c>
      <c r="HC23" s="85">
        <v>5624</v>
      </c>
      <c r="HD23" s="70">
        <v>20</v>
      </c>
      <c r="HE23" s="71">
        <v>21</v>
      </c>
      <c r="HF23" s="72">
        <v>41</v>
      </c>
      <c r="HG23" s="244"/>
      <c r="HH23" s="71">
        <v>47</v>
      </c>
      <c r="HI23" s="71">
        <v>30</v>
      </c>
      <c r="HJ23" s="71">
        <v>24</v>
      </c>
      <c r="HK23" s="71">
        <v>22</v>
      </c>
      <c r="HL23" s="71">
        <v>15</v>
      </c>
      <c r="HM23" s="72">
        <v>138</v>
      </c>
      <c r="HN23" s="73">
        <v>179</v>
      </c>
      <c r="HO23" s="70">
        <v>64</v>
      </c>
      <c r="HP23" s="71">
        <v>86</v>
      </c>
      <c r="HQ23" s="72">
        <v>150</v>
      </c>
      <c r="HR23" s="244"/>
      <c r="HS23" s="71">
        <v>126</v>
      </c>
      <c r="HT23" s="71">
        <v>81</v>
      </c>
      <c r="HU23" s="71">
        <v>56</v>
      </c>
      <c r="HV23" s="71">
        <v>47</v>
      </c>
      <c r="HW23" s="71">
        <v>42</v>
      </c>
      <c r="HX23" s="72">
        <v>352</v>
      </c>
      <c r="HY23" s="73">
        <v>502</v>
      </c>
      <c r="HZ23" s="70">
        <v>138</v>
      </c>
      <c r="IA23" s="71">
        <v>143</v>
      </c>
      <c r="IB23" s="72">
        <v>281</v>
      </c>
      <c r="IC23" s="244"/>
      <c r="ID23" s="71">
        <v>218</v>
      </c>
      <c r="IE23" s="71">
        <v>115</v>
      </c>
      <c r="IF23" s="71">
        <v>82</v>
      </c>
      <c r="IG23" s="71">
        <v>76</v>
      </c>
      <c r="IH23" s="71">
        <v>60</v>
      </c>
      <c r="II23" s="72">
        <v>551</v>
      </c>
      <c r="IJ23" s="73">
        <v>832</v>
      </c>
      <c r="IK23" s="70">
        <v>220</v>
      </c>
      <c r="IL23" s="71">
        <v>275</v>
      </c>
      <c r="IM23" s="72">
        <v>495</v>
      </c>
      <c r="IN23" s="244"/>
      <c r="IO23" s="71">
        <v>372</v>
      </c>
      <c r="IP23" s="71">
        <v>210</v>
      </c>
      <c r="IQ23" s="71">
        <v>173</v>
      </c>
      <c r="IR23" s="71">
        <v>128</v>
      </c>
      <c r="IS23" s="71">
        <v>73</v>
      </c>
      <c r="IT23" s="72">
        <v>956</v>
      </c>
      <c r="IU23" s="73">
        <v>1451</v>
      </c>
      <c r="IV23" s="70">
        <v>196</v>
      </c>
      <c r="IW23" s="71">
        <v>244</v>
      </c>
      <c r="IX23" s="72">
        <v>440</v>
      </c>
      <c r="IY23" s="244"/>
      <c r="IZ23" s="71">
        <v>389</v>
      </c>
      <c r="JA23" s="71">
        <v>210</v>
      </c>
      <c r="JB23" s="71">
        <v>189</v>
      </c>
      <c r="JC23" s="71">
        <v>144</v>
      </c>
      <c r="JD23" s="71">
        <v>84</v>
      </c>
      <c r="JE23" s="72">
        <v>1016</v>
      </c>
      <c r="JF23" s="73">
        <v>1456</v>
      </c>
      <c r="JG23" s="70">
        <v>78</v>
      </c>
      <c r="JH23" s="71">
        <v>160</v>
      </c>
      <c r="JI23" s="72">
        <v>238</v>
      </c>
      <c r="JJ23" s="244"/>
      <c r="JK23" s="71">
        <v>267</v>
      </c>
      <c r="JL23" s="71">
        <v>212</v>
      </c>
      <c r="JM23" s="71">
        <v>199</v>
      </c>
      <c r="JN23" s="71">
        <v>191</v>
      </c>
      <c r="JO23" s="71">
        <v>97</v>
      </c>
      <c r="JP23" s="72">
        <v>966</v>
      </c>
      <c r="JQ23" s="73">
        <v>1204</v>
      </c>
      <c r="JR23" s="70">
        <v>14</v>
      </c>
      <c r="JS23" s="71">
        <v>29</v>
      </c>
      <c r="JT23" s="72">
        <v>43</v>
      </c>
      <c r="JU23" s="244"/>
      <c r="JV23" s="71">
        <v>40</v>
      </c>
      <c r="JW23" s="71">
        <v>24</v>
      </c>
      <c r="JX23" s="71">
        <v>16</v>
      </c>
      <c r="JY23" s="71">
        <v>22</v>
      </c>
      <c r="JZ23" s="71">
        <v>11</v>
      </c>
      <c r="KA23" s="72">
        <v>113</v>
      </c>
      <c r="KB23" s="73">
        <v>156</v>
      </c>
      <c r="KC23" s="70">
        <v>730</v>
      </c>
      <c r="KD23" s="71">
        <v>958</v>
      </c>
      <c r="KE23" s="72">
        <v>1688</v>
      </c>
      <c r="KF23" s="244"/>
      <c r="KG23" s="71">
        <v>1459</v>
      </c>
      <c r="KH23" s="71">
        <v>882</v>
      </c>
      <c r="KI23" s="71">
        <v>739</v>
      </c>
      <c r="KJ23" s="71">
        <v>630</v>
      </c>
      <c r="KK23" s="71">
        <v>382</v>
      </c>
      <c r="KL23" s="72">
        <v>4092</v>
      </c>
      <c r="KM23" s="73">
        <v>5780</v>
      </c>
    </row>
    <row r="24" spans="2:299" ht="21" customHeight="1" x14ac:dyDescent="0.2">
      <c r="B24" s="126" t="s">
        <v>21</v>
      </c>
      <c r="C24" s="315">
        <v>282</v>
      </c>
      <c r="D24" s="82">
        <v>237</v>
      </c>
      <c r="E24" s="83">
        <v>519</v>
      </c>
      <c r="F24" s="241"/>
      <c r="G24" s="82">
        <v>417</v>
      </c>
      <c r="H24" s="82">
        <v>405</v>
      </c>
      <c r="I24" s="82">
        <v>298</v>
      </c>
      <c r="J24" s="82">
        <v>229</v>
      </c>
      <c r="K24" s="82">
        <v>132</v>
      </c>
      <c r="L24" s="84">
        <v>1481</v>
      </c>
      <c r="M24" s="85">
        <v>2000</v>
      </c>
      <c r="N24" s="70">
        <v>12</v>
      </c>
      <c r="O24" s="71">
        <v>15</v>
      </c>
      <c r="P24" s="72">
        <v>27</v>
      </c>
      <c r="Q24" s="244"/>
      <c r="R24" s="71">
        <v>18</v>
      </c>
      <c r="S24" s="71">
        <v>16</v>
      </c>
      <c r="T24" s="71">
        <v>14</v>
      </c>
      <c r="U24" s="71">
        <v>16</v>
      </c>
      <c r="V24" s="71">
        <v>12</v>
      </c>
      <c r="W24" s="72">
        <v>76</v>
      </c>
      <c r="X24" s="73">
        <v>103</v>
      </c>
      <c r="Y24" s="70">
        <v>33</v>
      </c>
      <c r="Z24" s="71">
        <v>32</v>
      </c>
      <c r="AA24" s="72">
        <v>65</v>
      </c>
      <c r="AB24" s="244"/>
      <c r="AC24" s="71">
        <v>39</v>
      </c>
      <c r="AD24" s="71">
        <v>48</v>
      </c>
      <c r="AE24" s="71">
        <v>33</v>
      </c>
      <c r="AF24" s="71">
        <v>34</v>
      </c>
      <c r="AG24" s="71">
        <v>14</v>
      </c>
      <c r="AH24" s="72">
        <v>168</v>
      </c>
      <c r="AI24" s="73">
        <v>233</v>
      </c>
      <c r="AJ24" s="70">
        <v>48</v>
      </c>
      <c r="AK24" s="71">
        <v>43</v>
      </c>
      <c r="AL24" s="72">
        <v>91</v>
      </c>
      <c r="AM24" s="244"/>
      <c r="AN24" s="71">
        <v>70</v>
      </c>
      <c r="AO24" s="71">
        <v>76</v>
      </c>
      <c r="AP24" s="71">
        <v>55</v>
      </c>
      <c r="AQ24" s="71">
        <v>42</v>
      </c>
      <c r="AR24" s="71">
        <v>25</v>
      </c>
      <c r="AS24" s="72">
        <v>268</v>
      </c>
      <c r="AT24" s="73">
        <v>359</v>
      </c>
      <c r="AU24" s="70">
        <v>72</v>
      </c>
      <c r="AV24" s="71">
        <v>54</v>
      </c>
      <c r="AW24" s="72">
        <v>126</v>
      </c>
      <c r="AX24" s="244"/>
      <c r="AY24" s="71">
        <v>109</v>
      </c>
      <c r="AZ24" s="71">
        <v>124</v>
      </c>
      <c r="BA24" s="71">
        <v>73</v>
      </c>
      <c r="BB24" s="71">
        <v>41</v>
      </c>
      <c r="BC24" s="71">
        <v>31</v>
      </c>
      <c r="BD24" s="72">
        <v>378</v>
      </c>
      <c r="BE24" s="73">
        <v>504</v>
      </c>
      <c r="BF24" s="70">
        <v>80</v>
      </c>
      <c r="BG24" s="71">
        <v>64</v>
      </c>
      <c r="BH24" s="72">
        <v>144</v>
      </c>
      <c r="BI24" s="244"/>
      <c r="BJ24" s="71">
        <v>124</v>
      </c>
      <c r="BK24" s="71">
        <v>89</v>
      </c>
      <c r="BL24" s="71">
        <v>70</v>
      </c>
      <c r="BM24" s="71">
        <v>67</v>
      </c>
      <c r="BN24" s="71">
        <v>32</v>
      </c>
      <c r="BO24" s="72">
        <v>382</v>
      </c>
      <c r="BP24" s="73">
        <v>526</v>
      </c>
      <c r="BQ24" s="70">
        <v>37</v>
      </c>
      <c r="BR24" s="71">
        <v>29</v>
      </c>
      <c r="BS24" s="72">
        <v>66</v>
      </c>
      <c r="BT24" s="244"/>
      <c r="BU24" s="71">
        <v>57</v>
      </c>
      <c r="BV24" s="71">
        <v>52</v>
      </c>
      <c r="BW24" s="71">
        <v>53</v>
      </c>
      <c r="BX24" s="71">
        <v>29</v>
      </c>
      <c r="BY24" s="71">
        <v>18</v>
      </c>
      <c r="BZ24" s="72">
        <v>209</v>
      </c>
      <c r="CA24" s="73">
        <v>275</v>
      </c>
      <c r="CB24" s="70">
        <v>6</v>
      </c>
      <c r="CC24" s="71">
        <v>13</v>
      </c>
      <c r="CD24" s="72">
        <v>19</v>
      </c>
      <c r="CE24" s="244"/>
      <c r="CF24" s="71">
        <v>7</v>
      </c>
      <c r="CG24" s="71">
        <v>21</v>
      </c>
      <c r="CH24" s="71">
        <v>7</v>
      </c>
      <c r="CI24" s="71">
        <v>11</v>
      </c>
      <c r="CJ24" s="71">
        <v>13</v>
      </c>
      <c r="CK24" s="72">
        <v>59</v>
      </c>
      <c r="CL24" s="73">
        <v>78</v>
      </c>
      <c r="CM24" s="70">
        <v>288</v>
      </c>
      <c r="CN24" s="71">
        <v>250</v>
      </c>
      <c r="CO24" s="72">
        <v>538</v>
      </c>
      <c r="CP24" s="244"/>
      <c r="CQ24" s="71">
        <v>424</v>
      </c>
      <c r="CR24" s="71">
        <v>426</v>
      </c>
      <c r="CS24" s="71">
        <v>305</v>
      </c>
      <c r="CT24" s="71">
        <v>240</v>
      </c>
      <c r="CU24" s="71">
        <v>145</v>
      </c>
      <c r="CV24" s="72">
        <v>1540</v>
      </c>
      <c r="CW24" s="73">
        <v>2078</v>
      </c>
      <c r="CX24" s="123">
        <v>552</v>
      </c>
      <c r="CY24" s="82">
        <v>544</v>
      </c>
      <c r="CZ24" s="83">
        <v>1096</v>
      </c>
      <c r="DA24" s="241"/>
      <c r="DB24" s="82">
        <v>716</v>
      </c>
      <c r="DC24" s="82">
        <v>734</v>
      </c>
      <c r="DD24" s="82">
        <v>537</v>
      </c>
      <c r="DE24" s="82">
        <v>452</v>
      </c>
      <c r="DF24" s="82">
        <v>346</v>
      </c>
      <c r="DG24" s="84">
        <v>2785</v>
      </c>
      <c r="DH24" s="85">
        <v>3881</v>
      </c>
      <c r="DI24" s="70">
        <v>14</v>
      </c>
      <c r="DJ24" s="71">
        <v>15</v>
      </c>
      <c r="DK24" s="72">
        <v>29</v>
      </c>
      <c r="DL24" s="244"/>
      <c r="DM24" s="71">
        <v>18</v>
      </c>
      <c r="DN24" s="71">
        <v>17</v>
      </c>
      <c r="DO24" s="71">
        <v>14</v>
      </c>
      <c r="DP24" s="71">
        <v>10</v>
      </c>
      <c r="DQ24" s="71">
        <v>11</v>
      </c>
      <c r="DR24" s="72">
        <v>70</v>
      </c>
      <c r="DS24" s="73">
        <v>99</v>
      </c>
      <c r="DT24" s="70">
        <v>47</v>
      </c>
      <c r="DU24" s="71">
        <v>43</v>
      </c>
      <c r="DV24" s="72">
        <v>90</v>
      </c>
      <c r="DW24" s="244"/>
      <c r="DX24" s="71">
        <v>39</v>
      </c>
      <c r="DY24" s="71">
        <v>46</v>
      </c>
      <c r="DZ24" s="71">
        <v>24</v>
      </c>
      <c r="EA24" s="71">
        <v>31</v>
      </c>
      <c r="EB24" s="71">
        <v>25</v>
      </c>
      <c r="EC24" s="72">
        <v>165</v>
      </c>
      <c r="ED24" s="73">
        <v>255</v>
      </c>
      <c r="EE24" s="70">
        <v>105</v>
      </c>
      <c r="EF24" s="71">
        <v>94</v>
      </c>
      <c r="EG24" s="72">
        <v>199</v>
      </c>
      <c r="EH24" s="244"/>
      <c r="EI24" s="71">
        <v>107</v>
      </c>
      <c r="EJ24" s="71">
        <v>87</v>
      </c>
      <c r="EK24" s="71">
        <v>52</v>
      </c>
      <c r="EL24" s="71">
        <v>52</v>
      </c>
      <c r="EM24" s="71">
        <v>26</v>
      </c>
      <c r="EN24" s="72">
        <v>324</v>
      </c>
      <c r="EO24" s="73">
        <v>523</v>
      </c>
      <c r="EP24" s="70">
        <v>165</v>
      </c>
      <c r="EQ24" s="71">
        <v>150</v>
      </c>
      <c r="ER24" s="72">
        <v>315</v>
      </c>
      <c r="ES24" s="244"/>
      <c r="ET24" s="71">
        <v>199</v>
      </c>
      <c r="EU24" s="71">
        <v>160</v>
      </c>
      <c r="EV24" s="71">
        <v>112</v>
      </c>
      <c r="EW24" s="71">
        <v>94</v>
      </c>
      <c r="EX24" s="71">
        <v>90</v>
      </c>
      <c r="EY24" s="72">
        <v>655</v>
      </c>
      <c r="EZ24" s="73">
        <v>970</v>
      </c>
      <c r="FA24" s="70">
        <v>144</v>
      </c>
      <c r="FB24" s="71">
        <v>166</v>
      </c>
      <c r="FC24" s="72">
        <v>310</v>
      </c>
      <c r="FD24" s="244"/>
      <c r="FE24" s="71">
        <v>196</v>
      </c>
      <c r="FF24" s="71">
        <v>221</v>
      </c>
      <c r="FG24" s="71">
        <v>168</v>
      </c>
      <c r="FH24" s="71">
        <v>107</v>
      </c>
      <c r="FI24" s="71">
        <v>83</v>
      </c>
      <c r="FJ24" s="72">
        <v>775</v>
      </c>
      <c r="FK24" s="73">
        <v>1085</v>
      </c>
      <c r="FL24" s="70">
        <v>77</v>
      </c>
      <c r="FM24" s="71">
        <v>76</v>
      </c>
      <c r="FN24" s="72">
        <v>153</v>
      </c>
      <c r="FO24" s="244"/>
      <c r="FP24" s="71">
        <v>157</v>
      </c>
      <c r="FQ24" s="71">
        <v>203</v>
      </c>
      <c r="FR24" s="71">
        <v>167</v>
      </c>
      <c r="FS24" s="71">
        <v>158</v>
      </c>
      <c r="FT24" s="71">
        <v>111</v>
      </c>
      <c r="FU24" s="72">
        <v>796</v>
      </c>
      <c r="FV24" s="73">
        <v>949</v>
      </c>
      <c r="FW24" s="70">
        <v>10</v>
      </c>
      <c r="FX24" s="71">
        <v>10</v>
      </c>
      <c r="FY24" s="72">
        <v>20</v>
      </c>
      <c r="FZ24" s="244"/>
      <c r="GA24" s="71">
        <v>11</v>
      </c>
      <c r="GB24" s="71">
        <v>20</v>
      </c>
      <c r="GC24" s="71">
        <v>12</v>
      </c>
      <c r="GD24" s="71">
        <v>6</v>
      </c>
      <c r="GE24" s="71">
        <v>7</v>
      </c>
      <c r="GF24" s="72">
        <v>56</v>
      </c>
      <c r="GG24" s="73">
        <v>76</v>
      </c>
      <c r="GH24" s="70">
        <v>562</v>
      </c>
      <c r="GI24" s="71">
        <v>554</v>
      </c>
      <c r="GJ24" s="72">
        <v>1116</v>
      </c>
      <c r="GK24" s="244"/>
      <c r="GL24" s="71">
        <v>727</v>
      </c>
      <c r="GM24" s="71">
        <v>754</v>
      </c>
      <c r="GN24" s="71">
        <v>549</v>
      </c>
      <c r="GO24" s="71">
        <v>458</v>
      </c>
      <c r="GP24" s="71">
        <v>353</v>
      </c>
      <c r="GQ24" s="72">
        <v>2841</v>
      </c>
      <c r="GR24" s="73">
        <v>3957</v>
      </c>
      <c r="GS24" s="123">
        <v>834</v>
      </c>
      <c r="GT24" s="82">
        <v>781</v>
      </c>
      <c r="GU24" s="83">
        <v>1615</v>
      </c>
      <c r="GV24" s="241"/>
      <c r="GW24" s="82">
        <v>1133</v>
      </c>
      <c r="GX24" s="82">
        <v>1139</v>
      </c>
      <c r="GY24" s="82">
        <v>835</v>
      </c>
      <c r="GZ24" s="82">
        <v>681</v>
      </c>
      <c r="HA24" s="82">
        <v>478</v>
      </c>
      <c r="HB24" s="84">
        <v>4266</v>
      </c>
      <c r="HC24" s="85">
        <v>5881</v>
      </c>
      <c r="HD24" s="70">
        <v>26</v>
      </c>
      <c r="HE24" s="71">
        <v>30</v>
      </c>
      <c r="HF24" s="72">
        <v>56</v>
      </c>
      <c r="HG24" s="244"/>
      <c r="HH24" s="71">
        <v>36</v>
      </c>
      <c r="HI24" s="71">
        <v>33</v>
      </c>
      <c r="HJ24" s="71">
        <v>28</v>
      </c>
      <c r="HK24" s="71">
        <v>26</v>
      </c>
      <c r="HL24" s="71">
        <v>23</v>
      </c>
      <c r="HM24" s="72">
        <v>146</v>
      </c>
      <c r="HN24" s="73">
        <v>202</v>
      </c>
      <c r="HO24" s="70">
        <v>80</v>
      </c>
      <c r="HP24" s="71">
        <v>75</v>
      </c>
      <c r="HQ24" s="72">
        <v>155</v>
      </c>
      <c r="HR24" s="244"/>
      <c r="HS24" s="71">
        <v>78</v>
      </c>
      <c r="HT24" s="71">
        <v>94</v>
      </c>
      <c r="HU24" s="71">
        <v>57</v>
      </c>
      <c r="HV24" s="71">
        <v>65</v>
      </c>
      <c r="HW24" s="71">
        <v>39</v>
      </c>
      <c r="HX24" s="72">
        <v>333</v>
      </c>
      <c r="HY24" s="73">
        <v>488</v>
      </c>
      <c r="HZ24" s="70">
        <v>153</v>
      </c>
      <c r="IA24" s="71">
        <v>137</v>
      </c>
      <c r="IB24" s="72">
        <v>290</v>
      </c>
      <c r="IC24" s="244"/>
      <c r="ID24" s="71">
        <v>177</v>
      </c>
      <c r="IE24" s="71">
        <v>163</v>
      </c>
      <c r="IF24" s="71">
        <v>107</v>
      </c>
      <c r="IG24" s="71">
        <v>94</v>
      </c>
      <c r="IH24" s="71">
        <v>51</v>
      </c>
      <c r="II24" s="72">
        <v>592</v>
      </c>
      <c r="IJ24" s="73">
        <v>882</v>
      </c>
      <c r="IK24" s="70">
        <v>237</v>
      </c>
      <c r="IL24" s="71">
        <v>204</v>
      </c>
      <c r="IM24" s="72">
        <v>441</v>
      </c>
      <c r="IN24" s="244"/>
      <c r="IO24" s="71">
        <v>308</v>
      </c>
      <c r="IP24" s="71">
        <v>284</v>
      </c>
      <c r="IQ24" s="71">
        <v>185</v>
      </c>
      <c r="IR24" s="71">
        <v>135</v>
      </c>
      <c r="IS24" s="71">
        <v>121</v>
      </c>
      <c r="IT24" s="72">
        <v>1033</v>
      </c>
      <c r="IU24" s="73">
        <v>1474</v>
      </c>
      <c r="IV24" s="70">
        <v>224</v>
      </c>
      <c r="IW24" s="71">
        <v>230</v>
      </c>
      <c r="IX24" s="72">
        <v>454</v>
      </c>
      <c r="IY24" s="244"/>
      <c r="IZ24" s="71">
        <v>320</v>
      </c>
      <c r="JA24" s="71">
        <v>310</v>
      </c>
      <c r="JB24" s="71">
        <v>238</v>
      </c>
      <c r="JC24" s="71">
        <v>174</v>
      </c>
      <c r="JD24" s="71">
        <v>115</v>
      </c>
      <c r="JE24" s="72">
        <v>1157</v>
      </c>
      <c r="JF24" s="73">
        <v>1611</v>
      </c>
      <c r="JG24" s="70">
        <v>114</v>
      </c>
      <c r="JH24" s="71">
        <v>105</v>
      </c>
      <c r="JI24" s="72">
        <v>219</v>
      </c>
      <c r="JJ24" s="244"/>
      <c r="JK24" s="71">
        <v>214</v>
      </c>
      <c r="JL24" s="71">
        <v>255</v>
      </c>
      <c r="JM24" s="71">
        <v>220</v>
      </c>
      <c r="JN24" s="71">
        <v>187</v>
      </c>
      <c r="JO24" s="71">
        <v>129</v>
      </c>
      <c r="JP24" s="72">
        <v>1005</v>
      </c>
      <c r="JQ24" s="73">
        <v>1224</v>
      </c>
      <c r="JR24" s="70">
        <v>16</v>
      </c>
      <c r="JS24" s="71">
        <v>23</v>
      </c>
      <c r="JT24" s="72">
        <v>39</v>
      </c>
      <c r="JU24" s="244"/>
      <c r="JV24" s="71">
        <v>18</v>
      </c>
      <c r="JW24" s="71">
        <v>41</v>
      </c>
      <c r="JX24" s="71">
        <v>19</v>
      </c>
      <c r="JY24" s="71">
        <v>17</v>
      </c>
      <c r="JZ24" s="71">
        <v>20</v>
      </c>
      <c r="KA24" s="72">
        <v>115</v>
      </c>
      <c r="KB24" s="73">
        <v>154</v>
      </c>
      <c r="KC24" s="70">
        <v>850</v>
      </c>
      <c r="KD24" s="71">
        <v>804</v>
      </c>
      <c r="KE24" s="72">
        <v>1654</v>
      </c>
      <c r="KF24" s="244"/>
      <c r="KG24" s="71">
        <v>1151</v>
      </c>
      <c r="KH24" s="71">
        <v>1180</v>
      </c>
      <c r="KI24" s="71">
        <v>854</v>
      </c>
      <c r="KJ24" s="71">
        <v>698</v>
      </c>
      <c r="KK24" s="71">
        <v>498</v>
      </c>
      <c r="KL24" s="72">
        <v>4381</v>
      </c>
      <c r="KM24" s="73">
        <v>6035</v>
      </c>
    </row>
    <row r="25" spans="2:299" ht="21" customHeight="1" x14ac:dyDescent="0.2">
      <c r="B25" s="126" t="s">
        <v>22</v>
      </c>
      <c r="C25" s="315">
        <v>76</v>
      </c>
      <c r="D25" s="82">
        <v>82</v>
      </c>
      <c r="E25" s="83">
        <v>158</v>
      </c>
      <c r="F25" s="241"/>
      <c r="G25" s="82">
        <v>197</v>
      </c>
      <c r="H25" s="82">
        <v>156</v>
      </c>
      <c r="I25" s="82">
        <v>85</v>
      </c>
      <c r="J25" s="82">
        <v>84</v>
      </c>
      <c r="K25" s="82">
        <v>52</v>
      </c>
      <c r="L25" s="84">
        <v>574</v>
      </c>
      <c r="M25" s="85">
        <v>732</v>
      </c>
      <c r="N25" s="70">
        <v>3</v>
      </c>
      <c r="O25" s="71">
        <v>4</v>
      </c>
      <c r="P25" s="72">
        <v>7</v>
      </c>
      <c r="Q25" s="244"/>
      <c r="R25" s="71">
        <v>5</v>
      </c>
      <c r="S25" s="71">
        <v>5</v>
      </c>
      <c r="T25" s="71">
        <v>1</v>
      </c>
      <c r="U25" s="71">
        <v>2</v>
      </c>
      <c r="V25" s="71">
        <v>3</v>
      </c>
      <c r="W25" s="72">
        <v>16</v>
      </c>
      <c r="X25" s="73">
        <v>23</v>
      </c>
      <c r="Y25" s="70">
        <v>10</v>
      </c>
      <c r="Z25" s="71">
        <v>9</v>
      </c>
      <c r="AA25" s="72">
        <v>19</v>
      </c>
      <c r="AB25" s="244"/>
      <c r="AC25" s="71">
        <v>22</v>
      </c>
      <c r="AD25" s="71">
        <v>12</v>
      </c>
      <c r="AE25" s="71">
        <v>2</v>
      </c>
      <c r="AF25" s="71">
        <v>9</v>
      </c>
      <c r="AG25" s="71">
        <v>7</v>
      </c>
      <c r="AH25" s="72">
        <v>52</v>
      </c>
      <c r="AI25" s="73">
        <v>71</v>
      </c>
      <c r="AJ25" s="70">
        <v>5</v>
      </c>
      <c r="AK25" s="71">
        <v>14</v>
      </c>
      <c r="AL25" s="72">
        <v>19</v>
      </c>
      <c r="AM25" s="244"/>
      <c r="AN25" s="71">
        <v>31</v>
      </c>
      <c r="AO25" s="71">
        <v>21</v>
      </c>
      <c r="AP25" s="71">
        <v>18</v>
      </c>
      <c r="AQ25" s="71">
        <v>13</v>
      </c>
      <c r="AR25" s="71">
        <v>12</v>
      </c>
      <c r="AS25" s="72">
        <v>95</v>
      </c>
      <c r="AT25" s="73">
        <v>114</v>
      </c>
      <c r="AU25" s="70">
        <v>22</v>
      </c>
      <c r="AV25" s="71">
        <v>18</v>
      </c>
      <c r="AW25" s="72">
        <v>40</v>
      </c>
      <c r="AX25" s="244"/>
      <c r="AY25" s="71">
        <v>46</v>
      </c>
      <c r="AZ25" s="71">
        <v>49</v>
      </c>
      <c r="BA25" s="71">
        <v>26</v>
      </c>
      <c r="BB25" s="71">
        <v>23</v>
      </c>
      <c r="BC25" s="71">
        <v>10</v>
      </c>
      <c r="BD25" s="72">
        <v>154</v>
      </c>
      <c r="BE25" s="73">
        <v>194</v>
      </c>
      <c r="BF25" s="70">
        <v>19</v>
      </c>
      <c r="BG25" s="71">
        <v>27</v>
      </c>
      <c r="BH25" s="72">
        <v>46</v>
      </c>
      <c r="BI25" s="244"/>
      <c r="BJ25" s="71">
        <v>56</v>
      </c>
      <c r="BK25" s="71">
        <v>36</v>
      </c>
      <c r="BL25" s="71">
        <v>22</v>
      </c>
      <c r="BM25" s="71">
        <v>18</v>
      </c>
      <c r="BN25" s="71">
        <v>10</v>
      </c>
      <c r="BO25" s="72">
        <v>142</v>
      </c>
      <c r="BP25" s="73">
        <v>188</v>
      </c>
      <c r="BQ25" s="70">
        <v>17</v>
      </c>
      <c r="BR25" s="71">
        <v>10</v>
      </c>
      <c r="BS25" s="72">
        <v>27</v>
      </c>
      <c r="BT25" s="244"/>
      <c r="BU25" s="71">
        <v>37</v>
      </c>
      <c r="BV25" s="71">
        <v>33</v>
      </c>
      <c r="BW25" s="71">
        <v>16</v>
      </c>
      <c r="BX25" s="71">
        <v>19</v>
      </c>
      <c r="BY25" s="71">
        <v>10</v>
      </c>
      <c r="BZ25" s="72">
        <v>115</v>
      </c>
      <c r="CA25" s="73">
        <v>142</v>
      </c>
      <c r="CB25" s="70">
        <v>0</v>
      </c>
      <c r="CC25" s="71">
        <v>6</v>
      </c>
      <c r="CD25" s="72">
        <v>6</v>
      </c>
      <c r="CE25" s="244"/>
      <c r="CF25" s="71">
        <v>8</v>
      </c>
      <c r="CG25" s="71">
        <v>4</v>
      </c>
      <c r="CH25" s="71">
        <v>2</v>
      </c>
      <c r="CI25" s="71">
        <v>2</v>
      </c>
      <c r="CJ25" s="71">
        <v>2</v>
      </c>
      <c r="CK25" s="72">
        <v>18</v>
      </c>
      <c r="CL25" s="73">
        <v>24</v>
      </c>
      <c r="CM25" s="70">
        <v>76</v>
      </c>
      <c r="CN25" s="71">
        <v>88</v>
      </c>
      <c r="CO25" s="72">
        <v>164</v>
      </c>
      <c r="CP25" s="244"/>
      <c r="CQ25" s="71">
        <v>205</v>
      </c>
      <c r="CR25" s="71">
        <v>160</v>
      </c>
      <c r="CS25" s="71">
        <v>87</v>
      </c>
      <c r="CT25" s="71">
        <v>86</v>
      </c>
      <c r="CU25" s="71">
        <v>54</v>
      </c>
      <c r="CV25" s="72">
        <v>592</v>
      </c>
      <c r="CW25" s="73">
        <v>756</v>
      </c>
      <c r="CX25" s="123">
        <v>115</v>
      </c>
      <c r="CY25" s="82">
        <v>242</v>
      </c>
      <c r="CZ25" s="83">
        <v>357</v>
      </c>
      <c r="DA25" s="241"/>
      <c r="DB25" s="82">
        <v>355</v>
      </c>
      <c r="DC25" s="82">
        <v>310</v>
      </c>
      <c r="DD25" s="82">
        <v>208</v>
      </c>
      <c r="DE25" s="82">
        <v>197</v>
      </c>
      <c r="DF25" s="82">
        <v>112</v>
      </c>
      <c r="DG25" s="84">
        <v>1182</v>
      </c>
      <c r="DH25" s="85">
        <v>1539</v>
      </c>
      <c r="DI25" s="70">
        <v>5</v>
      </c>
      <c r="DJ25" s="71">
        <v>8</v>
      </c>
      <c r="DK25" s="72">
        <v>13</v>
      </c>
      <c r="DL25" s="244"/>
      <c r="DM25" s="71">
        <v>5</v>
      </c>
      <c r="DN25" s="71">
        <v>8</v>
      </c>
      <c r="DO25" s="71">
        <v>1</v>
      </c>
      <c r="DP25" s="71">
        <v>2</v>
      </c>
      <c r="DQ25" s="71">
        <v>1</v>
      </c>
      <c r="DR25" s="72">
        <v>17</v>
      </c>
      <c r="DS25" s="73">
        <v>30</v>
      </c>
      <c r="DT25" s="70">
        <v>3</v>
      </c>
      <c r="DU25" s="71">
        <v>6</v>
      </c>
      <c r="DV25" s="72">
        <v>9</v>
      </c>
      <c r="DW25" s="244"/>
      <c r="DX25" s="71">
        <v>20</v>
      </c>
      <c r="DY25" s="71">
        <v>15</v>
      </c>
      <c r="DZ25" s="71">
        <v>12</v>
      </c>
      <c r="EA25" s="71">
        <v>9</v>
      </c>
      <c r="EB25" s="71">
        <v>11</v>
      </c>
      <c r="EC25" s="72">
        <v>67</v>
      </c>
      <c r="ED25" s="73">
        <v>76</v>
      </c>
      <c r="EE25" s="70">
        <v>27</v>
      </c>
      <c r="EF25" s="71">
        <v>43</v>
      </c>
      <c r="EG25" s="72">
        <v>70</v>
      </c>
      <c r="EH25" s="244"/>
      <c r="EI25" s="71">
        <v>43</v>
      </c>
      <c r="EJ25" s="71">
        <v>33</v>
      </c>
      <c r="EK25" s="71">
        <v>15</v>
      </c>
      <c r="EL25" s="71">
        <v>16</v>
      </c>
      <c r="EM25" s="71">
        <v>12</v>
      </c>
      <c r="EN25" s="72">
        <v>119</v>
      </c>
      <c r="EO25" s="73">
        <v>189</v>
      </c>
      <c r="EP25" s="70">
        <v>37</v>
      </c>
      <c r="EQ25" s="71">
        <v>65</v>
      </c>
      <c r="ER25" s="72">
        <v>102</v>
      </c>
      <c r="ES25" s="244"/>
      <c r="ET25" s="71">
        <v>80</v>
      </c>
      <c r="EU25" s="71">
        <v>61</v>
      </c>
      <c r="EV25" s="71">
        <v>41</v>
      </c>
      <c r="EW25" s="71">
        <v>43</v>
      </c>
      <c r="EX25" s="71">
        <v>20</v>
      </c>
      <c r="EY25" s="72">
        <v>245</v>
      </c>
      <c r="EZ25" s="73">
        <v>347</v>
      </c>
      <c r="FA25" s="70">
        <v>28</v>
      </c>
      <c r="FB25" s="71">
        <v>76</v>
      </c>
      <c r="FC25" s="72">
        <v>104</v>
      </c>
      <c r="FD25" s="244"/>
      <c r="FE25" s="71">
        <v>105</v>
      </c>
      <c r="FF25" s="71">
        <v>95</v>
      </c>
      <c r="FG25" s="71">
        <v>56</v>
      </c>
      <c r="FH25" s="71">
        <v>48</v>
      </c>
      <c r="FI25" s="71">
        <v>32</v>
      </c>
      <c r="FJ25" s="72">
        <v>336</v>
      </c>
      <c r="FK25" s="73">
        <v>440</v>
      </c>
      <c r="FL25" s="70">
        <v>15</v>
      </c>
      <c r="FM25" s="71">
        <v>44</v>
      </c>
      <c r="FN25" s="72">
        <v>59</v>
      </c>
      <c r="FO25" s="244"/>
      <c r="FP25" s="71">
        <v>102</v>
      </c>
      <c r="FQ25" s="71">
        <v>98</v>
      </c>
      <c r="FR25" s="71">
        <v>83</v>
      </c>
      <c r="FS25" s="71">
        <v>79</v>
      </c>
      <c r="FT25" s="71">
        <v>36</v>
      </c>
      <c r="FU25" s="72">
        <v>398</v>
      </c>
      <c r="FV25" s="73">
        <v>457</v>
      </c>
      <c r="FW25" s="70">
        <v>1</v>
      </c>
      <c r="FX25" s="71">
        <v>2</v>
      </c>
      <c r="FY25" s="72">
        <v>3</v>
      </c>
      <c r="FZ25" s="244"/>
      <c r="GA25" s="71">
        <v>5</v>
      </c>
      <c r="GB25" s="71">
        <v>4</v>
      </c>
      <c r="GC25" s="71">
        <v>5</v>
      </c>
      <c r="GD25" s="71">
        <v>5</v>
      </c>
      <c r="GE25" s="71">
        <v>1</v>
      </c>
      <c r="GF25" s="72">
        <v>20</v>
      </c>
      <c r="GG25" s="73">
        <v>23</v>
      </c>
      <c r="GH25" s="70">
        <v>116</v>
      </c>
      <c r="GI25" s="71">
        <v>244</v>
      </c>
      <c r="GJ25" s="72">
        <v>360</v>
      </c>
      <c r="GK25" s="244"/>
      <c r="GL25" s="71">
        <v>360</v>
      </c>
      <c r="GM25" s="71">
        <v>314</v>
      </c>
      <c r="GN25" s="71">
        <v>213</v>
      </c>
      <c r="GO25" s="71">
        <v>202</v>
      </c>
      <c r="GP25" s="71">
        <v>113</v>
      </c>
      <c r="GQ25" s="72">
        <v>1202</v>
      </c>
      <c r="GR25" s="73">
        <v>1562</v>
      </c>
      <c r="GS25" s="123">
        <v>191</v>
      </c>
      <c r="GT25" s="82">
        <v>324</v>
      </c>
      <c r="GU25" s="83">
        <v>515</v>
      </c>
      <c r="GV25" s="241"/>
      <c r="GW25" s="82">
        <v>552</v>
      </c>
      <c r="GX25" s="82">
        <v>466</v>
      </c>
      <c r="GY25" s="82">
        <v>293</v>
      </c>
      <c r="GZ25" s="82">
        <v>281</v>
      </c>
      <c r="HA25" s="82">
        <v>164</v>
      </c>
      <c r="HB25" s="84">
        <v>1756</v>
      </c>
      <c r="HC25" s="85">
        <v>2271</v>
      </c>
      <c r="HD25" s="70">
        <v>8</v>
      </c>
      <c r="HE25" s="71">
        <v>12</v>
      </c>
      <c r="HF25" s="72">
        <v>20</v>
      </c>
      <c r="HG25" s="244"/>
      <c r="HH25" s="71">
        <v>10</v>
      </c>
      <c r="HI25" s="71">
        <v>13</v>
      </c>
      <c r="HJ25" s="71">
        <v>2</v>
      </c>
      <c r="HK25" s="71">
        <v>4</v>
      </c>
      <c r="HL25" s="71">
        <v>4</v>
      </c>
      <c r="HM25" s="72">
        <v>33</v>
      </c>
      <c r="HN25" s="73">
        <v>53</v>
      </c>
      <c r="HO25" s="70">
        <v>13</v>
      </c>
      <c r="HP25" s="71">
        <v>15</v>
      </c>
      <c r="HQ25" s="72">
        <v>28</v>
      </c>
      <c r="HR25" s="244"/>
      <c r="HS25" s="71">
        <v>42</v>
      </c>
      <c r="HT25" s="71">
        <v>27</v>
      </c>
      <c r="HU25" s="71">
        <v>14</v>
      </c>
      <c r="HV25" s="71">
        <v>18</v>
      </c>
      <c r="HW25" s="71">
        <v>18</v>
      </c>
      <c r="HX25" s="72">
        <v>119</v>
      </c>
      <c r="HY25" s="73">
        <v>147</v>
      </c>
      <c r="HZ25" s="70">
        <v>32</v>
      </c>
      <c r="IA25" s="71">
        <v>57</v>
      </c>
      <c r="IB25" s="72">
        <v>89</v>
      </c>
      <c r="IC25" s="244"/>
      <c r="ID25" s="71">
        <v>74</v>
      </c>
      <c r="IE25" s="71">
        <v>54</v>
      </c>
      <c r="IF25" s="71">
        <v>33</v>
      </c>
      <c r="IG25" s="71">
        <v>29</v>
      </c>
      <c r="IH25" s="71">
        <v>24</v>
      </c>
      <c r="II25" s="72">
        <v>214</v>
      </c>
      <c r="IJ25" s="73">
        <v>303</v>
      </c>
      <c r="IK25" s="70">
        <v>59</v>
      </c>
      <c r="IL25" s="71">
        <v>83</v>
      </c>
      <c r="IM25" s="72">
        <v>142</v>
      </c>
      <c r="IN25" s="244"/>
      <c r="IO25" s="71">
        <v>126</v>
      </c>
      <c r="IP25" s="71">
        <v>110</v>
      </c>
      <c r="IQ25" s="71">
        <v>67</v>
      </c>
      <c r="IR25" s="71">
        <v>66</v>
      </c>
      <c r="IS25" s="71">
        <v>30</v>
      </c>
      <c r="IT25" s="72">
        <v>399</v>
      </c>
      <c r="IU25" s="73">
        <v>541</v>
      </c>
      <c r="IV25" s="70">
        <v>47</v>
      </c>
      <c r="IW25" s="71">
        <v>103</v>
      </c>
      <c r="IX25" s="72">
        <v>150</v>
      </c>
      <c r="IY25" s="244"/>
      <c r="IZ25" s="71">
        <v>161</v>
      </c>
      <c r="JA25" s="71">
        <v>131</v>
      </c>
      <c r="JB25" s="71">
        <v>78</v>
      </c>
      <c r="JC25" s="71">
        <v>66</v>
      </c>
      <c r="JD25" s="71">
        <v>42</v>
      </c>
      <c r="JE25" s="72">
        <v>478</v>
      </c>
      <c r="JF25" s="73">
        <v>628</v>
      </c>
      <c r="JG25" s="70">
        <v>32</v>
      </c>
      <c r="JH25" s="71">
        <v>54</v>
      </c>
      <c r="JI25" s="72">
        <v>86</v>
      </c>
      <c r="JJ25" s="244"/>
      <c r="JK25" s="71">
        <v>139</v>
      </c>
      <c r="JL25" s="71">
        <v>131</v>
      </c>
      <c r="JM25" s="71">
        <v>99</v>
      </c>
      <c r="JN25" s="71">
        <v>98</v>
      </c>
      <c r="JO25" s="71">
        <v>46</v>
      </c>
      <c r="JP25" s="72">
        <v>513</v>
      </c>
      <c r="JQ25" s="73">
        <v>599</v>
      </c>
      <c r="JR25" s="70">
        <v>1</v>
      </c>
      <c r="JS25" s="71">
        <v>8</v>
      </c>
      <c r="JT25" s="72">
        <v>9</v>
      </c>
      <c r="JU25" s="244"/>
      <c r="JV25" s="71">
        <v>13</v>
      </c>
      <c r="JW25" s="71">
        <v>8</v>
      </c>
      <c r="JX25" s="71">
        <v>7</v>
      </c>
      <c r="JY25" s="71">
        <v>7</v>
      </c>
      <c r="JZ25" s="71">
        <v>3</v>
      </c>
      <c r="KA25" s="72">
        <v>38</v>
      </c>
      <c r="KB25" s="73">
        <v>47</v>
      </c>
      <c r="KC25" s="70">
        <v>192</v>
      </c>
      <c r="KD25" s="71">
        <v>332</v>
      </c>
      <c r="KE25" s="72">
        <v>524</v>
      </c>
      <c r="KF25" s="244"/>
      <c r="KG25" s="71">
        <v>565</v>
      </c>
      <c r="KH25" s="71">
        <v>474</v>
      </c>
      <c r="KI25" s="71">
        <v>300</v>
      </c>
      <c r="KJ25" s="71">
        <v>288</v>
      </c>
      <c r="KK25" s="71">
        <v>167</v>
      </c>
      <c r="KL25" s="72">
        <v>1794</v>
      </c>
      <c r="KM25" s="73">
        <v>2318</v>
      </c>
    </row>
    <row r="26" spans="2:299" ht="21" customHeight="1" x14ac:dyDescent="0.2">
      <c r="B26" s="126" t="s">
        <v>23</v>
      </c>
      <c r="C26" s="315">
        <v>170</v>
      </c>
      <c r="D26" s="82">
        <v>180</v>
      </c>
      <c r="E26" s="83">
        <v>350</v>
      </c>
      <c r="F26" s="241"/>
      <c r="G26" s="82">
        <v>321</v>
      </c>
      <c r="H26" s="82">
        <v>271</v>
      </c>
      <c r="I26" s="82">
        <v>160</v>
      </c>
      <c r="J26" s="82">
        <v>145</v>
      </c>
      <c r="K26" s="82">
        <v>98</v>
      </c>
      <c r="L26" s="84">
        <v>995</v>
      </c>
      <c r="M26" s="85">
        <v>1345</v>
      </c>
      <c r="N26" s="70">
        <v>9</v>
      </c>
      <c r="O26" s="71">
        <v>10</v>
      </c>
      <c r="P26" s="72">
        <v>19</v>
      </c>
      <c r="Q26" s="244"/>
      <c r="R26" s="71">
        <v>11</v>
      </c>
      <c r="S26" s="71">
        <v>11</v>
      </c>
      <c r="T26" s="71">
        <v>8</v>
      </c>
      <c r="U26" s="71">
        <v>9</v>
      </c>
      <c r="V26" s="71">
        <v>4</v>
      </c>
      <c r="W26" s="72">
        <v>43</v>
      </c>
      <c r="X26" s="73">
        <v>62</v>
      </c>
      <c r="Y26" s="70">
        <v>28</v>
      </c>
      <c r="Z26" s="71">
        <v>18</v>
      </c>
      <c r="AA26" s="72">
        <v>46</v>
      </c>
      <c r="AB26" s="244"/>
      <c r="AC26" s="71">
        <v>31</v>
      </c>
      <c r="AD26" s="71">
        <v>30</v>
      </c>
      <c r="AE26" s="71">
        <v>16</v>
      </c>
      <c r="AF26" s="71">
        <v>20</v>
      </c>
      <c r="AG26" s="71">
        <v>14</v>
      </c>
      <c r="AH26" s="72">
        <v>111</v>
      </c>
      <c r="AI26" s="73">
        <v>157</v>
      </c>
      <c r="AJ26" s="70">
        <v>32</v>
      </c>
      <c r="AK26" s="71">
        <v>36</v>
      </c>
      <c r="AL26" s="72">
        <v>68</v>
      </c>
      <c r="AM26" s="244"/>
      <c r="AN26" s="71">
        <v>67</v>
      </c>
      <c r="AO26" s="71">
        <v>54</v>
      </c>
      <c r="AP26" s="71">
        <v>20</v>
      </c>
      <c r="AQ26" s="71">
        <v>20</v>
      </c>
      <c r="AR26" s="71">
        <v>31</v>
      </c>
      <c r="AS26" s="72">
        <v>192</v>
      </c>
      <c r="AT26" s="73">
        <v>260</v>
      </c>
      <c r="AU26" s="70">
        <v>43</v>
      </c>
      <c r="AV26" s="71">
        <v>60</v>
      </c>
      <c r="AW26" s="72">
        <v>103</v>
      </c>
      <c r="AX26" s="244"/>
      <c r="AY26" s="71">
        <v>99</v>
      </c>
      <c r="AZ26" s="71">
        <v>77</v>
      </c>
      <c r="BA26" s="71">
        <v>44</v>
      </c>
      <c r="BB26" s="71">
        <v>38</v>
      </c>
      <c r="BC26" s="71">
        <v>18</v>
      </c>
      <c r="BD26" s="72">
        <v>276</v>
      </c>
      <c r="BE26" s="73">
        <v>379</v>
      </c>
      <c r="BF26" s="70">
        <v>46</v>
      </c>
      <c r="BG26" s="71">
        <v>35</v>
      </c>
      <c r="BH26" s="72">
        <v>81</v>
      </c>
      <c r="BI26" s="244"/>
      <c r="BJ26" s="71">
        <v>79</v>
      </c>
      <c r="BK26" s="71">
        <v>66</v>
      </c>
      <c r="BL26" s="71">
        <v>46</v>
      </c>
      <c r="BM26" s="71">
        <v>33</v>
      </c>
      <c r="BN26" s="71">
        <v>21</v>
      </c>
      <c r="BO26" s="72">
        <v>245</v>
      </c>
      <c r="BP26" s="73">
        <v>326</v>
      </c>
      <c r="BQ26" s="70">
        <v>12</v>
      </c>
      <c r="BR26" s="71">
        <v>21</v>
      </c>
      <c r="BS26" s="72">
        <v>33</v>
      </c>
      <c r="BT26" s="244"/>
      <c r="BU26" s="71">
        <v>34</v>
      </c>
      <c r="BV26" s="71">
        <v>33</v>
      </c>
      <c r="BW26" s="71">
        <v>26</v>
      </c>
      <c r="BX26" s="71">
        <v>25</v>
      </c>
      <c r="BY26" s="71">
        <v>10</v>
      </c>
      <c r="BZ26" s="72">
        <v>128</v>
      </c>
      <c r="CA26" s="73">
        <v>161</v>
      </c>
      <c r="CB26" s="70">
        <v>3</v>
      </c>
      <c r="CC26" s="71">
        <v>9</v>
      </c>
      <c r="CD26" s="72">
        <v>12</v>
      </c>
      <c r="CE26" s="244"/>
      <c r="CF26" s="71">
        <v>8</v>
      </c>
      <c r="CG26" s="71">
        <v>11</v>
      </c>
      <c r="CH26" s="71">
        <v>7</v>
      </c>
      <c r="CI26" s="71">
        <v>6</v>
      </c>
      <c r="CJ26" s="71">
        <v>4</v>
      </c>
      <c r="CK26" s="72">
        <v>36</v>
      </c>
      <c r="CL26" s="73">
        <v>48</v>
      </c>
      <c r="CM26" s="70">
        <v>173</v>
      </c>
      <c r="CN26" s="71">
        <v>189</v>
      </c>
      <c r="CO26" s="72">
        <v>362</v>
      </c>
      <c r="CP26" s="244"/>
      <c r="CQ26" s="71">
        <v>329</v>
      </c>
      <c r="CR26" s="71">
        <v>282</v>
      </c>
      <c r="CS26" s="71">
        <v>167</v>
      </c>
      <c r="CT26" s="71">
        <v>151</v>
      </c>
      <c r="CU26" s="71">
        <v>102</v>
      </c>
      <c r="CV26" s="72">
        <v>1031</v>
      </c>
      <c r="CW26" s="73">
        <v>1393</v>
      </c>
      <c r="CX26" s="123">
        <v>313</v>
      </c>
      <c r="CY26" s="82">
        <v>395</v>
      </c>
      <c r="CZ26" s="83">
        <v>708</v>
      </c>
      <c r="DA26" s="241"/>
      <c r="DB26" s="82">
        <v>533</v>
      </c>
      <c r="DC26" s="82">
        <v>412</v>
      </c>
      <c r="DD26" s="82">
        <v>292</v>
      </c>
      <c r="DE26" s="82">
        <v>349</v>
      </c>
      <c r="DF26" s="82">
        <v>238</v>
      </c>
      <c r="DG26" s="84">
        <v>1824</v>
      </c>
      <c r="DH26" s="85">
        <v>2532</v>
      </c>
      <c r="DI26" s="70">
        <v>10</v>
      </c>
      <c r="DJ26" s="71">
        <v>18</v>
      </c>
      <c r="DK26" s="72">
        <v>28</v>
      </c>
      <c r="DL26" s="244"/>
      <c r="DM26" s="71">
        <v>10</v>
      </c>
      <c r="DN26" s="71">
        <v>9</v>
      </c>
      <c r="DO26" s="71">
        <v>4</v>
      </c>
      <c r="DP26" s="71">
        <v>7</v>
      </c>
      <c r="DQ26" s="71">
        <v>1</v>
      </c>
      <c r="DR26" s="72">
        <v>31</v>
      </c>
      <c r="DS26" s="73">
        <v>59</v>
      </c>
      <c r="DT26" s="70">
        <v>25</v>
      </c>
      <c r="DU26" s="71">
        <v>32</v>
      </c>
      <c r="DV26" s="72">
        <v>57</v>
      </c>
      <c r="DW26" s="244"/>
      <c r="DX26" s="71">
        <v>33</v>
      </c>
      <c r="DY26" s="71">
        <v>35</v>
      </c>
      <c r="DZ26" s="71">
        <v>20</v>
      </c>
      <c r="EA26" s="71">
        <v>26</v>
      </c>
      <c r="EB26" s="71">
        <v>13</v>
      </c>
      <c r="EC26" s="72">
        <v>127</v>
      </c>
      <c r="ED26" s="73">
        <v>184</v>
      </c>
      <c r="EE26" s="70">
        <v>58</v>
      </c>
      <c r="EF26" s="71">
        <v>76</v>
      </c>
      <c r="EG26" s="72">
        <v>134</v>
      </c>
      <c r="EH26" s="244"/>
      <c r="EI26" s="71">
        <v>81</v>
      </c>
      <c r="EJ26" s="71">
        <v>52</v>
      </c>
      <c r="EK26" s="71">
        <v>33</v>
      </c>
      <c r="EL26" s="71">
        <v>48</v>
      </c>
      <c r="EM26" s="71">
        <v>40</v>
      </c>
      <c r="EN26" s="72">
        <v>254</v>
      </c>
      <c r="EO26" s="73">
        <v>388</v>
      </c>
      <c r="EP26" s="70">
        <v>121</v>
      </c>
      <c r="EQ26" s="71">
        <v>118</v>
      </c>
      <c r="ER26" s="72">
        <v>239</v>
      </c>
      <c r="ES26" s="244"/>
      <c r="ET26" s="71">
        <v>156</v>
      </c>
      <c r="EU26" s="71">
        <v>98</v>
      </c>
      <c r="EV26" s="71">
        <v>66</v>
      </c>
      <c r="EW26" s="71">
        <v>63</v>
      </c>
      <c r="EX26" s="71">
        <v>49</v>
      </c>
      <c r="EY26" s="72">
        <v>432</v>
      </c>
      <c r="EZ26" s="73">
        <v>671</v>
      </c>
      <c r="FA26" s="70">
        <v>69</v>
      </c>
      <c r="FB26" s="71">
        <v>101</v>
      </c>
      <c r="FC26" s="72">
        <v>170</v>
      </c>
      <c r="FD26" s="244"/>
      <c r="FE26" s="71">
        <v>153</v>
      </c>
      <c r="FF26" s="71">
        <v>120</v>
      </c>
      <c r="FG26" s="71">
        <v>89</v>
      </c>
      <c r="FH26" s="71">
        <v>93</v>
      </c>
      <c r="FI26" s="71">
        <v>54</v>
      </c>
      <c r="FJ26" s="72">
        <v>509</v>
      </c>
      <c r="FK26" s="73">
        <v>679</v>
      </c>
      <c r="FL26" s="70">
        <v>30</v>
      </c>
      <c r="FM26" s="71">
        <v>50</v>
      </c>
      <c r="FN26" s="72">
        <v>80</v>
      </c>
      <c r="FO26" s="244"/>
      <c r="FP26" s="71">
        <v>100</v>
      </c>
      <c r="FQ26" s="71">
        <v>98</v>
      </c>
      <c r="FR26" s="71">
        <v>80</v>
      </c>
      <c r="FS26" s="71">
        <v>112</v>
      </c>
      <c r="FT26" s="71">
        <v>81</v>
      </c>
      <c r="FU26" s="72">
        <v>471</v>
      </c>
      <c r="FV26" s="73">
        <v>551</v>
      </c>
      <c r="FW26" s="70">
        <v>3</v>
      </c>
      <c r="FX26" s="71">
        <v>9</v>
      </c>
      <c r="FY26" s="72">
        <v>12</v>
      </c>
      <c r="FZ26" s="244"/>
      <c r="GA26" s="71">
        <v>3</v>
      </c>
      <c r="GB26" s="71">
        <v>10</v>
      </c>
      <c r="GC26" s="71">
        <v>3</v>
      </c>
      <c r="GD26" s="71">
        <v>3</v>
      </c>
      <c r="GE26" s="71">
        <v>7</v>
      </c>
      <c r="GF26" s="72">
        <v>26</v>
      </c>
      <c r="GG26" s="73">
        <v>38</v>
      </c>
      <c r="GH26" s="70">
        <v>316</v>
      </c>
      <c r="GI26" s="71">
        <v>404</v>
      </c>
      <c r="GJ26" s="72">
        <v>720</v>
      </c>
      <c r="GK26" s="244"/>
      <c r="GL26" s="71">
        <v>536</v>
      </c>
      <c r="GM26" s="71">
        <v>422</v>
      </c>
      <c r="GN26" s="71">
        <v>295</v>
      </c>
      <c r="GO26" s="71">
        <v>352</v>
      </c>
      <c r="GP26" s="71">
        <v>245</v>
      </c>
      <c r="GQ26" s="72">
        <v>1850</v>
      </c>
      <c r="GR26" s="73">
        <v>2570</v>
      </c>
      <c r="GS26" s="123">
        <v>483</v>
      </c>
      <c r="GT26" s="82">
        <v>575</v>
      </c>
      <c r="GU26" s="83">
        <v>1058</v>
      </c>
      <c r="GV26" s="241"/>
      <c r="GW26" s="82">
        <v>854</v>
      </c>
      <c r="GX26" s="82">
        <v>683</v>
      </c>
      <c r="GY26" s="82">
        <v>452</v>
      </c>
      <c r="GZ26" s="82">
        <v>494</v>
      </c>
      <c r="HA26" s="82">
        <v>336</v>
      </c>
      <c r="HB26" s="84">
        <v>2819</v>
      </c>
      <c r="HC26" s="85">
        <v>3877</v>
      </c>
      <c r="HD26" s="70">
        <v>19</v>
      </c>
      <c r="HE26" s="71">
        <v>28</v>
      </c>
      <c r="HF26" s="72">
        <v>47</v>
      </c>
      <c r="HG26" s="244"/>
      <c r="HH26" s="71">
        <v>21</v>
      </c>
      <c r="HI26" s="71">
        <v>20</v>
      </c>
      <c r="HJ26" s="71">
        <v>12</v>
      </c>
      <c r="HK26" s="71">
        <v>16</v>
      </c>
      <c r="HL26" s="71">
        <v>5</v>
      </c>
      <c r="HM26" s="72">
        <v>74</v>
      </c>
      <c r="HN26" s="73">
        <v>121</v>
      </c>
      <c r="HO26" s="70">
        <v>53</v>
      </c>
      <c r="HP26" s="71">
        <v>50</v>
      </c>
      <c r="HQ26" s="72">
        <v>103</v>
      </c>
      <c r="HR26" s="244"/>
      <c r="HS26" s="71">
        <v>64</v>
      </c>
      <c r="HT26" s="71">
        <v>65</v>
      </c>
      <c r="HU26" s="71">
        <v>36</v>
      </c>
      <c r="HV26" s="71">
        <v>46</v>
      </c>
      <c r="HW26" s="71">
        <v>27</v>
      </c>
      <c r="HX26" s="72">
        <v>238</v>
      </c>
      <c r="HY26" s="73">
        <v>341</v>
      </c>
      <c r="HZ26" s="70">
        <v>90</v>
      </c>
      <c r="IA26" s="71">
        <v>112</v>
      </c>
      <c r="IB26" s="72">
        <v>202</v>
      </c>
      <c r="IC26" s="244"/>
      <c r="ID26" s="71">
        <v>148</v>
      </c>
      <c r="IE26" s="71">
        <v>106</v>
      </c>
      <c r="IF26" s="71">
        <v>53</v>
      </c>
      <c r="IG26" s="71">
        <v>68</v>
      </c>
      <c r="IH26" s="71">
        <v>71</v>
      </c>
      <c r="II26" s="72">
        <v>446</v>
      </c>
      <c r="IJ26" s="73">
        <v>648</v>
      </c>
      <c r="IK26" s="70">
        <v>164</v>
      </c>
      <c r="IL26" s="71">
        <v>178</v>
      </c>
      <c r="IM26" s="72">
        <v>342</v>
      </c>
      <c r="IN26" s="244"/>
      <c r="IO26" s="71">
        <v>255</v>
      </c>
      <c r="IP26" s="71">
        <v>175</v>
      </c>
      <c r="IQ26" s="71">
        <v>110</v>
      </c>
      <c r="IR26" s="71">
        <v>101</v>
      </c>
      <c r="IS26" s="71">
        <v>67</v>
      </c>
      <c r="IT26" s="72">
        <v>708</v>
      </c>
      <c r="IU26" s="73">
        <v>1050</v>
      </c>
      <c r="IV26" s="70">
        <v>115</v>
      </c>
      <c r="IW26" s="71">
        <v>136</v>
      </c>
      <c r="IX26" s="72">
        <v>251</v>
      </c>
      <c r="IY26" s="244"/>
      <c r="IZ26" s="71">
        <v>232</v>
      </c>
      <c r="JA26" s="71">
        <v>186</v>
      </c>
      <c r="JB26" s="71">
        <v>135</v>
      </c>
      <c r="JC26" s="71">
        <v>126</v>
      </c>
      <c r="JD26" s="71">
        <v>75</v>
      </c>
      <c r="JE26" s="72">
        <v>754</v>
      </c>
      <c r="JF26" s="73">
        <v>1005</v>
      </c>
      <c r="JG26" s="70">
        <v>42</v>
      </c>
      <c r="JH26" s="71">
        <v>71</v>
      </c>
      <c r="JI26" s="72">
        <v>113</v>
      </c>
      <c r="JJ26" s="244"/>
      <c r="JK26" s="71">
        <v>134</v>
      </c>
      <c r="JL26" s="71">
        <v>131</v>
      </c>
      <c r="JM26" s="71">
        <v>106</v>
      </c>
      <c r="JN26" s="71">
        <v>137</v>
      </c>
      <c r="JO26" s="71">
        <v>91</v>
      </c>
      <c r="JP26" s="72">
        <v>599</v>
      </c>
      <c r="JQ26" s="73">
        <v>712</v>
      </c>
      <c r="JR26" s="70">
        <v>6</v>
      </c>
      <c r="JS26" s="71">
        <v>18</v>
      </c>
      <c r="JT26" s="72">
        <v>24</v>
      </c>
      <c r="JU26" s="244"/>
      <c r="JV26" s="71">
        <v>11</v>
      </c>
      <c r="JW26" s="71">
        <v>21</v>
      </c>
      <c r="JX26" s="71">
        <v>10</v>
      </c>
      <c r="JY26" s="71">
        <v>9</v>
      </c>
      <c r="JZ26" s="71">
        <v>11</v>
      </c>
      <c r="KA26" s="72">
        <v>62</v>
      </c>
      <c r="KB26" s="73">
        <v>86</v>
      </c>
      <c r="KC26" s="70">
        <v>489</v>
      </c>
      <c r="KD26" s="71">
        <v>593</v>
      </c>
      <c r="KE26" s="72">
        <v>1082</v>
      </c>
      <c r="KF26" s="244"/>
      <c r="KG26" s="71">
        <v>865</v>
      </c>
      <c r="KH26" s="71">
        <v>704</v>
      </c>
      <c r="KI26" s="71">
        <v>462</v>
      </c>
      <c r="KJ26" s="71">
        <v>503</v>
      </c>
      <c r="KK26" s="71">
        <v>347</v>
      </c>
      <c r="KL26" s="72">
        <v>2881</v>
      </c>
      <c r="KM26" s="73">
        <v>3963</v>
      </c>
    </row>
    <row r="27" spans="2:299" ht="21" customHeight="1" x14ac:dyDescent="0.2">
      <c r="B27" s="126" t="s">
        <v>24</v>
      </c>
      <c r="C27" s="315">
        <v>104</v>
      </c>
      <c r="D27" s="82">
        <v>76</v>
      </c>
      <c r="E27" s="83">
        <v>180</v>
      </c>
      <c r="F27" s="241"/>
      <c r="G27" s="82">
        <v>152</v>
      </c>
      <c r="H27" s="82">
        <v>91</v>
      </c>
      <c r="I27" s="82">
        <v>69</v>
      </c>
      <c r="J27" s="82">
        <v>53</v>
      </c>
      <c r="K27" s="82">
        <v>55</v>
      </c>
      <c r="L27" s="84">
        <v>420</v>
      </c>
      <c r="M27" s="85">
        <v>600</v>
      </c>
      <c r="N27" s="70">
        <v>3</v>
      </c>
      <c r="O27" s="71">
        <v>2</v>
      </c>
      <c r="P27" s="72">
        <v>5</v>
      </c>
      <c r="Q27" s="244"/>
      <c r="R27" s="71">
        <v>6</v>
      </c>
      <c r="S27" s="71">
        <v>4</v>
      </c>
      <c r="T27" s="71">
        <v>3</v>
      </c>
      <c r="U27" s="71">
        <v>1</v>
      </c>
      <c r="V27" s="71">
        <v>4</v>
      </c>
      <c r="W27" s="72">
        <v>18</v>
      </c>
      <c r="X27" s="73">
        <v>23</v>
      </c>
      <c r="Y27" s="70">
        <v>7</v>
      </c>
      <c r="Z27" s="71">
        <v>3</v>
      </c>
      <c r="AA27" s="72">
        <v>10</v>
      </c>
      <c r="AB27" s="244"/>
      <c r="AC27" s="71">
        <v>15</v>
      </c>
      <c r="AD27" s="71">
        <v>13</v>
      </c>
      <c r="AE27" s="71">
        <v>2</v>
      </c>
      <c r="AF27" s="71">
        <v>3</v>
      </c>
      <c r="AG27" s="71">
        <v>6</v>
      </c>
      <c r="AH27" s="72">
        <v>39</v>
      </c>
      <c r="AI27" s="73">
        <v>49</v>
      </c>
      <c r="AJ27" s="70">
        <v>16</v>
      </c>
      <c r="AK27" s="71">
        <v>13</v>
      </c>
      <c r="AL27" s="72">
        <v>29</v>
      </c>
      <c r="AM27" s="244"/>
      <c r="AN27" s="71">
        <v>18</v>
      </c>
      <c r="AO27" s="71">
        <v>13</v>
      </c>
      <c r="AP27" s="71">
        <v>13</v>
      </c>
      <c r="AQ27" s="71">
        <v>5</v>
      </c>
      <c r="AR27" s="71">
        <v>5</v>
      </c>
      <c r="AS27" s="72">
        <v>54</v>
      </c>
      <c r="AT27" s="73">
        <v>83</v>
      </c>
      <c r="AU27" s="70">
        <v>21</v>
      </c>
      <c r="AV27" s="71">
        <v>19</v>
      </c>
      <c r="AW27" s="72">
        <v>40</v>
      </c>
      <c r="AX27" s="244"/>
      <c r="AY27" s="71">
        <v>37</v>
      </c>
      <c r="AZ27" s="71">
        <v>13</v>
      </c>
      <c r="BA27" s="71">
        <v>14</v>
      </c>
      <c r="BB27" s="71">
        <v>14</v>
      </c>
      <c r="BC27" s="71">
        <v>18</v>
      </c>
      <c r="BD27" s="72">
        <v>96</v>
      </c>
      <c r="BE27" s="73">
        <v>136</v>
      </c>
      <c r="BF27" s="70">
        <v>32</v>
      </c>
      <c r="BG27" s="71">
        <v>23</v>
      </c>
      <c r="BH27" s="72">
        <v>55</v>
      </c>
      <c r="BI27" s="244"/>
      <c r="BJ27" s="71">
        <v>39</v>
      </c>
      <c r="BK27" s="71">
        <v>30</v>
      </c>
      <c r="BL27" s="71">
        <v>14</v>
      </c>
      <c r="BM27" s="71">
        <v>19</v>
      </c>
      <c r="BN27" s="71">
        <v>13</v>
      </c>
      <c r="BO27" s="72">
        <v>115</v>
      </c>
      <c r="BP27" s="73">
        <v>170</v>
      </c>
      <c r="BQ27" s="70">
        <v>25</v>
      </c>
      <c r="BR27" s="71">
        <v>16</v>
      </c>
      <c r="BS27" s="72">
        <v>41</v>
      </c>
      <c r="BT27" s="244"/>
      <c r="BU27" s="71">
        <v>37</v>
      </c>
      <c r="BV27" s="71">
        <v>18</v>
      </c>
      <c r="BW27" s="71">
        <v>23</v>
      </c>
      <c r="BX27" s="71">
        <v>11</v>
      </c>
      <c r="BY27" s="71">
        <v>9</v>
      </c>
      <c r="BZ27" s="72">
        <v>98</v>
      </c>
      <c r="CA27" s="73">
        <v>139</v>
      </c>
      <c r="CB27" s="70">
        <v>5</v>
      </c>
      <c r="CC27" s="71">
        <v>3</v>
      </c>
      <c r="CD27" s="72">
        <v>8</v>
      </c>
      <c r="CE27" s="244"/>
      <c r="CF27" s="71">
        <v>2</v>
      </c>
      <c r="CG27" s="71">
        <v>5</v>
      </c>
      <c r="CH27" s="71">
        <v>1</v>
      </c>
      <c r="CI27" s="71">
        <v>3</v>
      </c>
      <c r="CJ27" s="71">
        <v>2</v>
      </c>
      <c r="CK27" s="72">
        <v>13</v>
      </c>
      <c r="CL27" s="73">
        <v>21</v>
      </c>
      <c r="CM27" s="70">
        <v>109</v>
      </c>
      <c r="CN27" s="71">
        <v>79</v>
      </c>
      <c r="CO27" s="72">
        <v>188</v>
      </c>
      <c r="CP27" s="244"/>
      <c r="CQ27" s="71">
        <v>154</v>
      </c>
      <c r="CR27" s="71">
        <v>96</v>
      </c>
      <c r="CS27" s="71">
        <v>70</v>
      </c>
      <c r="CT27" s="71">
        <v>56</v>
      </c>
      <c r="CU27" s="71">
        <v>57</v>
      </c>
      <c r="CV27" s="72">
        <v>433</v>
      </c>
      <c r="CW27" s="73">
        <v>621</v>
      </c>
      <c r="CX27" s="123">
        <v>226</v>
      </c>
      <c r="CY27" s="82">
        <v>156</v>
      </c>
      <c r="CZ27" s="83">
        <v>382</v>
      </c>
      <c r="DA27" s="241"/>
      <c r="DB27" s="82">
        <v>277</v>
      </c>
      <c r="DC27" s="82">
        <v>180</v>
      </c>
      <c r="DD27" s="82">
        <v>167</v>
      </c>
      <c r="DE27" s="82">
        <v>169</v>
      </c>
      <c r="DF27" s="82">
        <v>118</v>
      </c>
      <c r="DG27" s="84">
        <v>911</v>
      </c>
      <c r="DH27" s="85">
        <v>1293</v>
      </c>
      <c r="DI27" s="70">
        <v>5</v>
      </c>
      <c r="DJ27" s="71">
        <v>3</v>
      </c>
      <c r="DK27" s="72">
        <v>8</v>
      </c>
      <c r="DL27" s="244"/>
      <c r="DM27" s="71">
        <v>0</v>
      </c>
      <c r="DN27" s="71">
        <v>5</v>
      </c>
      <c r="DO27" s="71">
        <v>4</v>
      </c>
      <c r="DP27" s="71">
        <v>2</v>
      </c>
      <c r="DQ27" s="71">
        <v>2</v>
      </c>
      <c r="DR27" s="72">
        <v>13</v>
      </c>
      <c r="DS27" s="73">
        <v>21</v>
      </c>
      <c r="DT27" s="70">
        <v>17</v>
      </c>
      <c r="DU27" s="71">
        <v>6</v>
      </c>
      <c r="DV27" s="72">
        <v>23</v>
      </c>
      <c r="DW27" s="244"/>
      <c r="DX27" s="71">
        <v>7</v>
      </c>
      <c r="DY27" s="71">
        <v>4</v>
      </c>
      <c r="DZ27" s="71">
        <v>7</v>
      </c>
      <c r="EA27" s="71">
        <v>4</v>
      </c>
      <c r="EB27" s="71">
        <v>3</v>
      </c>
      <c r="EC27" s="72">
        <v>25</v>
      </c>
      <c r="ED27" s="73">
        <v>48</v>
      </c>
      <c r="EE27" s="70">
        <v>30</v>
      </c>
      <c r="EF27" s="71">
        <v>27</v>
      </c>
      <c r="EG27" s="72">
        <v>57</v>
      </c>
      <c r="EH27" s="244"/>
      <c r="EI27" s="71">
        <v>27</v>
      </c>
      <c r="EJ27" s="71">
        <v>20</v>
      </c>
      <c r="EK27" s="71">
        <v>17</v>
      </c>
      <c r="EL27" s="71">
        <v>11</v>
      </c>
      <c r="EM27" s="71">
        <v>4</v>
      </c>
      <c r="EN27" s="72">
        <v>79</v>
      </c>
      <c r="EO27" s="73">
        <v>136</v>
      </c>
      <c r="EP27" s="70">
        <v>62</v>
      </c>
      <c r="EQ27" s="71">
        <v>35</v>
      </c>
      <c r="ER27" s="72">
        <v>97</v>
      </c>
      <c r="ES27" s="244"/>
      <c r="ET27" s="71">
        <v>68</v>
      </c>
      <c r="EU27" s="71">
        <v>33</v>
      </c>
      <c r="EV27" s="71">
        <v>18</v>
      </c>
      <c r="EW27" s="71">
        <v>32</v>
      </c>
      <c r="EX27" s="71">
        <v>19</v>
      </c>
      <c r="EY27" s="72">
        <v>170</v>
      </c>
      <c r="EZ27" s="73">
        <v>267</v>
      </c>
      <c r="FA27" s="70">
        <v>68</v>
      </c>
      <c r="FB27" s="71">
        <v>55</v>
      </c>
      <c r="FC27" s="72">
        <v>123</v>
      </c>
      <c r="FD27" s="244"/>
      <c r="FE27" s="71">
        <v>84</v>
      </c>
      <c r="FF27" s="71">
        <v>57</v>
      </c>
      <c r="FG27" s="71">
        <v>43</v>
      </c>
      <c r="FH27" s="71">
        <v>34</v>
      </c>
      <c r="FI27" s="71">
        <v>31</v>
      </c>
      <c r="FJ27" s="72">
        <v>249</v>
      </c>
      <c r="FK27" s="73">
        <v>372</v>
      </c>
      <c r="FL27" s="70">
        <v>44</v>
      </c>
      <c r="FM27" s="71">
        <v>30</v>
      </c>
      <c r="FN27" s="72">
        <v>74</v>
      </c>
      <c r="FO27" s="244"/>
      <c r="FP27" s="71">
        <v>91</v>
      </c>
      <c r="FQ27" s="71">
        <v>61</v>
      </c>
      <c r="FR27" s="71">
        <v>78</v>
      </c>
      <c r="FS27" s="71">
        <v>86</v>
      </c>
      <c r="FT27" s="71">
        <v>59</v>
      </c>
      <c r="FU27" s="72">
        <v>375</v>
      </c>
      <c r="FV27" s="73">
        <v>449</v>
      </c>
      <c r="FW27" s="70">
        <v>1</v>
      </c>
      <c r="FX27" s="71">
        <v>2</v>
      </c>
      <c r="FY27" s="72">
        <v>3</v>
      </c>
      <c r="FZ27" s="244"/>
      <c r="GA27" s="71">
        <v>2</v>
      </c>
      <c r="GB27" s="71">
        <v>3</v>
      </c>
      <c r="GC27" s="71">
        <v>3</v>
      </c>
      <c r="GD27" s="71">
        <v>1</v>
      </c>
      <c r="GE27" s="71">
        <v>2</v>
      </c>
      <c r="GF27" s="72">
        <v>11</v>
      </c>
      <c r="GG27" s="73">
        <v>14</v>
      </c>
      <c r="GH27" s="70">
        <v>227</v>
      </c>
      <c r="GI27" s="71">
        <v>158</v>
      </c>
      <c r="GJ27" s="72">
        <v>385</v>
      </c>
      <c r="GK27" s="244"/>
      <c r="GL27" s="71">
        <v>279</v>
      </c>
      <c r="GM27" s="71">
        <v>183</v>
      </c>
      <c r="GN27" s="71">
        <v>170</v>
      </c>
      <c r="GO27" s="71">
        <v>170</v>
      </c>
      <c r="GP27" s="71">
        <v>120</v>
      </c>
      <c r="GQ27" s="72">
        <v>922</v>
      </c>
      <c r="GR27" s="73">
        <v>1307</v>
      </c>
      <c r="GS27" s="123">
        <v>330</v>
      </c>
      <c r="GT27" s="82">
        <v>232</v>
      </c>
      <c r="GU27" s="83">
        <v>562</v>
      </c>
      <c r="GV27" s="241"/>
      <c r="GW27" s="82">
        <v>429</v>
      </c>
      <c r="GX27" s="82">
        <v>271</v>
      </c>
      <c r="GY27" s="82">
        <v>236</v>
      </c>
      <c r="GZ27" s="82">
        <v>222</v>
      </c>
      <c r="HA27" s="82">
        <v>173</v>
      </c>
      <c r="HB27" s="84">
        <v>1331</v>
      </c>
      <c r="HC27" s="85">
        <v>1893</v>
      </c>
      <c r="HD27" s="70">
        <v>8</v>
      </c>
      <c r="HE27" s="71">
        <v>5</v>
      </c>
      <c r="HF27" s="72">
        <v>13</v>
      </c>
      <c r="HG27" s="244"/>
      <c r="HH27" s="71">
        <v>6</v>
      </c>
      <c r="HI27" s="71">
        <v>9</v>
      </c>
      <c r="HJ27" s="71">
        <v>7</v>
      </c>
      <c r="HK27" s="71">
        <v>3</v>
      </c>
      <c r="HL27" s="71">
        <v>6</v>
      </c>
      <c r="HM27" s="72">
        <v>31</v>
      </c>
      <c r="HN27" s="73">
        <v>44</v>
      </c>
      <c r="HO27" s="70">
        <v>24</v>
      </c>
      <c r="HP27" s="71">
        <v>9</v>
      </c>
      <c r="HQ27" s="72">
        <v>33</v>
      </c>
      <c r="HR27" s="244"/>
      <c r="HS27" s="71">
        <v>22</v>
      </c>
      <c r="HT27" s="71">
        <v>17</v>
      </c>
      <c r="HU27" s="71">
        <v>9</v>
      </c>
      <c r="HV27" s="71">
        <v>7</v>
      </c>
      <c r="HW27" s="71">
        <v>9</v>
      </c>
      <c r="HX27" s="72">
        <v>64</v>
      </c>
      <c r="HY27" s="73">
        <v>97</v>
      </c>
      <c r="HZ27" s="70">
        <v>46</v>
      </c>
      <c r="IA27" s="71">
        <v>40</v>
      </c>
      <c r="IB27" s="72">
        <v>86</v>
      </c>
      <c r="IC27" s="244"/>
      <c r="ID27" s="71">
        <v>45</v>
      </c>
      <c r="IE27" s="71">
        <v>33</v>
      </c>
      <c r="IF27" s="71">
        <v>30</v>
      </c>
      <c r="IG27" s="71">
        <v>16</v>
      </c>
      <c r="IH27" s="71">
        <v>9</v>
      </c>
      <c r="II27" s="72">
        <v>133</v>
      </c>
      <c r="IJ27" s="73">
        <v>219</v>
      </c>
      <c r="IK27" s="70">
        <v>83</v>
      </c>
      <c r="IL27" s="71">
        <v>54</v>
      </c>
      <c r="IM27" s="72">
        <v>137</v>
      </c>
      <c r="IN27" s="244"/>
      <c r="IO27" s="71">
        <v>105</v>
      </c>
      <c r="IP27" s="71">
        <v>46</v>
      </c>
      <c r="IQ27" s="71">
        <v>32</v>
      </c>
      <c r="IR27" s="71">
        <v>46</v>
      </c>
      <c r="IS27" s="71">
        <v>37</v>
      </c>
      <c r="IT27" s="72">
        <v>266</v>
      </c>
      <c r="IU27" s="73">
        <v>403</v>
      </c>
      <c r="IV27" s="70">
        <v>100</v>
      </c>
      <c r="IW27" s="71">
        <v>78</v>
      </c>
      <c r="IX27" s="72">
        <v>178</v>
      </c>
      <c r="IY27" s="244"/>
      <c r="IZ27" s="71">
        <v>123</v>
      </c>
      <c r="JA27" s="71">
        <v>87</v>
      </c>
      <c r="JB27" s="71">
        <v>57</v>
      </c>
      <c r="JC27" s="71">
        <v>53</v>
      </c>
      <c r="JD27" s="71">
        <v>44</v>
      </c>
      <c r="JE27" s="72">
        <v>364</v>
      </c>
      <c r="JF27" s="73">
        <v>542</v>
      </c>
      <c r="JG27" s="70">
        <v>69</v>
      </c>
      <c r="JH27" s="71">
        <v>46</v>
      </c>
      <c r="JI27" s="72">
        <v>115</v>
      </c>
      <c r="JJ27" s="244"/>
      <c r="JK27" s="71">
        <v>128</v>
      </c>
      <c r="JL27" s="71">
        <v>79</v>
      </c>
      <c r="JM27" s="71">
        <v>101</v>
      </c>
      <c r="JN27" s="71">
        <v>97</v>
      </c>
      <c r="JO27" s="71">
        <v>68</v>
      </c>
      <c r="JP27" s="72">
        <v>473</v>
      </c>
      <c r="JQ27" s="73">
        <v>588</v>
      </c>
      <c r="JR27" s="70">
        <v>6</v>
      </c>
      <c r="JS27" s="71">
        <v>5</v>
      </c>
      <c r="JT27" s="72">
        <v>11</v>
      </c>
      <c r="JU27" s="244"/>
      <c r="JV27" s="71">
        <v>4</v>
      </c>
      <c r="JW27" s="71">
        <v>8</v>
      </c>
      <c r="JX27" s="71">
        <v>4</v>
      </c>
      <c r="JY27" s="71">
        <v>4</v>
      </c>
      <c r="JZ27" s="71">
        <v>4</v>
      </c>
      <c r="KA27" s="72">
        <v>24</v>
      </c>
      <c r="KB27" s="73">
        <v>35</v>
      </c>
      <c r="KC27" s="70">
        <v>336</v>
      </c>
      <c r="KD27" s="71">
        <v>237</v>
      </c>
      <c r="KE27" s="72">
        <v>573</v>
      </c>
      <c r="KF27" s="244"/>
      <c r="KG27" s="71">
        <v>433</v>
      </c>
      <c r="KH27" s="71">
        <v>279</v>
      </c>
      <c r="KI27" s="71">
        <v>240</v>
      </c>
      <c r="KJ27" s="71">
        <v>226</v>
      </c>
      <c r="KK27" s="71">
        <v>177</v>
      </c>
      <c r="KL27" s="72">
        <v>1355</v>
      </c>
      <c r="KM27" s="73">
        <v>1928</v>
      </c>
    </row>
    <row r="28" spans="2:299" ht="21" customHeight="1" x14ac:dyDescent="0.2">
      <c r="B28" s="126" t="s">
        <v>25</v>
      </c>
      <c r="C28" s="315">
        <v>116</v>
      </c>
      <c r="D28" s="82">
        <v>99</v>
      </c>
      <c r="E28" s="83">
        <v>215</v>
      </c>
      <c r="F28" s="241"/>
      <c r="G28" s="82">
        <v>188</v>
      </c>
      <c r="H28" s="82">
        <v>130</v>
      </c>
      <c r="I28" s="82">
        <v>99</v>
      </c>
      <c r="J28" s="82">
        <v>94</v>
      </c>
      <c r="K28" s="82">
        <v>61</v>
      </c>
      <c r="L28" s="84">
        <v>572</v>
      </c>
      <c r="M28" s="85">
        <v>787</v>
      </c>
      <c r="N28" s="70">
        <v>3</v>
      </c>
      <c r="O28" s="71">
        <v>6</v>
      </c>
      <c r="P28" s="72">
        <v>9</v>
      </c>
      <c r="Q28" s="244"/>
      <c r="R28" s="71">
        <v>5</v>
      </c>
      <c r="S28" s="71">
        <v>7</v>
      </c>
      <c r="T28" s="71">
        <v>3</v>
      </c>
      <c r="U28" s="71">
        <v>3</v>
      </c>
      <c r="V28" s="71">
        <v>2</v>
      </c>
      <c r="W28" s="72">
        <v>20</v>
      </c>
      <c r="X28" s="73">
        <v>29</v>
      </c>
      <c r="Y28" s="70">
        <v>19</v>
      </c>
      <c r="Z28" s="71">
        <v>10</v>
      </c>
      <c r="AA28" s="72">
        <v>29</v>
      </c>
      <c r="AB28" s="244"/>
      <c r="AC28" s="71">
        <v>18</v>
      </c>
      <c r="AD28" s="71">
        <v>21</v>
      </c>
      <c r="AE28" s="71">
        <v>10</v>
      </c>
      <c r="AF28" s="71">
        <v>10</v>
      </c>
      <c r="AG28" s="71">
        <v>6</v>
      </c>
      <c r="AH28" s="72">
        <v>65</v>
      </c>
      <c r="AI28" s="73">
        <v>94</v>
      </c>
      <c r="AJ28" s="70">
        <v>21</v>
      </c>
      <c r="AK28" s="71">
        <v>22</v>
      </c>
      <c r="AL28" s="72">
        <v>43</v>
      </c>
      <c r="AM28" s="244"/>
      <c r="AN28" s="71">
        <v>32</v>
      </c>
      <c r="AO28" s="71">
        <v>21</v>
      </c>
      <c r="AP28" s="71">
        <v>15</v>
      </c>
      <c r="AQ28" s="71">
        <v>18</v>
      </c>
      <c r="AR28" s="71">
        <v>12</v>
      </c>
      <c r="AS28" s="72">
        <v>98</v>
      </c>
      <c r="AT28" s="73">
        <v>141</v>
      </c>
      <c r="AU28" s="70">
        <v>35</v>
      </c>
      <c r="AV28" s="71">
        <v>30</v>
      </c>
      <c r="AW28" s="72">
        <v>65</v>
      </c>
      <c r="AX28" s="244"/>
      <c r="AY28" s="71">
        <v>57</v>
      </c>
      <c r="AZ28" s="71">
        <v>33</v>
      </c>
      <c r="BA28" s="71">
        <v>29</v>
      </c>
      <c r="BB28" s="71">
        <v>31</v>
      </c>
      <c r="BC28" s="71">
        <v>17</v>
      </c>
      <c r="BD28" s="72">
        <v>167</v>
      </c>
      <c r="BE28" s="73">
        <v>232</v>
      </c>
      <c r="BF28" s="70">
        <v>24</v>
      </c>
      <c r="BG28" s="71">
        <v>22</v>
      </c>
      <c r="BH28" s="72">
        <v>46</v>
      </c>
      <c r="BI28" s="244"/>
      <c r="BJ28" s="71">
        <v>47</v>
      </c>
      <c r="BK28" s="71">
        <v>33</v>
      </c>
      <c r="BL28" s="71">
        <v>25</v>
      </c>
      <c r="BM28" s="71">
        <v>22</v>
      </c>
      <c r="BN28" s="71">
        <v>17</v>
      </c>
      <c r="BO28" s="72">
        <v>144</v>
      </c>
      <c r="BP28" s="73">
        <v>190</v>
      </c>
      <c r="BQ28" s="70">
        <v>14</v>
      </c>
      <c r="BR28" s="71">
        <v>9</v>
      </c>
      <c r="BS28" s="72">
        <v>23</v>
      </c>
      <c r="BT28" s="244"/>
      <c r="BU28" s="71">
        <v>29</v>
      </c>
      <c r="BV28" s="71">
        <v>15</v>
      </c>
      <c r="BW28" s="71">
        <v>17</v>
      </c>
      <c r="BX28" s="71">
        <v>10</v>
      </c>
      <c r="BY28" s="71">
        <v>7</v>
      </c>
      <c r="BZ28" s="72">
        <v>78</v>
      </c>
      <c r="CA28" s="73">
        <v>101</v>
      </c>
      <c r="CB28" s="70">
        <v>1</v>
      </c>
      <c r="CC28" s="71">
        <v>3</v>
      </c>
      <c r="CD28" s="72">
        <v>4</v>
      </c>
      <c r="CE28" s="244"/>
      <c r="CF28" s="71">
        <v>4</v>
      </c>
      <c r="CG28" s="71">
        <v>10</v>
      </c>
      <c r="CH28" s="71">
        <v>2</v>
      </c>
      <c r="CI28" s="71">
        <v>3</v>
      </c>
      <c r="CJ28" s="71">
        <v>3</v>
      </c>
      <c r="CK28" s="72">
        <v>22</v>
      </c>
      <c r="CL28" s="73">
        <v>26</v>
      </c>
      <c r="CM28" s="70">
        <v>117</v>
      </c>
      <c r="CN28" s="71">
        <v>102</v>
      </c>
      <c r="CO28" s="72">
        <v>219</v>
      </c>
      <c r="CP28" s="244"/>
      <c r="CQ28" s="71">
        <v>192</v>
      </c>
      <c r="CR28" s="71">
        <v>140</v>
      </c>
      <c r="CS28" s="71">
        <v>101</v>
      </c>
      <c r="CT28" s="71">
        <v>97</v>
      </c>
      <c r="CU28" s="71">
        <v>64</v>
      </c>
      <c r="CV28" s="72">
        <v>594</v>
      </c>
      <c r="CW28" s="73">
        <v>813</v>
      </c>
      <c r="CX28" s="123">
        <v>186</v>
      </c>
      <c r="CY28" s="82">
        <v>215</v>
      </c>
      <c r="CZ28" s="83">
        <v>401</v>
      </c>
      <c r="DA28" s="241"/>
      <c r="DB28" s="82">
        <v>291</v>
      </c>
      <c r="DC28" s="82">
        <v>226</v>
      </c>
      <c r="DD28" s="82">
        <v>161</v>
      </c>
      <c r="DE28" s="82">
        <v>175</v>
      </c>
      <c r="DF28" s="82">
        <v>105</v>
      </c>
      <c r="DG28" s="84">
        <v>958</v>
      </c>
      <c r="DH28" s="85">
        <v>1359</v>
      </c>
      <c r="DI28" s="70">
        <v>4</v>
      </c>
      <c r="DJ28" s="71">
        <v>6</v>
      </c>
      <c r="DK28" s="72">
        <v>10</v>
      </c>
      <c r="DL28" s="244"/>
      <c r="DM28" s="71">
        <v>9</v>
      </c>
      <c r="DN28" s="71">
        <v>8</v>
      </c>
      <c r="DO28" s="71">
        <v>3</v>
      </c>
      <c r="DP28" s="71">
        <v>4</v>
      </c>
      <c r="DQ28" s="71">
        <v>2</v>
      </c>
      <c r="DR28" s="72">
        <v>26</v>
      </c>
      <c r="DS28" s="73">
        <v>36</v>
      </c>
      <c r="DT28" s="70">
        <v>21</v>
      </c>
      <c r="DU28" s="71">
        <v>18</v>
      </c>
      <c r="DV28" s="72">
        <v>39</v>
      </c>
      <c r="DW28" s="244"/>
      <c r="DX28" s="71">
        <v>22</v>
      </c>
      <c r="DY28" s="71">
        <v>17</v>
      </c>
      <c r="DZ28" s="71">
        <v>15</v>
      </c>
      <c r="EA28" s="71">
        <v>8</v>
      </c>
      <c r="EB28" s="71">
        <v>10</v>
      </c>
      <c r="EC28" s="72">
        <v>72</v>
      </c>
      <c r="ED28" s="73">
        <v>111</v>
      </c>
      <c r="EE28" s="70">
        <v>32</v>
      </c>
      <c r="EF28" s="71">
        <v>29</v>
      </c>
      <c r="EG28" s="72">
        <v>61</v>
      </c>
      <c r="EH28" s="244"/>
      <c r="EI28" s="71">
        <v>48</v>
      </c>
      <c r="EJ28" s="71">
        <v>28</v>
      </c>
      <c r="EK28" s="71">
        <v>26</v>
      </c>
      <c r="EL28" s="71">
        <v>23</v>
      </c>
      <c r="EM28" s="71">
        <v>15</v>
      </c>
      <c r="EN28" s="72">
        <v>140</v>
      </c>
      <c r="EO28" s="73">
        <v>201</v>
      </c>
      <c r="EP28" s="70">
        <v>54</v>
      </c>
      <c r="EQ28" s="71">
        <v>65</v>
      </c>
      <c r="ER28" s="72">
        <v>119</v>
      </c>
      <c r="ES28" s="244"/>
      <c r="ET28" s="71">
        <v>63</v>
      </c>
      <c r="EU28" s="71">
        <v>49</v>
      </c>
      <c r="EV28" s="71">
        <v>28</v>
      </c>
      <c r="EW28" s="71">
        <v>34</v>
      </c>
      <c r="EX28" s="71">
        <v>11</v>
      </c>
      <c r="EY28" s="72">
        <v>185</v>
      </c>
      <c r="EZ28" s="73">
        <v>304</v>
      </c>
      <c r="FA28" s="70">
        <v>49</v>
      </c>
      <c r="FB28" s="71">
        <v>58</v>
      </c>
      <c r="FC28" s="72">
        <v>107</v>
      </c>
      <c r="FD28" s="244"/>
      <c r="FE28" s="71">
        <v>84</v>
      </c>
      <c r="FF28" s="71">
        <v>66</v>
      </c>
      <c r="FG28" s="71">
        <v>43</v>
      </c>
      <c r="FH28" s="71">
        <v>46</v>
      </c>
      <c r="FI28" s="71">
        <v>35</v>
      </c>
      <c r="FJ28" s="72">
        <v>274</v>
      </c>
      <c r="FK28" s="73">
        <v>381</v>
      </c>
      <c r="FL28" s="70">
        <v>26</v>
      </c>
      <c r="FM28" s="71">
        <v>39</v>
      </c>
      <c r="FN28" s="72">
        <v>65</v>
      </c>
      <c r="FO28" s="244"/>
      <c r="FP28" s="71">
        <v>65</v>
      </c>
      <c r="FQ28" s="71">
        <v>58</v>
      </c>
      <c r="FR28" s="71">
        <v>46</v>
      </c>
      <c r="FS28" s="71">
        <v>60</v>
      </c>
      <c r="FT28" s="71">
        <v>32</v>
      </c>
      <c r="FU28" s="72">
        <v>261</v>
      </c>
      <c r="FV28" s="73">
        <v>326</v>
      </c>
      <c r="FW28" s="70">
        <v>2</v>
      </c>
      <c r="FX28" s="71">
        <v>4</v>
      </c>
      <c r="FY28" s="72">
        <v>6</v>
      </c>
      <c r="FZ28" s="244"/>
      <c r="GA28" s="71">
        <v>2</v>
      </c>
      <c r="GB28" s="71">
        <v>3</v>
      </c>
      <c r="GC28" s="71">
        <v>3</v>
      </c>
      <c r="GD28" s="71">
        <v>1</v>
      </c>
      <c r="GE28" s="71">
        <v>5</v>
      </c>
      <c r="GF28" s="72">
        <v>14</v>
      </c>
      <c r="GG28" s="73">
        <v>20</v>
      </c>
      <c r="GH28" s="70">
        <v>188</v>
      </c>
      <c r="GI28" s="71">
        <v>219</v>
      </c>
      <c r="GJ28" s="72">
        <v>407</v>
      </c>
      <c r="GK28" s="244"/>
      <c r="GL28" s="71">
        <v>293</v>
      </c>
      <c r="GM28" s="71">
        <v>229</v>
      </c>
      <c r="GN28" s="71">
        <v>164</v>
      </c>
      <c r="GO28" s="71">
        <v>176</v>
      </c>
      <c r="GP28" s="71">
        <v>110</v>
      </c>
      <c r="GQ28" s="72">
        <v>972</v>
      </c>
      <c r="GR28" s="73">
        <v>1379</v>
      </c>
      <c r="GS28" s="123">
        <v>302</v>
      </c>
      <c r="GT28" s="82">
        <v>314</v>
      </c>
      <c r="GU28" s="83">
        <v>616</v>
      </c>
      <c r="GV28" s="241"/>
      <c r="GW28" s="82">
        <v>479</v>
      </c>
      <c r="GX28" s="82">
        <v>356</v>
      </c>
      <c r="GY28" s="82">
        <v>260</v>
      </c>
      <c r="GZ28" s="82">
        <v>269</v>
      </c>
      <c r="HA28" s="82">
        <v>166</v>
      </c>
      <c r="HB28" s="84">
        <v>1530</v>
      </c>
      <c r="HC28" s="85">
        <v>2146</v>
      </c>
      <c r="HD28" s="70">
        <v>7</v>
      </c>
      <c r="HE28" s="71">
        <v>12</v>
      </c>
      <c r="HF28" s="72">
        <v>19</v>
      </c>
      <c r="HG28" s="244"/>
      <c r="HH28" s="71">
        <v>14</v>
      </c>
      <c r="HI28" s="71">
        <v>15</v>
      </c>
      <c r="HJ28" s="71">
        <v>6</v>
      </c>
      <c r="HK28" s="71">
        <v>7</v>
      </c>
      <c r="HL28" s="71">
        <v>4</v>
      </c>
      <c r="HM28" s="72">
        <v>46</v>
      </c>
      <c r="HN28" s="73">
        <v>65</v>
      </c>
      <c r="HO28" s="70">
        <v>40</v>
      </c>
      <c r="HP28" s="71">
        <v>28</v>
      </c>
      <c r="HQ28" s="72">
        <v>68</v>
      </c>
      <c r="HR28" s="244"/>
      <c r="HS28" s="71">
        <v>40</v>
      </c>
      <c r="HT28" s="71">
        <v>38</v>
      </c>
      <c r="HU28" s="71">
        <v>25</v>
      </c>
      <c r="HV28" s="71">
        <v>18</v>
      </c>
      <c r="HW28" s="71">
        <v>16</v>
      </c>
      <c r="HX28" s="72">
        <v>137</v>
      </c>
      <c r="HY28" s="73">
        <v>205</v>
      </c>
      <c r="HZ28" s="70">
        <v>53</v>
      </c>
      <c r="IA28" s="71">
        <v>51</v>
      </c>
      <c r="IB28" s="72">
        <v>104</v>
      </c>
      <c r="IC28" s="244"/>
      <c r="ID28" s="71">
        <v>80</v>
      </c>
      <c r="IE28" s="71">
        <v>49</v>
      </c>
      <c r="IF28" s="71">
        <v>41</v>
      </c>
      <c r="IG28" s="71">
        <v>41</v>
      </c>
      <c r="IH28" s="71">
        <v>27</v>
      </c>
      <c r="II28" s="72">
        <v>238</v>
      </c>
      <c r="IJ28" s="73">
        <v>342</v>
      </c>
      <c r="IK28" s="70">
        <v>89</v>
      </c>
      <c r="IL28" s="71">
        <v>95</v>
      </c>
      <c r="IM28" s="72">
        <v>184</v>
      </c>
      <c r="IN28" s="244"/>
      <c r="IO28" s="71">
        <v>120</v>
      </c>
      <c r="IP28" s="71">
        <v>82</v>
      </c>
      <c r="IQ28" s="71">
        <v>57</v>
      </c>
      <c r="IR28" s="71">
        <v>65</v>
      </c>
      <c r="IS28" s="71">
        <v>28</v>
      </c>
      <c r="IT28" s="72">
        <v>352</v>
      </c>
      <c r="IU28" s="73">
        <v>536</v>
      </c>
      <c r="IV28" s="70">
        <v>73</v>
      </c>
      <c r="IW28" s="71">
        <v>80</v>
      </c>
      <c r="IX28" s="72">
        <v>153</v>
      </c>
      <c r="IY28" s="244"/>
      <c r="IZ28" s="71">
        <v>131</v>
      </c>
      <c r="JA28" s="71">
        <v>99</v>
      </c>
      <c r="JB28" s="71">
        <v>68</v>
      </c>
      <c r="JC28" s="71">
        <v>68</v>
      </c>
      <c r="JD28" s="71">
        <v>52</v>
      </c>
      <c r="JE28" s="72">
        <v>418</v>
      </c>
      <c r="JF28" s="73">
        <v>571</v>
      </c>
      <c r="JG28" s="70">
        <v>40</v>
      </c>
      <c r="JH28" s="71">
        <v>48</v>
      </c>
      <c r="JI28" s="72">
        <v>88</v>
      </c>
      <c r="JJ28" s="244"/>
      <c r="JK28" s="71">
        <v>94</v>
      </c>
      <c r="JL28" s="71">
        <v>73</v>
      </c>
      <c r="JM28" s="71">
        <v>63</v>
      </c>
      <c r="JN28" s="71">
        <v>70</v>
      </c>
      <c r="JO28" s="71">
        <v>39</v>
      </c>
      <c r="JP28" s="72">
        <v>339</v>
      </c>
      <c r="JQ28" s="73">
        <v>427</v>
      </c>
      <c r="JR28" s="70">
        <v>3</v>
      </c>
      <c r="JS28" s="71">
        <v>7</v>
      </c>
      <c r="JT28" s="72">
        <v>10</v>
      </c>
      <c r="JU28" s="244"/>
      <c r="JV28" s="71">
        <v>6</v>
      </c>
      <c r="JW28" s="71">
        <v>13</v>
      </c>
      <c r="JX28" s="71">
        <v>5</v>
      </c>
      <c r="JY28" s="71">
        <v>4</v>
      </c>
      <c r="JZ28" s="71">
        <v>8</v>
      </c>
      <c r="KA28" s="72">
        <v>36</v>
      </c>
      <c r="KB28" s="73">
        <v>46</v>
      </c>
      <c r="KC28" s="70">
        <v>305</v>
      </c>
      <c r="KD28" s="71">
        <v>321</v>
      </c>
      <c r="KE28" s="72">
        <v>626</v>
      </c>
      <c r="KF28" s="244"/>
      <c r="KG28" s="71">
        <v>485</v>
      </c>
      <c r="KH28" s="71">
        <v>369</v>
      </c>
      <c r="KI28" s="71">
        <v>265</v>
      </c>
      <c r="KJ28" s="71">
        <v>273</v>
      </c>
      <c r="KK28" s="71">
        <v>174</v>
      </c>
      <c r="KL28" s="72">
        <v>1566</v>
      </c>
      <c r="KM28" s="73">
        <v>2192</v>
      </c>
    </row>
    <row r="29" spans="2:299" ht="21" customHeight="1" x14ac:dyDescent="0.2">
      <c r="B29" s="126" t="s">
        <v>26</v>
      </c>
      <c r="C29" s="315">
        <v>94</v>
      </c>
      <c r="D29" s="82">
        <v>59</v>
      </c>
      <c r="E29" s="83">
        <v>153</v>
      </c>
      <c r="F29" s="241"/>
      <c r="G29" s="82">
        <v>145</v>
      </c>
      <c r="H29" s="82">
        <v>126</v>
      </c>
      <c r="I29" s="82">
        <v>83</v>
      </c>
      <c r="J29" s="82">
        <v>68</v>
      </c>
      <c r="K29" s="82">
        <v>34</v>
      </c>
      <c r="L29" s="84">
        <v>456</v>
      </c>
      <c r="M29" s="85">
        <v>609</v>
      </c>
      <c r="N29" s="70">
        <v>2</v>
      </c>
      <c r="O29" s="71">
        <v>1</v>
      </c>
      <c r="P29" s="72">
        <v>3</v>
      </c>
      <c r="Q29" s="244"/>
      <c r="R29" s="71">
        <v>7</v>
      </c>
      <c r="S29" s="71">
        <v>3</v>
      </c>
      <c r="T29" s="71">
        <v>4</v>
      </c>
      <c r="U29" s="71">
        <v>5</v>
      </c>
      <c r="V29" s="71">
        <v>3</v>
      </c>
      <c r="W29" s="72">
        <v>22</v>
      </c>
      <c r="X29" s="73">
        <v>25</v>
      </c>
      <c r="Y29" s="70">
        <v>10</v>
      </c>
      <c r="Z29" s="71">
        <v>5</v>
      </c>
      <c r="AA29" s="72">
        <v>15</v>
      </c>
      <c r="AB29" s="244"/>
      <c r="AC29" s="71">
        <v>9</v>
      </c>
      <c r="AD29" s="71">
        <v>11</v>
      </c>
      <c r="AE29" s="71">
        <v>9</v>
      </c>
      <c r="AF29" s="71">
        <v>7</v>
      </c>
      <c r="AG29" s="71">
        <v>6</v>
      </c>
      <c r="AH29" s="72">
        <v>42</v>
      </c>
      <c r="AI29" s="73">
        <v>57</v>
      </c>
      <c r="AJ29" s="70">
        <v>16</v>
      </c>
      <c r="AK29" s="71">
        <v>6</v>
      </c>
      <c r="AL29" s="72">
        <v>22</v>
      </c>
      <c r="AM29" s="244"/>
      <c r="AN29" s="71">
        <v>18</v>
      </c>
      <c r="AO29" s="71">
        <v>16</v>
      </c>
      <c r="AP29" s="71">
        <v>18</v>
      </c>
      <c r="AQ29" s="71">
        <v>8</v>
      </c>
      <c r="AR29" s="71">
        <v>5</v>
      </c>
      <c r="AS29" s="72">
        <v>65</v>
      </c>
      <c r="AT29" s="73">
        <v>87</v>
      </c>
      <c r="AU29" s="70">
        <v>23</v>
      </c>
      <c r="AV29" s="71">
        <v>16</v>
      </c>
      <c r="AW29" s="72">
        <v>39</v>
      </c>
      <c r="AX29" s="244"/>
      <c r="AY29" s="71">
        <v>56</v>
      </c>
      <c r="AZ29" s="71">
        <v>32</v>
      </c>
      <c r="BA29" s="71">
        <v>17</v>
      </c>
      <c r="BB29" s="71">
        <v>15</v>
      </c>
      <c r="BC29" s="71">
        <v>5</v>
      </c>
      <c r="BD29" s="72">
        <v>125</v>
      </c>
      <c r="BE29" s="73">
        <v>164</v>
      </c>
      <c r="BF29" s="70">
        <v>25</v>
      </c>
      <c r="BG29" s="71">
        <v>18</v>
      </c>
      <c r="BH29" s="72">
        <v>43</v>
      </c>
      <c r="BI29" s="244"/>
      <c r="BJ29" s="71">
        <v>29</v>
      </c>
      <c r="BK29" s="71">
        <v>39</v>
      </c>
      <c r="BL29" s="71">
        <v>21</v>
      </c>
      <c r="BM29" s="71">
        <v>21</v>
      </c>
      <c r="BN29" s="71">
        <v>9</v>
      </c>
      <c r="BO29" s="72">
        <v>119</v>
      </c>
      <c r="BP29" s="73">
        <v>162</v>
      </c>
      <c r="BQ29" s="70">
        <v>18</v>
      </c>
      <c r="BR29" s="71">
        <v>13</v>
      </c>
      <c r="BS29" s="72">
        <v>31</v>
      </c>
      <c r="BT29" s="244"/>
      <c r="BU29" s="71">
        <v>26</v>
      </c>
      <c r="BV29" s="71">
        <v>25</v>
      </c>
      <c r="BW29" s="71">
        <v>14</v>
      </c>
      <c r="BX29" s="71">
        <v>12</v>
      </c>
      <c r="BY29" s="71">
        <v>6</v>
      </c>
      <c r="BZ29" s="72">
        <v>83</v>
      </c>
      <c r="CA29" s="73">
        <v>114</v>
      </c>
      <c r="CB29" s="70">
        <v>3</v>
      </c>
      <c r="CC29" s="71">
        <v>0</v>
      </c>
      <c r="CD29" s="72">
        <v>3</v>
      </c>
      <c r="CE29" s="244"/>
      <c r="CF29" s="71">
        <v>5</v>
      </c>
      <c r="CG29" s="71">
        <v>3</v>
      </c>
      <c r="CH29" s="71">
        <v>3</v>
      </c>
      <c r="CI29" s="71">
        <v>2</v>
      </c>
      <c r="CJ29" s="71">
        <v>1</v>
      </c>
      <c r="CK29" s="72">
        <v>14</v>
      </c>
      <c r="CL29" s="73">
        <v>17</v>
      </c>
      <c r="CM29" s="70">
        <v>97</v>
      </c>
      <c r="CN29" s="71">
        <v>59</v>
      </c>
      <c r="CO29" s="72">
        <v>156</v>
      </c>
      <c r="CP29" s="244"/>
      <c r="CQ29" s="71">
        <v>150</v>
      </c>
      <c r="CR29" s="71">
        <v>129</v>
      </c>
      <c r="CS29" s="71">
        <v>86</v>
      </c>
      <c r="CT29" s="71">
        <v>70</v>
      </c>
      <c r="CU29" s="71">
        <v>35</v>
      </c>
      <c r="CV29" s="72">
        <v>470</v>
      </c>
      <c r="CW29" s="73">
        <v>626</v>
      </c>
      <c r="CX29" s="123">
        <v>180</v>
      </c>
      <c r="CY29" s="82">
        <v>189</v>
      </c>
      <c r="CZ29" s="83">
        <v>369</v>
      </c>
      <c r="DA29" s="241"/>
      <c r="DB29" s="82">
        <v>255</v>
      </c>
      <c r="DC29" s="82">
        <v>209</v>
      </c>
      <c r="DD29" s="82">
        <v>152</v>
      </c>
      <c r="DE29" s="82">
        <v>152</v>
      </c>
      <c r="DF29" s="82">
        <v>114</v>
      </c>
      <c r="DG29" s="84">
        <v>882</v>
      </c>
      <c r="DH29" s="85">
        <v>1251</v>
      </c>
      <c r="DI29" s="70">
        <v>3</v>
      </c>
      <c r="DJ29" s="71">
        <v>5</v>
      </c>
      <c r="DK29" s="72">
        <v>8</v>
      </c>
      <c r="DL29" s="244"/>
      <c r="DM29" s="71">
        <v>6</v>
      </c>
      <c r="DN29" s="71">
        <v>3</v>
      </c>
      <c r="DO29" s="71">
        <v>4</v>
      </c>
      <c r="DP29" s="71">
        <v>3</v>
      </c>
      <c r="DQ29" s="71">
        <v>2</v>
      </c>
      <c r="DR29" s="72">
        <v>18</v>
      </c>
      <c r="DS29" s="73">
        <v>26</v>
      </c>
      <c r="DT29" s="70">
        <v>11</v>
      </c>
      <c r="DU29" s="71">
        <v>11</v>
      </c>
      <c r="DV29" s="72">
        <v>22</v>
      </c>
      <c r="DW29" s="244"/>
      <c r="DX29" s="71">
        <v>13</v>
      </c>
      <c r="DY29" s="71">
        <v>9</v>
      </c>
      <c r="DZ29" s="71">
        <v>4</v>
      </c>
      <c r="EA29" s="71">
        <v>9</v>
      </c>
      <c r="EB29" s="71">
        <v>6</v>
      </c>
      <c r="EC29" s="72">
        <v>41</v>
      </c>
      <c r="ED29" s="73">
        <v>63</v>
      </c>
      <c r="EE29" s="70">
        <v>22</v>
      </c>
      <c r="EF29" s="71">
        <v>25</v>
      </c>
      <c r="EG29" s="72">
        <v>47</v>
      </c>
      <c r="EH29" s="244"/>
      <c r="EI29" s="71">
        <v>37</v>
      </c>
      <c r="EJ29" s="71">
        <v>20</v>
      </c>
      <c r="EK29" s="71">
        <v>12</v>
      </c>
      <c r="EL29" s="71">
        <v>14</v>
      </c>
      <c r="EM29" s="71">
        <v>7</v>
      </c>
      <c r="EN29" s="72">
        <v>90</v>
      </c>
      <c r="EO29" s="73">
        <v>137</v>
      </c>
      <c r="EP29" s="70">
        <v>57</v>
      </c>
      <c r="EQ29" s="71">
        <v>50</v>
      </c>
      <c r="ER29" s="72">
        <v>107</v>
      </c>
      <c r="ES29" s="244"/>
      <c r="ET29" s="71">
        <v>53</v>
      </c>
      <c r="EU29" s="71">
        <v>37</v>
      </c>
      <c r="EV29" s="71">
        <v>34</v>
      </c>
      <c r="EW29" s="71">
        <v>14</v>
      </c>
      <c r="EX29" s="71">
        <v>23</v>
      </c>
      <c r="EY29" s="72">
        <v>161</v>
      </c>
      <c r="EZ29" s="73">
        <v>268</v>
      </c>
      <c r="FA29" s="70">
        <v>57</v>
      </c>
      <c r="FB29" s="71">
        <v>62</v>
      </c>
      <c r="FC29" s="72">
        <v>119</v>
      </c>
      <c r="FD29" s="244"/>
      <c r="FE29" s="71">
        <v>70</v>
      </c>
      <c r="FF29" s="71">
        <v>61</v>
      </c>
      <c r="FG29" s="71">
        <v>36</v>
      </c>
      <c r="FH29" s="71">
        <v>33</v>
      </c>
      <c r="FI29" s="71">
        <v>21</v>
      </c>
      <c r="FJ29" s="72">
        <v>221</v>
      </c>
      <c r="FK29" s="73">
        <v>340</v>
      </c>
      <c r="FL29" s="70">
        <v>30</v>
      </c>
      <c r="FM29" s="71">
        <v>36</v>
      </c>
      <c r="FN29" s="72">
        <v>66</v>
      </c>
      <c r="FO29" s="244"/>
      <c r="FP29" s="71">
        <v>76</v>
      </c>
      <c r="FQ29" s="71">
        <v>79</v>
      </c>
      <c r="FR29" s="71">
        <v>62</v>
      </c>
      <c r="FS29" s="71">
        <v>79</v>
      </c>
      <c r="FT29" s="71">
        <v>55</v>
      </c>
      <c r="FU29" s="72">
        <v>351</v>
      </c>
      <c r="FV29" s="73">
        <v>417</v>
      </c>
      <c r="FW29" s="70">
        <v>0</v>
      </c>
      <c r="FX29" s="71">
        <v>2</v>
      </c>
      <c r="FY29" s="72">
        <v>2</v>
      </c>
      <c r="FZ29" s="244"/>
      <c r="GA29" s="71">
        <v>7</v>
      </c>
      <c r="GB29" s="71">
        <v>2</v>
      </c>
      <c r="GC29" s="71">
        <v>2</v>
      </c>
      <c r="GD29" s="71">
        <v>4</v>
      </c>
      <c r="GE29" s="71">
        <v>1</v>
      </c>
      <c r="GF29" s="72">
        <v>16</v>
      </c>
      <c r="GG29" s="73">
        <v>18</v>
      </c>
      <c r="GH29" s="70">
        <v>180</v>
      </c>
      <c r="GI29" s="71">
        <v>191</v>
      </c>
      <c r="GJ29" s="72">
        <v>371</v>
      </c>
      <c r="GK29" s="244"/>
      <c r="GL29" s="71">
        <v>262</v>
      </c>
      <c r="GM29" s="71">
        <v>211</v>
      </c>
      <c r="GN29" s="71">
        <v>154</v>
      </c>
      <c r="GO29" s="71">
        <v>156</v>
      </c>
      <c r="GP29" s="71">
        <v>115</v>
      </c>
      <c r="GQ29" s="72">
        <v>898</v>
      </c>
      <c r="GR29" s="73">
        <v>1269</v>
      </c>
      <c r="GS29" s="123">
        <v>274</v>
      </c>
      <c r="GT29" s="82">
        <v>248</v>
      </c>
      <c r="GU29" s="83">
        <v>522</v>
      </c>
      <c r="GV29" s="241"/>
      <c r="GW29" s="82">
        <v>400</v>
      </c>
      <c r="GX29" s="82">
        <v>335</v>
      </c>
      <c r="GY29" s="82">
        <v>235</v>
      </c>
      <c r="GZ29" s="82">
        <v>220</v>
      </c>
      <c r="HA29" s="82">
        <v>148</v>
      </c>
      <c r="HB29" s="84">
        <v>1338</v>
      </c>
      <c r="HC29" s="85">
        <v>1860</v>
      </c>
      <c r="HD29" s="70">
        <v>5</v>
      </c>
      <c r="HE29" s="71">
        <v>6</v>
      </c>
      <c r="HF29" s="72">
        <v>11</v>
      </c>
      <c r="HG29" s="244"/>
      <c r="HH29" s="71">
        <v>13</v>
      </c>
      <c r="HI29" s="71">
        <v>6</v>
      </c>
      <c r="HJ29" s="71">
        <v>8</v>
      </c>
      <c r="HK29" s="71">
        <v>8</v>
      </c>
      <c r="HL29" s="71">
        <v>5</v>
      </c>
      <c r="HM29" s="72">
        <v>40</v>
      </c>
      <c r="HN29" s="73">
        <v>51</v>
      </c>
      <c r="HO29" s="70">
        <v>21</v>
      </c>
      <c r="HP29" s="71">
        <v>16</v>
      </c>
      <c r="HQ29" s="72">
        <v>37</v>
      </c>
      <c r="HR29" s="244"/>
      <c r="HS29" s="71">
        <v>22</v>
      </c>
      <c r="HT29" s="71">
        <v>20</v>
      </c>
      <c r="HU29" s="71">
        <v>13</v>
      </c>
      <c r="HV29" s="71">
        <v>16</v>
      </c>
      <c r="HW29" s="71">
        <v>12</v>
      </c>
      <c r="HX29" s="72">
        <v>83</v>
      </c>
      <c r="HY29" s="73">
        <v>120</v>
      </c>
      <c r="HZ29" s="70">
        <v>38</v>
      </c>
      <c r="IA29" s="71">
        <v>31</v>
      </c>
      <c r="IB29" s="72">
        <v>69</v>
      </c>
      <c r="IC29" s="244"/>
      <c r="ID29" s="71">
        <v>55</v>
      </c>
      <c r="IE29" s="71">
        <v>36</v>
      </c>
      <c r="IF29" s="71">
        <v>30</v>
      </c>
      <c r="IG29" s="71">
        <v>22</v>
      </c>
      <c r="IH29" s="71">
        <v>12</v>
      </c>
      <c r="II29" s="72">
        <v>155</v>
      </c>
      <c r="IJ29" s="73">
        <v>224</v>
      </c>
      <c r="IK29" s="70">
        <v>80</v>
      </c>
      <c r="IL29" s="71">
        <v>66</v>
      </c>
      <c r="IM29" s="72">
        <v>146</v>
      </c>
      <c r="IN29" s="244"/>
      <c r="IO29" s="71">
        <v>109</v>
      </c>
      <c r="IP29" s="71">
        <v>69</v>
      </c>
      <c r="IQ29" s="71">
        <v>51</v>
      </c>
      <c r="IR29" s="71">
        <v>29</v>
      </c>
      <c r="IS29" s="71">
        <v>28</v>
      </c>
      <c r="IT29" s="72">
        <v>286</v>
      </c>
      <c r="IU29" s="73">
        <v>432</v>
      </c>
      <c r="IV29" s="70">
        <v>82</v>
      </c>
      <c r="IW29" s="71">
        <v>80</v>
      </c>
      <c r="IX29" s="72">
        <v>162</v>
      </c>
      <c r="IY29" s="244"/>
      <c r="IZ29" s="71">
        <v>99</v>
      </c>
      <c r="JA29" s="71">
        <v>100</v>
      </c>
      <c r="JB29" s="71">
        <v>57</v>
      </c>
      <c r="JC29" s="71">
        <v>54</v>
      </c>
      <c r="JD29" s="71">
        <v>30</v>
      </c>
      <c r="JE29" s="72">
        <v>340</v>
      </c>
      <c r="JF29" s="73">
        <v>502</v>
      </c>
      <c r="JG29" s="70">
        <v>48</v>
      </c>
      <c r="JH29" s="71">
        <v>49</v>
      </c>
      <c r="JI29" s="72">
        <v>97</v>
      </c>
      <c r="JJ29" s="244"/>
      <c r="JK29" s="71">
        <v>102</v>
      </c>
      <c r="JL29" s="71">
        <v>104</v>
      </c>
      <c r="JM29" s="71">
        <v>76</v>
      </c>
      <c r="JN29" s="71">
        <v>91</v>
      </c>
      <c r="JO29" s="71">
        <v>61</v>
      </c>
      <c r="JP29" s="72">
        <v>434</v>
      </c>
      <c r="JQ29" s="73">
        <v>531</v>
      </c>
      <c r="JR29" s="70">
        <v>3</v>
      </c>
      <c r="JS29" s="71">
        <v>2</v>
      </c>
      <c r="JT29" s="72">
        <v>5</v>
      </c>
      <c r="JU29" s="244"/>
      <c r="JV29" s="71">
        <v>12</v>
      </c>
      <c r="JW29" s="71">
        <v>5</v>
      </c>
      <c r="JX29" s="71">
        <v>5</v>
      </c>
      <c r="JY29" s="71">
        <v>6</v>
      </c>
      <c r="JZ29" s="71">
        <v>2</v>
      </c>
      <c r="KA29" s="72">
        <v>30</v>
      </c>
      <c r="KB29" s="73">
        <v>35</v>
      </c>
      <c r="KC29" s="70">
        <v>277</v>
      </c>
      <c r="KD29" s="71">
        <v>250</v>
      </c>
      <c r="KE29" s="72">
        <v>527</v>
      </c>
      <c r="KF29" s="244"/>
      <c r="KG29" s="71">
        <v>412</v>
      </c>
      <c r="KH29" s="71">
        <v>340</v>
      </c>
      <c r="KI29" s="71">
        <v>240</v>
      </c>
      <c r="KJ29" s="71">
        <v>226</v>
      </c>
      <c r="KK29" s="71">
        <v>150</v>
      </c>
      <c r="KL29" s="72">
        <v>1368</v>
      </c>
      <c r="KM29" s="73">
        <v>1895</v>
      </c>
    </row>
    <row r="30" spans="2:299" ht="21" customHeight="1" x14ac:dyDescent="0.2">
      <c r="B30" s="126" t="s">
        <v>27</v>
      </c>
      <c r="C30" s="315">
        <v>83</v>
      </c>
      <c r="D30" s="82">
        <v>121</v>
      </c>
      <c r="E30" s="83">
        <v>204</v>
      </c>
      <c r="F30" s="241"/>
      <c r="G30" s="82">
        <v>109</v>
      </c>
      <c r="H30" s="82">
        <v>94</v>
      </c>
      <c r="I30" s="82">
        <v>75</v>
      </c>
      <c r="J30" s="82">
        <v>69</v>
      </c>
      <c r="K30" s="82">
        <v>26</v>
      </c>
      <c r="L30" s="84">
        <v>373</v>
      </c>
      <c r="M30" s="85">
        <v>577</v>
      </c>
      <c r="N30" s="70">
        <v>3</v>
      </c>
      <c r="O30" s="71">
        <v>2</v>
      </c>
      <c r="P30" s="72">
        <v>5</v>
      </c>
      <c r="Q30" s="244"/>
      <c r="R30" s="71">
        <v>3</v>
      </c>
      <c r="S30" s="71">
        <v>2</v>
      </c>
      <c r="T30" s="71">
        <v>3</v>
      </c>
      <c r="U30" s="71">
        <v>0</v>
      </c>
      <c r="V30" s="71">
        <v>0</v>
      </c>
      <c r="W30" s="72">
        <v>8</v>
      </c>
      <c r="X30" s="73">
        <v>13</v>
      </c>
      <c r="Y30" s="70">
        <v>7</v>
      </c>
      <c r="Z30" s="71">
        <v>7</v>
      </c>
      <c r="AA30" s="72">
        <v>14</v>
      </c>
      <c r="AB30" s="244"/>
      <c r="AC30" s="71">
        <v>11</v>
      </c>
      <c r="AD30" s="71">
        <v>20</v>
      </c>
      <c r="AE30" s="71">
        <v>6</v>
      </c>
      <c r="AF30" s="71">
        <v>10</v>
      </c>
      <c r="AG30" s="71">
        <v>3</v>
      </c>
      <c r="AH30" s="72">
        <v>50</v>
      </c>
      <c r="AI30" s="73">
        <v>64</v>
      </c>
      <c r="AJ30" s="70">
        <v>16</v>
      </c>
      <c r="AK30" s="71">
        <v>22</v>
      </c>
      <c r="AL30" s="72">
        <v>38</v>
      </c>
      <c r="AM30" s="244"/>
      <c r="AN30" s="71">
        <v>17</v>
      </c>
      <c r="AO30" s="71">
        <v>17</v>
      </c>
      <c r="AP30" s="71">
        <v>14</v>
      </c>
      <c r="AQ30" s="71">
        <v>8</v>
      </c>
      <c r="AR30" s="71">
        <v>6</v>
      </c>
      <c r="AS30" s="72">
        <v>62</v>
      </c>
      <c r="AT30" s="73">
        <v>100</v>
      </c>
      <c r="AU30" s="70">
        <v>18</v>
      </c>
      <c r="AV30" s="71">
        <v>31</v>
      </c>
      <c r="AW30" s="72">
        <v>49</v>
      </c>
      <c r="AX30" s="244"/>
      <c r="AY30" s="71">
        <v>26</v>
      </c>
      <c r="AZ30" s="71">
        <v>15</v>
      </c>
      <c r="BA30" s="71">
        <v>16</v>
      </c>
      <c r="BB30" s="71">
        <v>10</v>
      </c>
      <c r="BC30" s="71">
        <v>5</v>
      </c>
      <c r="BD30" s="72">
        <v>72</v>
      </c>
      <c r="BE30" s="73">
        <v>121</v>
      </c>
      <c r="BF30" s="70">
        <v>23</v>
      </c>
      <c r="BG30" s="71">
        <v>34</v>
      </c>
      <c r="BH30" s="72">
        <v>57</v>
      </c>
      <c r="BI30" s="244"/>
      <c r="BJ30" s="71">
        <v>30</v>
      </c>
      <c r="BK30" s="71">
        <v>19</v>
      </c>
      <c r="BL30" s="71">
        <v>20</v>
      </c>
      <c r="BM30" s="71">
        <v>26</v>
      </c>
      <c r="BN30" s="71">
        <v>7</v>
      </c>
      <c r="BO30" s="72">
        <v>102</v>
      </c>
      <c r="BP30" s="73">
        <v>159</v>
      </c>
      <c r="BQ30" s="70">
        <v>16</v>
      </c>
      <c r="BR30" s="71">
        <v>25</v>
      </c>
      <c r="BS30" s="72">
        <v>41</v>
      </c>
      <c r="BT30" s="244"/>
      <c r="BU30" s="71">
        <v>22</v>
      </c>
      <c r="BV30" s="71">
        <v>21</v>
      </c>
      <c r="BW30" s="71">
        <v>16</v>
      </c>
      <c r="BX30" s="71">
        <v>15</v>
      </c>
      <c r="BY30" s="71">
        <v>5</v>
      </c>
      <c r="BZ30" s="72">
        <v>79</v>
      </c>
      <c r="CA30" s="73">
        <v>120</v>
      </c>
      <c r="CB30" s="70">
        <v>1</v>
      </c>
      <c r="CC30" s="71">
        <v>2</v>
      </c>
      <c r="CD30" s="72">
        <v>3</v>
      </c>
      <c r="CE30" s="244"/>
      <c r="CF30" s="71">
        <v>3</v>
      </c>
      <c r="CG30" s="71">
        <v>2</v>
      </c>
      <c r="CH30" s="71">
        <v>5</v>
      </c>
      <c r="CI30" s="71">
        <v>1</v>
      </c>
      <c r="CJ30" s="71">
        <v>3</v>
      </c>
      <c r="CK30" s="72">
        <v>14</v>
      </c>
      <c r="CL30" s="73">
        <v>17</v>
      </c>
      <c r="CM30" s="70">
        <v>84</v>
      </c>
      <c r="CN30" s="71">
        <v>123</v>
      </c>
      <c r="CO30" s="72">
        <v>207</v>
      </c>
      <c r="CP30" s="244"/>
      <c r="CQ30" s="71">
        <v>112</v>
      </c>
      <c r="CR30" s="71">
        <v>96</v>
      </c>
      <c r="CS30" s="71">
        <v>80</v>
      </c>
      <c r="CT30" s="71">
        <v>70</v>
      </c>
      <c r="CU30" s="71">
        <v>29</v>
      </c>
      <c r="CV30" s="72">
        <v>387</v>
      </c>
      <c r="CW30" s="73">
        <v>594</v>
      </c>
      <c r="CX30" s="123">
        <v>246</v>
      </c>
      <c r="CY30" s="82">
        <v>178</v>
      </c>
      <c r="CZ30" s="83">
        <v>424</v>
      </c>
      <c r="DA30" s="241"/>
      <c r="DB30" s="82">
        <v>212</v>
      </c>
      <c r="DC30" s="82">
        <v>141</v>
      </c>
      <c r="DD30" s="82">
        <v>157</v>
      </c>
      <c r="DE30" s="82">
        <v>150</v>
      </c>
      <c r="DF30" s="82">
        <v>96</v>
      </c>
      <c r="DG30" s="84">
        <v>756</v>
      </c>
      <c r="DH30" s="85">
        <v>1180</v>
      </c>
      <c r="DI30" s="70">
        <v>1</v>
      </c>
      <c r="DJ30" s="71">
        <v>3</v>
      </c>
      <c r="DK30" s="72">
        <v>4</v>
      </c>
      <c r="DL30" s="244"/>
      <c r="DM30" s="71">
        <v>1</v>
      </c>
      <c r="DN30" s="71">
        <v>1</v>
      </c>
      <c r="DO30" s="71">
        <v>1</v>
      </c>
      <c r="DP30" s="71">
        <v>3</v>
      </c>
      <c r="DQ30" s="71">
        <v>2</v>
      </c>
      <c r="DR30" s="72">
        <v>8</v>
      </c>
      <c r="DS30" s="73">
        <v>12</v>
      </c>
      <c r="DT30" s="70">
        <v>17</v>
      </c>
      <c r="DU30" s="71">
        <v>13</v>
      </c>
      <c r="DV30" s="72">
        <v>30</v>
      </c>
      <c r="DW30" s="244"/>
      <c r="DX30" s="71">
        <v>6</v>
      </c>
      <c r="DY30" s="71">
        <v>8</v>
      </c>
      <c r="DZ30" s="71">
        <v>9</v>
      </c>
      <c r="EA30" s="71">
        <v>10</v>
      </c>
      <c r="EB30" s="71">
        <v>1</v>
      </c>
      <c r="EC30" s="72">
        <v>34</v>
      </c>
      <c r="ED30" s="73">
        <v>64</v>
      </c>
      <c r="EE30" s="70">
        <v>29</v>
      </c>
      <c r="EF30" s="71">
        <v>15</v>
      </c>
      <c r="EG30" s="72">
        <v>44</v>
      </c>
      <c r="EH30" s="244"/>
      <c r="EI30" s="71">
        <v>16</v>
      </c>
      <c r="EJ30" s="71">
        <v>17</v>
      </c>
      <c r="EK30" s="71">
        <v>10</v>
      </c>
      <c r="EL30" s="71">
        <v>11</v>
      </c>
      <c r="EM30" s="71">
        <v>11</v>
      </c>
      <c r="EN30" s="72">
        <v>65</v>
      </c>
      <c r="EO30" s="73">
        <v>109</v>
      </c>
      <c r="EP30" s="70">
        <v>70</v>
      </c>
      <c r="EQ30" s="71">
        <v>51</v>
      </c>
      <c r="ER30" s="72">
        <v>121</v>
      </c>
      <c r="ES30" s="244"/>
      <c r="ET30" s="71">
        <v>51</v>
      </c>
      <c r="EU30" s="71">
        <v>20</v>
      </c>
      <c r="EV30" s="71">
        <v>30</v>
      </c>
      <c r="EW30" s="71">
        <v>19</v>
      </c>
      <c r="EX30" s="71">
        <v>22</v>
      </c>
      <c r="EY30" s="72">
        <v>142</v>
      </c>
      <c r="EZ30" s="73">
        <v>263</v>
      </c>
      <c r="FA30" s="70">
        <v>80</v>
      </c>
      <c r="FB30" s="71">
        <v>55</v>
      </c>
      <c r="FC30" s="72">
        <v>135</v>
      </c>
      <c r="FD30" s="244"/>
      <c r="FE30" s="71">
        <v>68</v>
      </c>
      <c r="FF30" s="71">
        <v>42</v>
      </c>
      <c r="FG30" s="71">
        <v>29</v>
      </c>
      <c r="FH30" s="71">
        <v>35</v>
      </c>
      <c r="FI30" s="71">
        <v>27</v>
      </c>
      <c r="FJ30" s="72">
        <v>201</v>
      </c>
      <c r="FK30" s="73">
        <v>336</v>
      </c>
      <c r="FL30" s="70">
        <v>49</v>
      </c>
      <c r="FM30" s="71">
        <v>41</v>
      </c>
      <c r="FN30" s="72">
        <v>90</v>
      </c>
      <c r="FO30" s="244"/>
      <c r="FP30" s="71">
        <v>70</v>
      </c>
      <c r="FQ30" s="71">
        <v>53</v>
      </c>
      <c r="FR30" s="71">
        <v>78</v>
      </c>
      <c r="FS30" s="71">
        <v>72</v>
      </c>
      <c r="FT30" s="71">
        <v>33</v>
      </c>
      <c r="FU30" s="72">
        <v>306</v>
      </c>
      <c r="FV30" s="73">
        <v>396</v>
      </c>
      <c r="FW30" s="70">
        <v>0</v>
      </c>
      <c r="FX30" s="71">
        <v>3</v>
      </c>
      <c r="FY30" s="72">
        <v>3</v>
      </c>
      <c r="FZ30" s="244"/>
      <c r="GA30" s="71">
        <v>4</v>
      </c>
      <c r="GB30" s="71">
        <v>4</v>
      </c>
      <c r="GC30" s="71">
        <v>2</v>
      </c>
      <c r="GD30" s="71">
        <v>1</v>
      </c>
      <c r="GE30" s="71">
        <v>2</v>
      </c>
      <c r="GF30" s="72">
        <v>13</v>
      </c>
      <c r="GG30" s="73">
        <v>16</v>
      </c>
      <c r="GH30" s="70">
        <v>246</v>
      </c>
      <c r="GI30" s="71">
        <v>181</v>
      </c>
      <c r="GJ30" s="72">
        <v>427</v>
      </c>
      <c r="GK30" s="244"/>
      <c r="GL30" s="71">
        <v>216</v>
      </c>
      <c r="GM30" s="71">
        <v>145</v>
      </c>
      <c r="GN30" s="71">
        <v>159</v>
      </c>
      <c r="GO30" s="71">
        <v>151</v>
      </c>
      <c r="GP30" s="71">
        <v>98</v>
      </c>
      <c r="GQ30" s="72">
        <v>769</v>
      </c>
      <c r="GR30" s="73">
        <v>1196</v>
      </c>
      <c r="GS30" s="123">
        <v>329</v>
      </c>
      <c r="GT30" s="82">
        <v>299</v>
      </c>
      <c r="GU30" s="83">
        <v>628</v>
      </c>
      <c r="GV30" s="241"/>
      <c r="GW30" s="82">
        <v>321</v>
      </c>
      <c r="GX30" s="82">
        <v>235</v>
      </c>
      <c r="GY30" s="82">
        <v>232</v>
      </c>
      <c r="GZ30" s="82">
        <v>219</v>
      </c>
      <c r="HA30" s="82">
        <v>122</v>
      </c>
      <c r="HB30" s="84">
        <v>1129</v>
      </c>
      <c r="HC30" s="85">
        <v>1757</v>
      </c>
      <c r="HD30" s="70">
        <v>4</v>
      </c>
      <c r="HE30" s="71">
        <v>5</v>
      </c>
      <c r="HF30" s="72">
        <v>9</v>
      </c>
      <c r="HG30" s="244"/>
      <c r="HH30" s="71">
        <v>4</v>
      </c>
      <c r="HI30" s="71">
        <v>3</v>
      </c>
      <c r="HJ30" s="71">
        <v>4</v>
      </c>
      <c r="HK30" s="71">
        <v>3</v>
      </c>
      <c r="HL30" s="71">
        <v>2</v>
      </c>
      <c r="HM30" s="72">
        <v>16</v>
      </c>
      <c r="HN30" s="73">
        <v>25</v>
      </c>
      <c r="HO30" s="70">
        <v>24</v>
      </c>
      <c r="HP30" s="71">
        <v>20</v>
      </c>
      <c r="HQ30" s="72">
        <v>44</v>
      </c>
      <c r="HR30" s="244"/>
      <c r="HS30" s="71">
        <v>17</v>
      </c>
      <c r="HT30" s="71">
        <v>28</v>
      </c>
      <c r="HU30" s="71">
        <v>15</v>
      </c>
      <c r="HV30" s="71">
        <v>20</v>
      </c>
      <c r="HW30" s="71">
        <v>4</v>
      </c>
      <c r="HX30" s="72">
        <v>84</v>
      </c>
      <c r="HY30" s="73">
        <v>128</v>
      </c>
      <c r="HZ30" s="70">
        <v>45</v>
      </c>
      <c r="IA30" s="71">
        <v>37</v>
      </c>
      <c r="IB30" s="72">
        <v>82</v>
      </c>
      <c r="IC30" s="244"/>
      <c r="ID30" s="71">
        <v>33</v>
      </c>
      <c r="IE30" s="71">
        <v>34</v>
      </c>
      <c r="IF30" s="71">
        <v>24</v>
      </c>
      <c r="IG30" s="71">
        <v>19</v>
      </c>
      <c r="IH30" s="71">
        <v>17</v>
      </c>
      <c r="II30" s="72">
        <v>127</v>
      </c>
      <c r="IJ30" s="73">
        <v>209</v>
      </c>
      <c r="IK30" s="70">
        <v>88</v>
      </c>
      <c r="IL30" s="71">
        <v>82</v>
      </c>
      <c r="IM30" s="72">
        <v>170</v>
      </c>
      <c r="IN30" s="244"/>
      <c r="IO30" s="71">
        <v>77</v>
      </c>
      <c r="IP30" s="71">
        <v>35</v>
      </c>
      <c r="IQ30" s="71">
        <v>46</v>
      </c>
      <c r="IR30" s="71">
        <v>29</v>
      </c>
      <c r="IS30" s="71">
        <v>27</v>
      </c>
      <c r="IT30" s="72">
        <v>214</v>
      </c>
      <c r="IU30" s="73">
        <v>384</v>
      </c>
      <c r="IV30" s="70">
        <v>103</v>
      </c>
      <c r="IW30" s="71">
        <v>89</v>
      </c>
      <c r="IX30" s="72">
        <v>192</v>
      </c>
      <c r="IY30" s="244"/>
      <c r="IZ30" s="71">
        <v>98</v>
      </c>
      <c r="JA30" s="71">
        <v>61</v>
      </c>
      <c r="JB30" s="71">
        <v>49</v>
      </c>
      <c r="JC30" s="71">
        <v>61</v>
      </c>
      <c r="JD30" s="71">
        <v>34</v>
      </c>
      <c r="JE30" s="72">
        <v>303</v>
      </c>
      <c r="JF30" s="73">
        <v>495</v>
      </c>
      <c r="JG30" s="70">
        <v>65</v>
      </c>
      <c r="JH30" s="71">
        <v>66</v>
      </c>
      <c r="JI30" s="72">
        <v>131</v>
      </c>
      <c r="JJ30" s="244"/>
      <c r="JK30" s="71">
        <v>92</v>
      </c>
      <c r="JL30" s="71">
        <v>74</v>
      </c>
      <c r="JM30" s="71">
        <v>94</v>
      </c>
      <c r="JN30" s="71">
        <v>87</v>
      </c>
      <c r="JO30" s="71">
        <v>38</v>
      </c>
      <c r="JP30" s="72">
        <v>385</v>
      </c>
      <c r="JQ30" s="73">
        <v>516</v>
      </c>
      <c r="JR30" s="70">
        <v>1</v>
      </c>
      <c r="JS30" s="71">
        <v>5</v>
      </c>
      <c r="JT30" s="72">
        <v>6</v>
      </c>
      <c r="JU30" s="244"/>
      <c r="JV30" s="71">
        <v>7</v>
      </c>
      <c r="JW30" s="71">
        <v>6</v>
      </c>
      <c r="JX30" s="71">
        <v>7</v>
      </c>
      <c r="JY30" s="71">
        <v>2</v>
      </c>
      <c r="JZ30" s="71">
        <v>5</v>
      </c>
      <c r="KA30" s="72">
        <v>27</v>
      </c>
      <c r="KB30" s="73">
        <v>33</v>
      </c>
      <c r="KC30" s="70">
        <v>330</v>
      </c>
      <c r="KD30" s="71">
        <v>304</v>
      </c>
      <c r="KE30" s="72">
        <v>634</v>
      </c>
      <c r="KF30" s="244"/>
      <c r="KG30" s="71">
        <v>328</v>
      </c>
      <c r="KH30" s="71">
        <v>241</v>
      </c>
      <c r="KI30" s="71">
        <v>239</v>
      </c>
      <c r="KJ30" s="71">
        <v>221</v>
      </c>
      <c r="KK30" s="71">
        <v>127</v>
      </c>
      <c r="KL30" s="72">
        <v>1156</v>
      </c>
      <c r="KM30" s="73">
        <v>1790</v>
      </c>
    </row>
    <row r="31" spans="2:299" ht="21" customHeight="1" x14ac:dyDescent="0.2">
      <c r="B31" s="126" t="s">
        <v>28</v>
      </c>
      <c r="C31" s="315">
        <v>12</v>
      </c>
      <c r="D31" s="82">
        <v>14</v>
      </c>
      <c r="E31" s="83">
        <v>26</v>
      </c>
      <c r="F31" s="241"/>
      <c r="G31" s="82">
        <v>43</v>
      </c>
      <c r="H31" s="82">
        <v>45</v>
      </c>
      <c r="I31" s="82">
        <v>24</v>
      </c>
      <c r="J31" s="82">
        <v>19</v>
      </c>
      <c r="K31" s="82">
        <v>13</v>
      </c>
      <c r="L31" s="84">
        <v>144</v>
      </c>
      <c r="M31" s="85">
        <v>170</v>
      </c>
      <c r="N31" s="70">
        <v>0</v>
      </c>
      <c r="O31" s="71">
        <v>2</v>
      </c>
      <c r="P31" s="72">
        <v>2</v>
      </c>
      <c r="Q31" s="244"/>
      <c r="R31" s="71">
        <v>1</v>
      </c>
      <c r="S31" s="71">
        <v>1</v>
      </c>
      <c r="T31" s="71">
        <v>2</v>
      </c>
      <c r="U31" s="71">
        <v>0</v>
      </c>
      <c r="V31" s="71">
        <v>2</v>
      </c>
      <c r="W31" s="72">
        <v>6</v>
      </c>
      <c r="X31" s="73">
        <v>8</v>
      </c>
      <c r="Y31" s="70">
        <v>1</v>
      </c>
      <c r="Z31" s="71">
        <v>3</v>
      </c>
      <c r="AA31" s="72">
        <v>4</v>
      </c>
      <c r="AB31" s="244"/>
      <c r="AC31" s="71">
        <v>2</v>
      </c>
      <c r="AD31" s="71">
        <v>7</v>
      </c>
      <c r="AE31" s="71">
        <v>5</v>
      </c>
      <c r="AF31" s="71">
        <v>2</v>
      </c>
      <c r="AG31" s="71">
        <v>1</v>
      </c>
      <c r="AH31" s="72">
        <v>17</v>
      </c>
      <c r="AI31" s="73">
        <v>21</v>
      </c>
      <c r="AJ31" s="70">
        <v>2</v>
      </c>
      <c r="AK31" s="71">
        <v>2</v>
      </c>
      <c r="AL31" s="72">
        <v>4</v>
      </c>
      <c r="AM31" s="244"/>
      <c r="AN31" s="71">
        <v>7</v>
      </c>
      <c r="AO31" s="71">
        <v>9</v>
      </c>
      <c r="AP31" s="71">
        <v>2</v>
      </c>
      <c r="AQ31" s="71">
        <v>4</v>
      </c>
      <c r="AR31" s="71">
        <v>2</v>
      </c>
      <c r="AS31" s="72">
        <v>24</v>
      </c>
      <c r="AT31" s="73">
        <v>28</v>
      </c>
      <c r="AU31" s="70">
        <v>4</v>
      </c>
      <c r="AV31" s="71">
        <v>2</v>
      </c>
      <c r="AW31" s="72">
        <v>6</v>
      </c>
      <c r="AX31" s="244"/>
      <c r="AY31" s="71">
        <v>10</v>
      </c>
      <c r="AZ31" s="71">
        <v>12</v>
      </c>
      <c r="BA31" s="71">
        <v>4</v>
      </c>
      <c r="BB31" s="71">
        <v>1</v>
      </c>
      <c r="BC31" s="71">
        <v>2</v>
      </c>
      <c r="BD31" s="72">
        <v>29</v>
      </c>
      <c r="BE31" s="73">
        <v>35</v>
      </c>
      <c r="BF31" s="70">
        <v>4</v>
      </c>
      <c r="BG31" s="71">
        <v>4</v>
      </c>
      <c r="BH31" s="72">
        <v>8</v>
      </c>
      <c r="BI31" s="244"/>
      <c r="BJ31" s="71">
        <v>14</v>
      </c>
      <c r="BK31" s="71">
        <v>4</v>
      </c>
      <c r="BL31" s="71">
        <v>4</v>
      </c>
      <c r="BM31" s="71">
        <v>5</v>
      </c>
      <c r="BN31" s="71">
        <v>2</v>
      </c>
      <c r="BO31" s="72">
        <v>29</v>
      </c>
      <c r="BP31" s="73">
        <v>37</v>
      </c>
      <c r="BQ31" s="70">
        <v>1</v>
      </c>
      <c r="BR31" s="71">
        <v>1</v>
      </c>
      <c r="BS31" s="72">
        <v>2</v>
      </c>
      <c r="BT31" s="244"/>
      <c r="BU31" s="71">
        <v>9</v>
      </c>
      <c r="BV31" s="71">
        <v>12</v>
      </c>
      <c r="BW31" s="71">
        <v>7</v>
      </c>
      <c r="BX31" s="71">
        <v>7</v>
      </c>
      <c r="BY31" s="71">
        <v>4</v>
      </c>
      <c r="BZ31" s="72">
        <v>39</v>
      </c>
      <c r="CA31" s="73">
        <v>41</v>
      </c>
      <c r="CB31" s="70">
        <v>0</v>
      </c>
      <c r="CC31" s="71">
        <v>2</v>
      </c>
      <c r="CD31" s="72">
        <v>2</v>
      </c>
      <c r="CE31" s="244"/>
      <c r="CF31" s="71">
        <v>0</v>
      </c>
      <c r="CG31" s="71">
        <v>1</v>
      </c>
      <c r="CH31" s="71">
        <v>0</v>
      </c>
      <c r="CI31" s="71">
        <v>0</v>
      </c>
      <c r="CJ31" s="71">
        <v>2</v>
      </c>
      <c r="CK31" s="72">
        <v>3</v>
      </c>
      <c r="CL31" s="73">
        <v>5</v>
      </c>
      <c r="CM31" s="70">
        <v>12</v>
      </c>
      <c r="CN31" s="71">
        <v>16</v>
      </c>
      <c r="CO31" s="72">
        <v>28</v>
      </c>
      <c r="CP31" s="244"/>
      <c r="CQ31" s="71">
        <v>43</v>
      </c>
      <c r="CR31" s="71">
        <v>46</v>
      </c>
      <c r="CS31" s="71">
        <v>24</v>
      </c>
      <c r="CT31" s="71">
        <v>19</v>
      </c>
      <c r="CU31" s="71">
        <v>15</v>
      </c>
      <c r="CV31" s="72">
        <v>147</v>
      </c>
      <c r="CW31" s="73">
        <v>175</v>
      </c>
      <c r="CX31" s="123">
        <v>20</v>
      </c>
      <c r="CY31" s="82">
        <v>37</v>
      </c>
      <c r="CZ31" s="83">
        <v>57</v>
      </c>
      <c r="DA31" s="241"/>
      <c r="DB31" s="82">
        <v>52</v>
      </c>
      <c r="DC31" s="82">
        <v>67</v>
      </c>
      <c r="DD31" s="82">
        <v>51</v>
      </c>
      <c r="DE31" s="82">
        <v>57</v>
      </c>
      <c r="DF31" s="82">
        <v>30</v>
      </c>
      <c r="DG31" s="84">
        <v>257</v>
      </c>
      <c r="DH31" s="85">
        <v>314</v>
      </c>
      <c r="DI31" s="70">
        <v>4</v>
      </c>
      <c r="DJ31" s="71">
        <v>3</v>
      </c>
      <c r="DK31" s="72">
        <v>7</v>
      </c>
      <c r="DL31" s="244"/>
      <c r="DM31" s="71">
        <v>2</v>
      </c>
      <c r="DN31" s="71">
        <v>2</v>
      </c>
      <c r="DO31" s="71">
        <v>1</v>
      </c>
      <c r="DP31" s="71">
        <v>0</v>
      </c>
      <c r="DQ31" s="71">
        <v>0</v>
      </c>
      <c r="DR31" s="72">
        <v>5</v>
      </c>
      <c r="DS31" s="73">
        <v>12</v>
      </c>
      <c r="DT31" s="70">
        <v>1</v>
      </c>
      <c r="DU31" s="71">
        <v>3</v>
      </c>
      <c r="DV31" s="72">
        <v>4</v>
      </c>
      <c r="DW31" s="244"/>
      <c r="DX31" s="71">
        <v>0</v>
      </c>
      <c r="DY31" s="71">
        <v>4</v>
      </c>
      <c r="DZ31" s="71">
        <v>1</v>
      </c>
      <c r="EA31" s="71">
        <v>5</v>
      </c>
      <c r="EB31" s="71">
        <v>0</v>
      </c>
      <c r="EC31" s="72">
        <v>10</v>
      </c>
      <c r="ED31" s="73">
        <v>14</v>
      </c>
      <c r="EE31" s="70">
        <v>6</v>
      </c>
      <c r="EF31" s="71">
        <v>6</v>
      </c>
      <c r="EG31" s="72">
        <v>12</v>
      </c>
      <c r="EH31" s="244"/>
      <c r="EI31" s="71">
        <v>9</v>
      </c>
      <c r="EJ31" s="71">
        <v>8</v>
      </c>
      <c r="EK31" s="71">
        <v>8</v>
      </c>
      <c r="EL31" s="71">
        <v>5</v>
      </c>
      <c r="EM31" s="71">
        <v>2</v>
      </c>
      <c r="EN31" s="72">
        <v>32</v>
      </c>
      <c r="EO31" s="73">
        <v>44</v>
      </c>
      <c r="EP31" s="70">
        <v>7</v>
      </c>
      <c r="EQ31" s="71">
        <v>12</v>
      </c>
      <c r="ER31" s="72">
        <v>19</v>
      </c>
      <c r="ES31" s="244"/>
      <c r="ET31" s="71">
        <v>12</v>
      </c>
      <c r="EU31" s="71">
        <v>14</v>
      </c>
      <c r="EV31" s="71">
        <v>9</v>
      </c>
      <c r="EW31" s="71">
        <v>6</v>
      </c>
      <c r="EX31" s="71">
        <v>10</v>
      </c>
      <c r="EY31" s="72">
        <v>51</v>
      </c>
      <c r="EZ31" s="73">
        <v>70</v>
      </c>
      <c r="FA31" s="70">
        <v>2</v>
      </c>
      <c r="FB31" s="71">
        <v>7</v>
      </c>
      <c r="FC31" s="72">
        <v>9</v>
      </c>
      <c r="FD31" s="244"/>
      <c r="FE31" s="71">
        <v>16</v>
      </c>
      <c r="FF31" s="71">
        <v>24</v>
      </c>
      <c r="FG31" s="71">
        <v>11</v>
      </c>
      <c r="FH31" s="71">
        <v>19</v>
      </c>
      <c r="FI31" s="71">
        <v>7</v>
      </c>
      <c r="FJ31" s="72">
        <v>77</v>
      </c>
      <c r="FK31" s="73">
        <v>86</v>
      </c>
      <c r="FL31" s="70">
        <v>0</v>
      </c>
      <c r="FM31" s="71">
        <v>6</v>
      </c>
      <c r="FN31" s="72">
        <v>6</v>
      </c>
      <c r="FO31" s="244"/>
      <c r="FP31" s="71">
        <v>13</v>
      </c>
      <c r="FQ31" s="71">
        <v>15</v>
      </c>
      <c r="FR31" s="71">
        <v>21</v>
      </c>
      <c r="FS31" s="71">
        <v>22</v>
      </c>
      <c r="FT31" s="71">
        <v>11</v>
      </c>
      <c r="FU31" s="72">
        <v>82</v>
      </c>
      <c r="FV31" s="73">
        <v>88</v>
      </c>
      <c r="FW31" s="70">
        <v>0</v>
      </c>
      <c r="FX31" s="71">
        <v>1</v>
      </c>
      <c r="FY31" s="72">
        <v>1</v>
      </c>
      <c r="FZ31" s="244"/>
      <c r="GA31" s="71">
        <v>1</v>
      </c>
      <c r="GB31" s="71">
        <v>0</v>
      </c>
      <c r="GC31" s="71">
        <v>0</v>
      </c>
      <c r="GD31" s="71">
        <v>0</v>
      </c>
      <c r="GE31" s="71">
        <v>2</v>
      </c>
      <c r="GF31" s="72">
        <v>3</v>
      </c>
      <c r="GG31" s="73">
        <v>4</v>
      </c>
      <c r="GH31" s="70">
        <v>20</v>
      </c>
      <c r="GI31" s="71">
        <v>38</v>
      </c>
      <c r="GJ31" s="72">
        <v>58</v>
      </c>
      <c r="GK31" s="244"/>
      <c r="GL31" s="71">
        <v>53</v>
      </c>
      <c r="GM31" s="71">
        <v>67</v>
      </c>
      <c r="GN31" s="71">
        <v>51</v>
      </c>
      <c r="GO31" s="71">
        <v>57</v>
      </c>
      <c r="GP31" s="71">
        <v>32</v>
      </c>
      <c r="GQ31" s="72">
        <v>260</v>
      </c>
      <c r="GR31" s="73">
        <v>318</v>
      </c>
      <c r="GS31" s="123">
        <v>32</v>
      </c>
      <c r="GT31" s="82">
        <v>51</v>
      </c>
      <c r="GU31" s="83">
        <v>83</v>
      </c>
      <c r="GV31" s="241"/>
      <c r="GW31" s="82">
        <v>95</v>
      </c>
      <c r="GX31" s="82">
        <v>112</v>
      </c>
      <c r="GY31" s="82">
        <v>75</v>
      </c>
      <c r="GZ31" s="82">
        <v>76</v>
      </c>
      <c r="HA31" s="82">
        <v>43</v>
      </c>
      <c r="HB31" s="84">
        <v>401</v>
      </c>
      <c r="HC31" s="85">
        <v>484</v>
      </c>
      <c r="HD31" s="70">
        <v>4</v>
      </c>
      <c r="HE31" s="71">
        <v>5</v>
      </c>
      <c r="HF31" s="72">
        <v>9</v>
      </c>
      <c r="HG31" s="244"/>
      <c r="HH31" s="71">
        <v>3</v>
      </c>
      <c r="HI31" s="71">
        <v>3</v>
      </c>
      <c r="HJ31" s="71">
        <v>3</v>
      </c>
      <c r="HK31" s="71">
        <v>0</v>
      </c>
      <c r="HL31" s="71">
        <v>2</v>
      </c>
      <c r="HM31" s="72">
        <v>11</v>
      </c>
      <c r="HN31" s="73">
        <v>20</v>
      </c>
      <c r="HO31" s="70">
        <v>2</v>
      </c>
      <c r="HP31" s="71">
        <v>6</v>
      </c>
      <c r="HQ31" s="72">
        <v>8</v>
      </c>
      <c r="HR31" s="244"/>
      <c r="HS31" s="71">
        <v>2</v>
      </c>
      <c r="HT31" s="71">
        <v>11</v>
      </c>
      <c r="HU31" s="71">
        <v>6</v>
      </c>
      <c r="HV31" s="71">
        <v>7</v>
      </c>
      <c r="HW31" s="71">
        <v>1</v>
      </c>
      <c r="HX31" s="72">
        <v>27</v>
      </c>
      <c r="HY31" s="73">
        <v>35</v>
      </c>
      <c r="HZ31" s="70">
        <v>8</v>
      </c>
      <c r="IA31" s="71">
        <v>8</v>
      </c>
      <c r="IB31" s="72">
        <v>16</v>
      </c>
      <c r="IC31" s="244"/>
      <c r="ID31" s="71">
        <v>16</v>
      </c>
      <c r="IE31" s="71">
        <v>17</v>
      </c>
      <c r="IF31" s="71">
        <v>10</v>
      </c>
      <c r="IG31" s="71">
        <v>9</v>
      </c>
      <c r="IH31" s="71">
        <v>4</v>
      </c>
      <c r="II31" s="72">
        <v>56</v>
      </c>
      <c r="IJ31" s="73">
        <v>72</v>
      </c>
      <c r="IK31" s="70">
        <v>11</v>
      </c>
      <c r="IL31" s="71">
        <v>14</v>
      </c>
      <c r="IM31" s="72">
        <v>25</v>
      </c>
      <c r="IN31" s="244"/>
      <c r="IO31" s="71">
        <v>22</v>
      </c>
      <c r="IP31" s="71">
        <v>26</v>
      </c>
      <c r="IQ31" s="71">
        <v>13</v>
      </c>
      <c r="IR31" s="71">
        <v>7</v>
      </c>
      <c r="IS31" s="71">
        <v>12</v>
      </c>
      <c r="IT31" s="72">
        <v>80</v>
      </c>
      <c r="IU31" s="73">
        <v>105</v>
      </c>
      <c r="IV31" s="70">
        <v>6</v>
      </c>
      <c r="IW31" s="71">
        <v>11</v>
      </c>
      <c r="IX31" s="72">
        <v>17</v>
      </c>
      <c r="IY31" s="244"/>
      <c r="IZ31" s="71">
        <v>30</v>
      </c>
      <c r="JA31" s="71">
        <v>28</v>
      </c>
      <c r="JB31" s="71">
        <v>15</v>
      </c>
      <c r="JC31" s="71">
        <v>24</v>
      </c>
      <c r="JD31" s="71">
        <v>9</v>
      </c>
      <c r="JE31" s="72">
        <v>106</v>
      </c>
      <c r="JF31" s="73">
        <v>123</v>
      </c>
      <c r="JG31" s="70">
        <v>1</v>
      </c>
      <c r="JH31" s="71">
        <v>7</v>
      </c>
      <c r="JI31" s="72">
        <v>8</v>
      </c>
      <c r="JJ31" s="244"/>
      <c r="JK31" s="71">
        <v>22</v>
      </c>
      <c r="JL31" s="71">
        <v>27</v>
      </c>
      <c r="JM31" s="71">
        <v>28</v>
      </c>
      <c r="JN31" s="71">
        <v>29</v>
      </c>
      <c r="JO31" s="71">
        <v>15</v>
      </c>
      <c r="JP31" s="72">
        <v>121</v>
      </c>
      <c r="JQ31" s="73">
        <v>129</v>
      </c>
      <c r="JR31" s="70">
        <v>0</v>
      </c>
      <c r="JS31" s="71">
        <v>3</v>
      </c>
      <c r="JT31" s="72">
        <v>3</v>
      </c>
      <c r="JU31" s="244"/>
      <c r="JV31" s="71">
        <v>1</v>
      </c>
      <c r="JW31" s="71">
        <v>1</v>
      </c>
      <c r="JX31" s="71">
        <v>0</v>
      </c>
      <c r="JY31" s="71">
        <v>0</v>
      </c>
      <c r="JZ31" s="71">
        <v>4</v>
      </c>
      <c r="KA31" s="72">
        <v>6</v>
      </c>
      <c r="KB31" s="73">
        <v>9</v>
      </c>
      <c r="KC31" s="70">
        <v>32</v>
      </c>
      <c r="KD31" s="71">
        <v>54</v>
      </c>
      <c r="KE31" s="72">
        <v>86</v>
      </c>
      <c r="KF31" s="244"/>
      <c r="KG31" s="71">
        <v>96</v>
      </c>
      <c r="KH31" s="71">
        <v>113</v>
      </c>
      <c r="KI31" s="71">
        <v>75</v>
      </c>
      <c r="KJ31" s="71">
        <v>76</v>
      </c>
      <c r="KK31" s="71">
        <v>47</v>
      </c>
      <c r="KL31" s="72">
        <v>407</v>
      </c>
      <c r="KM31" s="73">
        <v>493</v>
      </c>
    </row>
    <row r="32" spans="2:299" ht="21" customHeight="1" x14ac:dyDescent="0.2">
      <c r="B32" s="126" t="s">
        <v>29</v>
      </c>
      <c r="C32" s="315">
        <v>33</v>
      </c>
      <c r="D32" s="82">
        <v>23</v>
      </c>
      <c r="E32" s="83">
        <v>56</v>
      </c>
      <c r="F32" s="241"/>
      <c r="G32" s="82">
        <v>46</v>
      </c>
      <c r="H32" s="82">
        <v>45</v>
      </c>
      <c r="I32" s="82">
        <v>40</v>
      </c>
      <c r="J32" s="82">
        <v>37</v>
      </c>
      <c r="K32" s="82">
        <v>13</v>
      </c>
      <c r="L32" s="84">
        <v>181</v>
      </c>
      <c r="M32" s="85">
        <v>237</v>
      </c>
      <c r="N32" s="70">
        <v>2</v>
      </c>
      <c r="O32" s="71">
        <v>0</v>
      </c>
      <c r="P32" s="72">
        <v>2</v>
      </c>
      <c r="Q32" s="244"/>
      <c r="R32" s="71">
        <v>3</v>
      </c>
      <c r="S32" s="71">
        <v>2</v>
      </c>
      <c r="T32" s="71">
        <v>3</v>
      </c>
      <c r="U32" s="71">
        <v>1</v>
      </c>
      <c r="V32" s="71">
        <v>0</v>
      </c>
      <c r="W32" s="72">
        <v>9</v>
      </c>
      <c r="X32" s="73">
        <v>11</v>
      </c>
      <c r="Y32" s="70">
        <v>5</v>
      </c>
      <c r="Z32" s="71">
        <v>4</v>
      </c>
      <c r="AA32" s="72">
        <v>9</v>
      </c>
      <c r="AB32" s="244"/>
      <c r="AC32" s="71">
        <v>11</v>
      </c>
      <c r="AD32" s="71">
        <v>4</v>
      </c>
      <c r="AE32" s="71">
        <v>4</v>
      </c>
      <c r="AF32" s="71">
        <v>4</v>
      </c>
      <c r="AG32" s="71">
        <v>3</v>
      </c>
      <c r="AH32" s="72">
        <v>26</v>
      </c>
      <c r="AI32" s="73">
        <v>35</v>
      </c>
      <c r="AJ32" s="70">
        <v>8</v>
      </c>
      <c r="AK32" s="71">
        <v>4</v>
      </c>
      <c r="AL32" s="72">
        <v>12</v>
      </c>
      <c r="AM32" s="244"/>
      <c r="AN32" s="71">
        <v>11</v>
      </c>
      <c r="AO32" s="71">
        <v>9</v>
      </c>
      <c r="AP32" s="71">
        <v>5</v>
      </c>
      <c r="AQ32" s="71">
        <v>6</v>
      </c>
      <c r="AR32" s="71">
        <v>1</v>
      </c>
      <c r="AS32" s="72">
        <v>32</v>
      </c>
      <c r="AT32" s="73">
        <v>44</v>
      </c>
      <c r="AU32" s="70">
        <v>8</v>
      </c>
      <c r="AV32" s="71">
        <v>5</v>
      </c>
      <c r="AW32" s="72">
        <v>13</v>
      </c>
      <c r="AX32" s="244"/>
      <c r="AY32" s="71">
        <v>3</v>
      </c>
      <c r="AZ32" s="71">
        <v>11</v>
      </c>
      <c r="BA32" s="71">
        <v>8</v>
      </c>
      <c r="BB32" s="71">
        <v>11</v>
      </c>
      <c r="BC32" s="71">
        <v>5</v>
      </c>
      <c r="BD32" s="72">
        <v>38</v>
      </c>
      <c r="BE32" s="73">
        <v>51</v>
      </c>
      <c r="BF32" s="70">
        <v>5</v>
      </c>
      <c r="BG32" s="71">
        <v>8</v>
      </c>
      <c r="BH32" s="72">
        <v>13</v>
      </c>
      <c r="BI32" s="244"/>
      <c r="BJ32" s="71">
        <v>9</v>
      </c>
      <c r="BK32" s="71">
        <v>9</v>
      </c>
      <c r="BL32" s="71">
        <v>11</v>
      </c>
      <c r="BM32" s="71">
        <v>10</v>
      </c>
      <c r="BN32" s="71">
        <v>4</v>
      </c>
      <c r="BO32" s="72">
        <v>43</v>
      </c>
      <c r="BP32" s="73">
        <v>56</v>
      </c>
      <c r="BQ32" s="70">
        <v>5</v>
      </c>
      <c r="BR32" s="71">
        <v>2</v>
      </c>
      <c r="BS32" s="72">
        <v>7</v>
      </c>
      <c r="BT32" s="244"/>
      <c r="BU32" s="71">
        <v>9</v>
      </c>
      <c r="BV32" s="71">
        <v>10</v>
      </c>
      <c r="BW32" s="71">
        <v>9</v>
      </c>
      <c r="BX32" s="71">
        <v>5</v>
      </c>
      <c r="BY32" s="71">
        <v>0</v>
      </c>
      <c r="BZ32" s="72">
        <v>33</v>
      </c>
      <c r="CA32" s="73">
        <v>40</v>
      </c>
      <c r="CB32" s="70">
        <v>1</v>
      </c>
      <c r="CC32" s="71">
        <v>2</v>
      </c>
      <c r="CD32" s="72">
        <v>3</v>
      </c>
      <c r="CE32" s="244"/>
      <c r="CF32" s="71">
        <v>1</v>
      </c>
      <c r="CG32" s="71">
        <v>4</v>
      </c>
      <c r="CH32" s="71">
        <v>2</v>
      </c>
      <c r="CI32" s="71">
        <v>1</v>
      </c>
      <c r="CJ32" s="71">
        <v>1</v>
      </c>
      <c r="CK32" s="72">
        <v>9</v>
      </c>
      <c r="CL32" s="73">
        <v>12</v>
      </c>
      <c r="CM32" s="70">
        <v>34</v>
      </c>
      <c r="CN32" s="71">
        <v>25</v>
      </c>
      <c r="CO32" s="72">
        <v>59</v>
      </c>
      <c r="CP32" s="244"/>
      <c r="CQ32" s="71">
        <v>47</v>
      </c>
      <c r="CR32" s="71">
        <v>49</v>
      </c>
      <c r="CS32" s="71">
        <v>42</v>
      </c>
      <c r="CT32" s="71">
        <v>38</v>
      </c>
      <c r="CU32" s="71">
        <v>14</v>
      </c>
      <c r="CV32" s="72">
        <v>190</v>
      </c>
      <c r="CW32" s="73">
        <v>249</v>
      </c>
      <c r="CX32" s="123">
        <v>48</v>
      </c>
      <c r="CY32" s="82">
        <v>39</v>
      </c>
      <c r="CZ32" s="83">
        <v>87</v>
      </c>
      <c r="DA32" s="241"/>
      <c r="DB32" s="82">
        <v>96</v>
      </c>
      <c r="DC32" s="82">
        <v>79</v>
      </c>
      <c r="DD32" s="82">
        <v>59</v>
      </c>
      <c r="DE32" s="82">
        <v>73</v>
      </c>
      <c r="DF32" s="82">
        <v>54</v>
      </c>
      <c r="DG32" s="84">
        <v>361</v>
      </c>
      <c r="DH32" s="85">
        <v>448</v>
      </c>
      <c r="DI32" s="70">
        <v>2</v>
      </c>
      <c r="DJ32" s="71">
        <v>4</v>
      </c>
      <c r="DK32" s="72">
        <v>6</v>
      </c>
      <c r="DL32" s="244"/>
      <c r="DM32" s="71">
        <v>2</v>
      </c>
      <c r="DN32" s="71">
        <v>3</v>
      </c>
      <c r="DO32" s="71">
        <v>0</v>
      </c>
      <c r="DP32" s="71">
        <v>0</v>
      </c>
      <c r="DQ32" s="71">
        <v>4</v>
      </c>
      <c r="DR32" s="72">
        <v>9</v>
      </c>
      <c r="DS32" s="73">
        <v>15</v>
      </c>
      <c r="DT32" s="70">
        <v>3</v>
      </c>
      <c r="DU32" s="71">
        <v>1</v>
      </c>
      <c r="DV32" s="72">
        <v>4</v>
      </c>
      <c r="DW32" s="244"/>
      <c r="DX32" s="71">
        <v>7</v>
      </c>
      <c r="DY32" s="71">
        <v>3</v>
      </c>
      <c r="DZ32" s="71">
        <v>3</v>
      </c>
      <c r="EA32" s="71">
        <v>5</v>
      </c>
      <c r="EB32" s="71">
        <v>1</v>
      </c>
      <c r="EC32" s="72">
        <v>19</v>
      </c>
      <c r="ED32" s="73">
        <v>23</v>
      </c>
      <c r="EE32" s="70">
        <v>9</v>
      </c>
      <c r="EF32" s="71">
        <v>3</v>
      </c>
      <c r="EG32" s="72">
        <v>12</v>
      </c>
      <c r="EH32" s="244"/>
      <c r="EI32" s="71">
        <v>12</v>
      </c>
      <c r="EJ32" s="71">
        <v>5</v>
      </c>
      <c r="EK32" s="71">
        <v>4</v>
      </c>
      <c r="EL32" s="71">
        <v>6</v>
      </c>
      <c r="EM32" s="71">
        <v>4</v>
      </c>
      <c r="EN32" s="72">
        <v>31</v>
      </c>
      <c r="EO32" s="73">
        <v>43</v>
      </c>
      <c r="EP32" s="70">
        <v>11</v>
      </c>
      <c r="EQ32" s="71">
        <v>18</v>
      </c>
      <c r="ER32" s="72">
        <v>29</v>
      </c>
      <c r="ES32" s="244"/>
      <c r="ET32" s="71">
        <v>24</v>
      </c>
      <c r="EU32" s="71">
        <v>22</v>
      </c>
      <c r="EV32" s="71">
        <v>11</v>
      </c>
      <c r="EW32" s="71">
        <v>14</v>
      </c>
      <c r="EX32" s="71">
        <v>10</v>
      </c>
      <c r="EY32" s="72">
        <v>81</v>
      </c>
      <c r="EZ32" s="73">
        <v>110</v>
      </c>
      <c r="FA32" s="70">
        <v>16</v>
      </c>
      <c r="FB32" s="71">
        <v>7</v>
      </c>
      <c r="FC32" s="72">
        <v>23</v>
      </c>
      <c r="FD32" s="244"/>
      <c r="FE32" s="71">
        <v>31</v>
      </c>
      <c r="FF32" s="71">
        <v>18</v>
      </c>
      <c r="FG32" s="71">
        <v>18</v>
      </c>
      <c r="FH32" s="71">
        <v>21</v>
      </c>
      <c r="FI32" s="71">
        <v>16</v>
      </c>
      <c r="FJ32" s="72">
        <v>104</v>
      </c>
      <c r="FK32" s="73">
        <v>127</v>
      </c>
      <c r="FL32" s="70">
        <v>7</v>
      </c>
      <c r="FM32" s="71">
        <v>6</v>
      </c>
      <c r="FN32" s="72">
        <v>13</v>
      </c>
      <c r="FO32" s="244"/>
      <c r="FP32" s="71">
        <v>20</v>
      </c>
      <c r="FQ32" s="71">
        <v>28</v>
      </c>
      <c r="FR32" s="71">
        <v>23</v>
      </c>
      <c r="FS32" s="71">
        <v>27</v>
      </c>
      <c r="FT32" s="71">
        <v>19</v>
      </c>
      <c r="FU32" s="72">
        <v>117</v>
      </c>
      <c r="FV32" s="73">
        <v>130</v>
      </c>
      <c r="FW32" s="70">
        <v>0</v>
      </c>
      <c r="FX32" s="71">
        <v>2</v>
      </c>
      <c r="FY32" s="72">
        <v>2</v>
      </c>
      <c r="FZ32" s="244"/>
      <c r="GA32" s="71">
        <v>2</v>
      </c>
      <c r="GB32" s="71">
        <v>1</v>
      </c>
      <c r="GC32" s="71">
        <v>1</v>
      </c>
      <c r="GD32" s="71">
        <v>0</v>
      </c>
      <c r="GE32" s="71">
        <v>0</v>
      </c>
      <c r="GF32" s="72">
        <v>4</v>
      </c>
      <c r="GG32" s="73">
        <v>6</v>
      </c>
      <c r="GH32" s="70">
        <v>48</v>
      </c>
      <c r="GI32" s="71">
        <v>41</v>
      </c>
      <c r="GJ32" s="72">
        <v>89</v>
      </c>
      <c r="GK32" s="244"/>
      <c r="GL32" s="71">
        <v>98</v>
      </c>
      <c r="GM32" s="71">
        <v>80</v>
      </c>
      <c r="GN32" s="71">
        <v>60</v>
      </c>
      <c r="GO32" s="71">
        <v>73</v>
      </c>
      <c r="GP32" s="71">
        <v>54</v>
      </c>
      <c r="GQ32" s="72">
        <v>365</v>
      </c>
      <c r="GR32" s="73">
        <v>454</v>
      </c>
      <c r="GS32" s="123">
        <v>81</v>
      </c>
      <c r="GT32" s="82">
        <v>62</v>
      </c>
      <c r="GU32" s="83">
        <v>143</v>
      </c>
      <c r="GV32" s="241"/>
      <c r="GW32" s="82">
        <v>142</v>
      </c>
      <c r="GX32" s="82">
        <v>124</v>
      </c>
      <c r="GY32" s="82">
        <v>99</v>
      </c>
      <c r="GZ32" s="82">
        <v>110</v>
      </c>
      <c r="HA32" s="82">
        <v>67</v>
      </c>
      <c r="HB32" s="84">
        <v>542</v>
      </c>
      <c r="HC32" s="85">
        <v>685</v>
      </c>
      <c r="HD32" s="70">
        <v>4</v>
      </c>
      <c r="HE32" s="71">
        <v>4</v>
      </c>
      <c r="HF32" s="72">
        <v>8</v>
      </c>
      <c r="HG32" s="244"/>
      <c r="HH32" s="71">
        <v>5</v>
      </c>
      <c r="HI32" s="71">
        <v>5</v>
      </c>
      <c r="HJ32" s="71">
        <v>3</v>
      </c>
      <c r="HK32" s="71">
        <v>1</v>
      </c>
      <c r="HL32" s="71">
        <v>4</v>
      </c>
      <c r="HM32" s="72">
        <v>18</v>
      </c>
      <c r="HN32" s="73">
        <v>26</v>
      </c>
      <c r="HO32" s="70">
        <v>8</v>
      </c>
      <c r="HP32" s="71">
        <v>5</v>
      </c>
      <c r="HQ32" s="72">
        <v>13</v>
      </c>
      <c r="HR32" s="244"/>
      <c r="HS32" s="71">
        <v>18</v>
      </c>
      <c r="HT32" s="71">
        <v>7</v>
      </c>
      <c r="HU32" s="71">
        <v>7</v>
      </c>
      <c r="HV32" s="71">
        <v>9</v>
      </c>
      <c r="HW32" s="71">
        <v>4</v>
      </c>
      <c r="HX32" s="72">
        <v>45</v>
      </c>
      <c r="HY32" s="73">
        <v>58</v>
      </c>
      <c r="HZ32" s="70">
        <v>17</v>
      </c>
      <c r="IA32" s="71">
        <v>7</v>
      </c>
      <c r="IB32" s="72">
        <v>24</v>
      </c>
      <c r="IC32" s="244"/>
      <c r="ID32" s="71">
        <v>23</v>
      </c>
      <c r="IE32" s="71">
        <v>14</v>
      </c>
      <c r="IF32" s="71">
        <v>9</v>
      </c>
      <c r="IG32" s="71">
        <v>12</v>
      </c>
      <c r="IH32" s="71">
        <v>5</v>
      </c>
      <c r="II32" s="72">
        <v>63</v>
      </c>
      <c r="IJ32" s="73">
        <v>87</v>
      </c>
      <c r="IK32" s="70">
        <v>19</v>
      </c>
      <c r="IL32" s="71">
        <v>23</v>
      </c>
      <c r="IM32" s="72">
        <v>42</v>
      </c>
      <c r="IN32" s="244"/>
      <c r="IO32" s="71">
        <v>27</v>
      </c>
      <c r="IP32" s="71">
        <v>33</v>
      </c>
      <c r="IQ32" s="71">
        <v>19</v>
      </c>
      <c r="IR32" s="71">
        <v>25</v>
      </c>
      <c r="IS32" s="71">
        <v>15</v>
      </c>
      <c r="IT32" s="72">
        <v>119</v>
      </c>
      <c r="IU32" s="73">
        <v>161</v>
      </c>
      <c r="IV32" s="70">
        <v>21</v>
      </c>
      <c r="IW32" s="71">
        <v>15</v>
      </c>
      <c r="IX32" s="72">
        <v>36</v>
      </c>
      <c r="IY32" s="244"/>
      <c r="IZ32" s="71">
        <v>40</v>
      </c>
      <c r="JA32" s="71">
        <v>27</v>
      </c>
      <c r="JB32" s="71">
        <v>29</v>
      </c>
      <c r="JC32" s="71">
        <v>31</v>
      </c>
      <c r="JD32" s="71">
        <v>20</v>
      </c>
      <c r="JE32" s="72">
        <v>147</v>
      </c>
      <c r="JF32" s="73">
        <v>183</v>
      </c>
      <c r="JG32" s="70">
        <v>12</v>
      </c>
      <c r="JH32" s="71">
        <v>8</v>
      </c>
      <c r="JI32" s="72">
        <v>20</v>
      </c>
      <c r="JJ32" s="244"/>
      <c r="JK32" s="71">
        <v>29</v>
      </c>
      <c r="JL32" s="71">
        <v>38</v>
      </c>
      <c r="JM32" s="71">
        <v>32</v>
      </c>
      <c r="JN32" s="71">
        <v>32</v>
      </c>
      <c r="JO32" s="71">
        <v>19</v>
      </c>
      <c r="JP32" s="72">
        <v>150</v>
      </c>
      <c r="JQ32" s="73">
        <v>170</v>
      </c>
      <c r="JR32" s="70">
        <v>1</v>
      </c>
      <c r="JS32" s="71">
        <v>4</v>
      </c>
      <c r="JT32" s="72">
        <v>5</v>
      </c>
      <c r="JU32" s="244"/>
      <c r="JV32" s="71">
        <v>3</v>
      </c>
      <c r="JW32" s="71">
        <v>5</v>
      </c>
      <c r="JX32" s="71">
        <v>3</v>
      </c>
      <c r="JY32" s="71">
        <v>1</v>
      </c>
      <c r="JZ32" s="71">
        <v>1</v>
      </c>
      <c r="KA32" s="72">
        <v>13</v>
      </c>
      <c r="KB32" s="73">
        <v>18</v>
      </c>
      <c r="KC32" s="70">
        <v>82</v>
      </c>
      <c r="KD32" s="71">
        <v>66</v>
      </c>
      <c r="KE32" s="72">
        <v>148</v>
      </c>
      <c r="KF32" s="244"/>
      <c r="KG32" s="71">
        <v>145</v>
      </c>
      <c r="KH32" s="71">
        <v>129</v>
      </c>
      <c r="KI32" s="71">
        <v>102</v>
      </c>
      <c r="KJ32" s="71">
        <v>111</v>
      </c>
      <c r="KK32" s="71">
        <v>68</v>
      </c>
      <c r="KL32" s="72">
        <v>555</v>
      </c>
      <c r="KM32" s="73">
        <v>703</v>
      </c>
    </row>
    <row r="33" spans="2:299" ht="21" customHeight="1" x14ac:dyDescent="0.2">
      <c r="B33" s="126" t="s">
        <v>30</v>
      </c>
      <c r="C33" s="315">
        <v>19</v>
      </c>
      <c r="D33" s="82">
        <v>14</v>
      </c>
      <c r="E33" s="83">
        <v>33</v>
      </c>
      <c r="F33" s="241"/>
      <c r="G33" s="82">
        <v>43</v>
      </c>
      <c r="H33" s="82">
        <v>33</v>
      </c>
      <c r="I33" s="82">
        <v>28</v>
      </c>
      <c r="J33" s="82">
        <v>31</v>
      </c>
      <c r="K33" s="82">
        <v>8</v>
      </c>
      <c r="L33" s="84">
        <v>143</v>
      </c>
      <c r="M33" s="85">
        <v>176</v>
      </c>
      <c r="N33" s="70">
        <v>2</v>
      </c>
      <c r="O33" s="71">
        <v>0</v>
      </c>
      <c r="P33" s="72">
        <v>2</v>
      </c>
      <c r="Q33" s="244"/>
      <c r="R33" s="71">
        <v>3</v>
      </c>
      <c r="S33" s="71">
        <v>3</v>
      </c>
      <c r="T33" s="71">
        <v>2</v>
      </c>
      <c r="U33" s="71">
        <v>2</v>
      </c>
      <c r="V33" s="71">
        <v>1</v>
      </c>
      <c r="W33" s="72">
        <v>11</v>
      </c>
      <c r="X33" s="73">
        <v>13</v>
      </c>
      <c r="Y33" s="70">
        <v>6</v>
      </c>
      <c r="Z33" s="71">
        <v>2</v>
      </c>
      <c r="AA33" s="72">
        <v>8</v>
      </c>
      <c r="AB33" s="244"/>
      <c r="AC33" s="71">
        <v>6</v>
      </c>
      <c r="AD33" s="71">
        <v>4</v>
      </c>
      <c r="AE33" s="71">
        <v>2</v>
      </c>
      <c r="AF33" s="71">
        <v>3</v>
      </c>
      <c r="AG33" s="71">
        <v>1</v>
      </c>
      <c r="AH33" s="72">
        <v>16</v>
      </c>
      <c r="AI33" s="73">
        <v>24</v>
      </c>
      <c r="AJ33" s="70">
        <v>1</v>
      </c>
      <c r="AK33" s="71">
        <v>1</v>
      </c>
      <c r="AL33" s="72">
        <v>2</v>
      </c>
      <c r="AM33" s="244"/>
      <c r="AN33" s="71">
        <v>2</v>
      </c>
      <c r="AO33" s="71">
        <v>4</v>
      </c>
      <c r="AP33" s="71">
        <v>6</v>
      </c>
      <c r="AQ33" s="71">
        <v>7</v>
      </c>
      <c r="AR33" s="71">
        <v>1</v>
      </c>
      <c r="AS33" s="72">
        <v>20</v>
      </c>
      <c r="AT33" s="73">
        <v>22</v>
      </c>
      <c r="AU33" s="70">
        <v>2</v>
      </c>
      <c r="AV33" s="71">
        <v>5</v>
      </c>
      <c r="AW33" s="72">
        <v>7</v>
      </c>
      <c r="AX33" s="244"/>
      <c r="AY33" s="71">
        <v>10</v>
      </c>
      <c r="AZ33" s="71">
        <v>9</v>
      </c>
      <c r="BA33" s="71">
        <v>5</v>
      </c>
      <c r="BB33" s="71">
        <v>6</v>
      </c>
      <c r="BC33" s="71">
        <v>0</v>
      </c>
      <c r="BD33" s="72">
        <v>30</v>
      </c>
      <c r="BE33" s="73">
        <v>37</v>
      </c>
      <c r="BF33" s="70">
        <v>5</v>
      </c>
      <c r="BG33" s="71">
        <v>3</v>
      </c>
      <c r="BH33" s="72">
        <v>8</v>
      </c>
      <c r="BI33" s="244"/>
      <c r="BJ33" s="71">
        <v>11</v>
      </c>
      <c r="BK33" s="71">
        <v>7</v>
      </c>
      <c r="BL33" s="71">
        <v>4</v>
      </c>
      <c r="BM33" s="71">
        <v>7</v>
      </c>
      <c r="BN33" s="71">
        <v>3</v>
      </c>
      <c r="BO33" s="72">
        <v>32</v>
      </c>
      <c r="BP33" s="73">
        <v>40</v>
      </c>
      <c r="BQ33" s="70">
        <v>3</v>
      </c>
      <c r="BR33" s="71">
        <v>3</v>
      </c>
      <c r="BS33" s="72">
        <v>6</v>
      </c>
      <c r="BT33" s="244"/>
      <c r="BU33" s="71">
        <v>11</v>
      </c>
      <c r="BV33" s="71">
        <v>6</v>
      </c>
      <c r="BW33" s="71">
        <v>9</v>
      </c>
      <c r="BX33" s="71">
        <v>6</v>
      </c>
      <c r="BY33" s="71">
        <v>2</v>
      </c>
      <c r="BZ33" s="72">
        <v>34</v>
      </c>
      <c r="CA33" s="73">
        <v>40</v>
      </c>
      <c r="CB33" s="70">
        <v>0</v>
      </c>
      <c r="CC33" s="71">
        <v>0</v>
      </c>
      <c r="CD33" s="72">
        <v>0</v>
      </c>
      <c r="CE33" s="244"/>
      <c r="CF33" s="71">
        <v>1</v>
      </c>
      <c r="CG33" s="71">
        <v>0</v>
      </c>
      <c r="CH33" s="71">
        <v>3</v>
      </c>
      <c r="CI33" s="71">
        <v>0</v>
      </c>
      <c r="CJ33" s="71">
        <v>2</v>
      </c>
      <c r="CK33" s="72">
        <v>6</v>
      </c>
      <c r="CL33" s="73">
        <v>6</v>
      </c>
      <c r="CM33" s="70">
        <v>19</v>
      </c>
      <c r="CN33" s="71">
        <v>14</v>
      </c>
      <c r="CO33" s="72">
        <v>33</v>
      </c>
      <c r="CP33" s="244"/>
      <c r="CQ33" s="71">
        <v>44</v>
      </c>
      <c r="CR33" s="71">
        <v>33</v>
      </c>
      <c r="CS33" s="71">
        <v>31</v>
      </c>
      <c r="CT33" s="71">
        <v>31</v>
      </c>
      <c r="CU33" s="71">
        <v>10</v>
      </c>
      <c r="CV33" s="72">
        <v>149</v>
      </c>
      <c r="CW33" s="73">
        <v>182</v>
      </c>
      <c r="CX33" s="123">
        <v>49</v>
      </c>
      <c r="CY33" s="82">
        <v>34</v>
      </c>
      <c r="CZ33" s="83">
        <v>83</v>
      </c>
      <c r="DA33" s="241"/>
      <c r="DB33" s="82">
        <v>93</v>
      </c>
      <c r="DC33" s="82">
        <v>64</v>
      </c>
      <c r="DD33" s="82">
        <v>83</v>
      </c>
      <c r="DE33" s="82">
        <v>72</v>
      </c>
      <c r="DF33" s="82">
        <v>36</v>
      </c>
      <c r="DG33" s="84">
        <v>348</v>
      </c>
      <c r="DH33" s="85">
        <v>431</v>
      </c>
      <c r="DI33" s="70">
        <v>1</v>
      </c>
      <c r="DJ33" s="71">
        <v>0</v>
      </c>
      <c r="DK33" s="72">
        <v>1</v>
      </c>
      <c r="DL33" s="244"/>
      <c r="DM33" s="71">
        <v>2</v>
      </c>
      <c r="DN33" s="71">
        <v>1</v>
      </c>
      <c r="DO33" s="71">
        <v>2</v>
      </c>
      <c r="DP33" s="71">
        <v>1</v>
      </c>
      <c r="DQ33" s="71">
        <v>1</v>
      </c>
      <c r="DR33" s="72">
        <v>7</v>
      </c>
      <c r="DS33" s="73">
        <v>8</v>
      </c>
      <c r="DT33" s="70">
        <v>3</v>
      </c>
      <c r="DU33" s="71">
        <v>3</v>
      </c>
      <c r="DV33" s="72">
        <v>6</v>
      </c>
      <c r="DW33" s="244"/>
      <c r="DX33" s="71">
        <v>3</v>
      </c>
      <c r="DY33" s="71">
        <v>3</v>
      </c>
      <c r="DZ33" s="71">
        <v>2</v>
      </c>
      <c r="EA33" s="71">
        <v>1</v>
      </c>
      <c r="EB33" s="71">
        <v>2</v>
      </c>
      <c r="EC33" s="72">
        <v>11</v>
      </c>
      <c r="ED33" s="73">
        <v>17</v>
      </c>
      <c r="EE33" s="70">
        <v>11</v>
      </c>
      <c r="EF33" s="71">
        <v>2</v>
      </c>
      <c r="EG33" s="72">
        <v>13</v>
      </c>
      <c r="EH33" s="244"/>
      <c r="EI33" s="71">
        <v>15</v>
      </c>
      <c r="EJ33" s="71">
        <v>6</v>
      </c>
      <c r="EK33" s="71">
        <v>15</v>
      </c>
      <c r="EL33" s="71">
        <v>5</v>
      </c>
      <c r="EM33" s="71">
        <v>2</v>
      </c>
      <c r="EN33" s="72">
        <v>43</v>
      </c>
      <c r="EO33" s="73">
        <v>56</v>
      </c>
      <c r="EP33" s="70">
        <v>14</v>
      </c>
      <c r="EQ33" s="71">
        <v>8</v>
      </c>
      <c r="ER33" s="72">
        <v>22</v>
      </c>
      <c r="ES33" s="244"/>
      <c r="ET33" s="71">
        <v>28</v>
      </c>
      <c r="EU33" s="71">
        <v>14</v>
      </c>
      <c r="EV33" s="71">
        <v>11</v>
      </c>
      <c r="EW33" s="71">
        <v>10</v>
      </c>
      <c r="EX33" s="71">
        <v>7</v>
      </c>
      <c r="EY33" s="72">
        <v>70</v>
      </c>
      <c r="EZ33" s="73">
        <v>92</v>
      </c>
      <c r="FA33" s="70">
        <v>9</v>
      </c>
      <c r="FB33" s="71">
        <v>12</v>
      </c>
      <c r="FC33" s="72">
        <v>21</v>
      </c>
      <c r="FD33" s="244"/>
      <c r="FE33" s="71">
        <v>25</v>
      </c>
      <c r="FF33" s="71">
        <v>19</v>
      </c>
      <c r="FG33" s="71">
        <v>16</v>
      </c>
      <c r="FH33" s="71">
        <v>22</v>
      </c>
      <c r="FI33" s="71">
        <v>15</v>
      </c>
      <c r="FJ33" s="72">
        <v>97</v>
      </c>
      <c r="FK33" s="73">
        <v>118</v>
      </c>
      <c r="FL33" s="70">
        <v>11</v>
      </c>
      <c r="FM33" s="71">
        <v>9</v>
      </c>
      <c r="FN33" s="72">
        <v>20</v>
      </c>
      <c r="FO33" s="244"/>
      <c r="FP33" s="71">
        <v>20</v>
      </c>
      <c r="FQ33" s="71">
        <v>21</v>
      </c>
      <c r="FR33" s="71">
        <v>37</v>
      </c>
      <c r="FS33" s="71">
        <v>33</v>
      </c>
      <c r="FT33" s="71">
        <v>9</v>
      </c>
      <c r="FU33" s="72">
        <v>120</v>
      </c>
      <c r="FV33" s="73">
        <v>140</v>
      </c>
      <c r="FW33" s="70">
        <v>0</v>
      </c>
      <c r="FX33" s="71">
        <v>0</v>
      </c>
      <c r="FY33" s="72">
        <v>0</v>
      </c>
      <c r="FZ33" s="244"/>
      <c r="GA33" s="71">
        <v>0</v>
      </c>
      <c r="GB33" s="71">
        <v>0</v>
      </c>
      <c r="GC33" s="71">
        <v>1</v>
      </c>
      <c r="GD33" s="71">
        <v>1</v>
      </c>
      <c r="GE33" s="71">
        <v>1</v>
      </c>
      <c r="GF33" s="72">
        <v>3</v>
      </c>
      <c r="GG33" s="73">
        <v>3</v>
      </c>
      <c r="GH33" s="70">
        <v>49</v>
      </c>
      <c r="GI33" s="71">
        <v>34</v>
      </c>
      <c r="GJ33" s="72">
        <v>83</v>
      </c>
      <c r="GK33" s="244"/>
      <c r="GL33" s="71">
        <v>93</v>
      </c>
      <c r="GM33" s="71">
        <v>64</v>
      </c>
      <c r="GN33" s="71">
        <v>84</v>
      </c>
      <c r="GO33" s="71">
        <v>73</v>
      </c>
      <c r="GP33" s="71">
        <v>37</v>
      </c>
      <c r="GQ33" s="72">
        <v>351</v>
      </c>
      <c r="GR33" s="73">
        <v>434</v>
      </c>
      <c r="GS33" s="123">
        <v>68</v>
      </c>
      <c r="GT33" s="82">
        <v>48</v>
      </c>
      <c r="GU33" s="83">
        <v>116</v>
      </c>
      <c r="GV33" s="241"/>
      <c r="GW33" s="82">
        <v>136</v>
      </c>
      <c r="GX33" s="82">
        <v>97</v>
      </c>
      <c r="GY33" s="82">
        <v>111</v>
      </c>
      <c r="GZ33" s="82">
        <v>103</v>
      </c>
      <c r="HA33" s="82">
        <v>44</v>
      </c>
      <c r="HB33" s="84">
        <v>491</v>
      </c>
      <c r="HC33" s="85">
        <v>607</v>
      </c>
      <c r="HD33" s="70">
        <v>3</v>
      </c>
      <c r="HE33" s="71">
        <v>0</v>
      </c>
      <c r="HF33" s="72">
        <v>3</v>
      </c>
      <c r="HG33" s="244"/>
      <c r="HH33" s="71">
        <v>5</v>
      </c>
      <c r="HI33" s="71">
        <v>4</v>
      </c>
      <c r="HJ33" s="71">
        <v>4</v>
      </c>
      <c r="HK33" s="71">
        <v>3</v>
      </c>
      <c r="HL33" s="71">
        <v>2</v>
      </c>
      <c r="HM33" s="72">
        <v>18</v>
      </c>
      <c r="HN33" s="73">
        <v>21</v>
      </c>
      <c r="HO33" s="70">
        <v>9</v>
      </c>
      <c r="HP33" s="71">
        <v>5</v>
      </c>
      <c r="HQ33" s="72">
        <v>14</v>
      </c>
      <c r="HR33" s="244"/>
      <c r="HS33" s="71">
        <v>9</v>
      </c>
      <c r="HT33" s="71">
        <v>7</v>
      </c>
      <c r="HU33" s="71">
        <v>4</v>
      </c>
      <c r="HV33" s="71">
        <v>4</v>
      </c>
      <c r="HW33" s="71">
        <v>3</v>
      </c>
      <c r="HX33" s="72">
        <v>27</v>
      </c>
      <c r="HY33" s="73">
        <v>41</v>
      </c>
      <c r="HZ33" s="70">
        <v>12</v>
      </c>
      <c r="IA33" s="71">
        <v>3</v>
      </c>
      <c r="IB33" s="72">
        <v>15</v>
      </c>
      <c r="IC33" s="244"/>
      <c r="ID33" s="71">
        <v>17</v>
      </c>
      <c r="IE33" s="71">
        <v>10</v>
      </c>
      <c r="IF33" s="71">
        <v>21</v>
      </c>
      <c r="IG33" s="71">
        <v>12</v>
      </c>
      <c r="IH33" s="71">
        <v>3</v>
      </c>
      <c r="II33" s="72">
        <v>63</v>
      </c>
      <c r="IJ33" s="73">
        <v>78</v>
      </c>
      <c r="IK33" s="70">
        <v>16</v>
      </c>
      <c r="IL33" s="71">
        <v>13</v>
      </c>
      <c r="IM33" s="72">
        <v>29</v>
      </c>
      <c r="IN33" s="244"/>
      <c r="IO33" s="71">
        <v>38</v>
      </c>
      <c r="IP33" s="71">
        <v>23</v>
      </c>
      <c r="IQ33" s="71">
        <v>16</v>
      </c>
      <c r="IR33" s="71">
        <v>16</v>
      </c>
      <c r="IS33" s="71">
        <v>7</v>
      </c>
      <c r="IT33" s="72">
        <v>100</v>
      </c>
      <c r="IU33" s="73">
        <v>129</v>
      </c>
      <c r="IV33" s="70">
        <v>14</v>
      </c>
      <c r="IW33" s="71">
        <v>15</v>
      </c>
      <c r="IX33" s="72">
        <v>29</v>
      </c>
      <c r="IY33" s="244"/>
      <c r="IZ33" s="71">
        <v>36</v>
      </c>
      <c r="JA33" s="71">
        <v>26</v>
      </c>
      <c r="JB33" s="71">
        <v>20</v>
      </c>
      <c r="JC33" s="71">
        <v>29</v>
      </c>
      <c r="JD33" s="71">
        <v>18</v>
      </c>
      <c r="JE33" s="72">
        <v>129</v>
      </c>
      <c r="JF33" s="73">
        <v>158</v>
      </c>
      <c r="JG33" s="70">
        <v>14</v>
      </c>
      <c r="JH33" s="71">
        <v>12</v>
      </c>
      <c r="JI33" s="72">
        <v>26</v>
      </c>
      <c r="JJ33" s="244"/>
      <c r="JK33" s="71">
        <v>31</v>
      </c>
      <c r="JL33" s="71">
        <v>27</v>
      </c>
      <c r="JM33" s="71">
        <v>46</v>
      </c>
      <c r="JN33" s="71">
        <v>39</v>
      </c>
      <c r="JO33" s="71">
        <v>11</v>
      </c>
      <c r="JP33" s="72">
        <v>154</v>
      </c>
      <c r="JQ33" s="73">
        <v>180</v>
      </c>
      <c r="JR33" s="70">
        <v>0</v>
      </c>
      <c r="JS33" s="71">
        <v>0</v>
      </c>
      <c r="JT33" s="72">
        <v>0</v>
      </c>
      <c r="JU33" s="244"/>
      <c r="JV33" s="71">
        <v>1</v>
      </c>
      <c r="JW33" s="71">
        <v>0</v>
      </c>
      <c r="JX33" s="71">
        <v>4</v>
      </c>
      <c r="JY33" s="71">
        <v>1</v>
      </c>
      <c r="JZ33" s="71">
        <v>3</v>
      </c>
      <c r="KA33" s="72">
        <v>9</v>
      </c>
      <c r="KB33" s="73">
        <v>9</v>
      </c>
      <c r="KC33" s="70">
        <v>68</v>
      </c>
      <c r="KD33" s="71">
        <v>48</v>
      </c>
      <c r="KE33" s="72">
        <v>116</v>
      </c>
      <c r="KF33" s="244"/>
      <c r="KG33" s="71">
        <v>137</v>
      </c>
      <c r="KH33" s="71">
        <v>97</v>
      </c>
      <c r="KI33" s="71">
        <v>115</v>
      </c>
      <c r="KJ33" s="71">
        <v>104</v>
      </c>
      <c r="KK33" s="71">
        <v>47</v>
      </c>
      <c r="KL33" s="72">
        <v>500</v>
      </c>
      <c r="KM33" s="73">
        <v>616</v>
      </c>
    </row>
    <row r="34" spans="2:299" ht="21" customHeight="1" x14ac:dyDescent="0.2">
      <c r="B34" s="126" t="s">
        <v>31</v>
      </c>
      <c r="C34" s="315">
        <v>23</v>
      </c>
      <c r="D34" s="82">
        <v>37</v>
      </c>
      <c r="E34" s="83">
        <v>60</v>
      </c>
      <c r="F34" s="241"/>
      <c r="G34" s="82">
        <v>59</v>
      </c>
      <c r="H34" s="82">
        <v>46</v>
      </c>
      <c r="I34" s="82">
        <v>37</v>
      </c>
      <c r="J34" s="82">
        <v>30</v>
      </c>
      <c r="K34" s="82">
        <v>13</v>
      </c>
      <c r="L34" s="84">
        <v>185</v>
      </c>
      <c r="M34" s="85">
        <v>245</v>
      </c>
      <c r="N34" s="70">
        <v>0</v>
      </c>
      <c r="O34" s="71">
        <v>0</v>
      </c>
      <c r="P34" s="72">
        <v>0</v>
      </c>
      <c r="Q34" s="244"/>
      <c r="R34" s="71">
        <v>3</v>
      </c>
      <c r="S34" s="71">
        <v>2</v>
      </c>
      <c r="T34" s="71">
        <v>4</v>
      </c>
      <c r="U34" s="71">
        <v>3</v>
      </c>
      <c r="V34" s="71">
        <v>1</v>
      </c>
      <c r="W34" s="72">
        <v>13</v>
      </c>
      <c r="X34" s="73">
        <v>13</v>
      </c>
      <c r="Y34" s="70">
        <v>4</v>
      </c>
      <c r="Z34" s="71">
        <v>5</v>
      </c>
      <c r="AA34" s="72">
        <v>9</v>
      </c>
      <c r="AB34" s="244"/>
      <c r="AC34" s="71">
        <v>6</v>
      </c>
      <c r="AD34" s="71">
        <v>7</v>
      </c>
      <c r="AE34" s="71">
        <v>5</v>
      </c>
      <c r="AF34" s="71">
        <v>3</v>
      </c>
      <c r="AG34" s="71">
        <v>2</v>
      </c>
      <c r="AH34" s="72">
        <v>23</v>
      </c>
      <c r="AI34" s="73">
        <v>32</v>
      </c>
      <c r="AJ34" s="70">
        <v>2</v>
      </c>
      <c r="AK34" s="71">
        <v>5</v>
      </c>
      <c r="AL34" s="72">
        <v>7</v>
      </c>
      <c r="AM34" s="244"/>
      <c r="AN34" s="71">
        <v>8</v>
      </c>
      <c r="AO34" s="71">
        <v>6</v>
      </c>
      <c r="AP34" s="71">
        <v>8</v>
      </c>
      <c r="AQ34" s="71">
        <v>8</v>
      </c>
      <c r="AR34" s="71">
        <v>1</v>
      </c>
      <c r="AS34" s="72">
        <v>31</v>
      </c>
      <c r="AT34" s="73">
        <v>38</v>
      </c>
      <c r="AU34" s="70">
        <v>4</v>
      </c>
      <c r="AV34" s="71">
        <v>13</v>
      </c>
      <c r="AW34" s="72">
        <v>17</v>
      </c>
      <c r="AX34" s="244"/>
      <c r="AY34" s="71">
        <v>19</v>
      </c>
      <c r="AZ34" s="71">
        <v>14</v>
      </c>
      <c r="BA34" s="71">
        <v>4</v>
      </c>
      <c r="BB34" s="71">
        <v>1</v>
      </c>
      <c r="BC34" s="71">
        <v>3</v>
      </c>
      <c r="BD34" s="72">
        <v>41</v>
      </c>
      <c r="BE34" s="73">
        <v>58</v>
      </c>
      <c r="BF34" s="70">
        <v>6</v>
      </c>
      <c r="BG34" s="71">
        <v>8</v>
      </c>
      <c r="BH34" s="72">
        <v>14</v>
      </c>
      <c r="BI34" s="244"/>
      <c r="BJ34" s="71">
        <v>13</v>
      </c>
      <c r="BK34" s="71">
        <v>9</v>
      </c>
      <c r="BL34" s="71">
        <v>5</v>
      </c>
      <c r="BM34" s="71">
        <v>6</v>
      </c>
      <c r="BN34" s="71">
        <v>2</v>
      </c>
      <c r="BO34" s="72">
        <v>35</v>
      </c>
      <c r="BP34" s="73">
        <v>49</v>
      </c>
      <c r="BQ34" s="70">
        <v>7</v>
      </c>
      <c r="BR34" s="71">
        <v>6</v>
      </c>
      <c r="BS34" s="72">
        <v>13</v>
      </c>
      <c r="BT34" s="244"/>
      <c r="BU34" s="71">
        <v>10</v>
      </c>
      <c r="BV34" s="71">
        <v>8</v>
      </c>
      <c r="BW34" s="71">
        <v>11</v>
      </c>
      <c r="BX34" s="71">
        <v>9</v>
      </c>
      <c r="BY34" s="71">
        <v>4</v>
      </c>
      <c r="BZ34" s="72">
        <v>42</v>
      </c>
      <c r="CA34" s="73">
        <v>55</v>
      </c>
      <c r="CB34" s="70">
        <v>0</v>
      </c>
      <c r="CC34" s="71">
        <v>3</v>
      </c>
      <c r="CD34" s="72">
        <v>3</v>
      </c>
      <c r="CE34" s="244"/>
      <c r="CF34" s="71">
        <v>3</v>
      </c>
      <c r="CG34" s="71">
        <v>1</v>
      </c>
      <c r="CH34" s="71">
        <v>0</v>
      </c>
      <c r="CI34" s="71">
        <v>1</v>
      </c>
      <c r="CJ34" s="71">
        <v>1</v>
      </c>
      <c r="CK34" s="72">
        <v>6</v>
      </c>
      <c r="CL34" s="73">
        <v>9</v>
      </c>
      <c r="CM34" s="70">
        <v>23</v>
      </c>
      <c r="CN34" s="71">
        <v>40</v>
      </c>
      <c r="CO34" s="72">
        <v>63</v>
      </c>
      <c r="CP34" s="244"/>
      <c r="CQ34" s="71">
        <v>62</v>
      </c>
      <c r="CR34" s="71">
        <v>47</v>
      </c>
      <c r="CS34" s="71">
        <v>37</v>
      </c>
      <c r="CT34" s="71">
        <v>31</v>
      </c>
      <c r="CU34" s="71">
        <v>14</v>
      </c>
      <c r="CV34" s="72">
        <v>191</v>
      </c>
      <c r="CW34" s="73">
        <v>254</v>
      </c>
      <c r="CX34" s="123">
        <v>54</v>
      </c>
      <c r="CY34" s="82">
        <v>86</v>
      </c>
      <c r="CZ34" s="83">
        <v>140</v>
      </c>
      <c r="DA34" s="241"/>
      <c r="DB34" s="82">
        <v>111</v>
      </c>
      <c r="DC34" s="82">
        <v>88</v>
      </c>
      <c r="DD34" s="82">
        <v>85</v>
      </c>
      <c r="DE34" s="82">
        <v>62</v>
      </c>
      <c r="DF34" s="82">
        <v>39</v>
      </c>
      <c r="DG34" s="84">
        <v>385</v>
      </c>
      <c r="DH34" s="85">
        <v>525</v>
      </c>
      <c r="DI34" s="70">
        <v>0</v>
      </c>
      <c r="DJ34" s="71">
        <v>4</v>
      </c>
      <c r="DK34" s="72">
        <v>4</v>
      </c>
      <c r="DL34" s="244"/>
      <c r="DM34" s="71">
        <v>0</v>
      </c>
      <c r="DN34" s="71">
        <v>1</v>
      </c>
      <c r="DO34" s="71">
        <v>0</v>
      </c>
      <c r="DP34" s="71">
        <v>2</v>
      </c>
      <c r="DQ34" s="71">
        <v>2</v>
      </c>
      <c r="DR34" s="72">
        <v>5</v>
      </c>
      <c r="DS34" s="73">
        <v>9</v>
      </c>
      <c r="DT34" s="70">
        <v>2</v>
      </c>
      <c r="DU34" s="71">
        <v>5</v>
      </c>
      <c r="DV34" s="72">
        <v>7</v>
      </c>
      <c r="DW34" s="244"/>
      <c r="DX34" s="71">
        <v>14</v>
      </c>
      <c r="DY34" s="71">
        <v>5</v>
      </c>
      <c r="DZ34" s="71">
        <v>4</v>
      </c>
      <c r="EA34" s="71">
        <v>7</v>
      </c>
      <c r="EB34" s="71">
        <v>1</v>
      </c>
      <c r="EC34" s="72">
        <v>31</v>
      </c>
      <c r="ED34" s="73">
        <v>38</v>
      </c>
      <c r="EE34" s="70">
        <v>6</v>
      </c>
      <c r="EF34" s="71">
        <v>11</v>
      </c>
      <c r="EG34" s="72">
        <v>17</v>
      </c>
      <c r="EH34" s="244"/>
      <c r="EI34" s="71">
        <v>10</v>
      </c>
      <c r="EJ34" s="71">
        <v>4</v>
      </c>
      <c r="EK34" s="71">
        <v>3</v>
      </c>
      <c r="EL34" s="71">
        <v>5</v>
      </c>
      <c r="EM34" s="71">
        <v>0</v>
      </c>
      <c r="EN34" s="72">
        <v>22</v>
      </c>
      <c r="EO34" s="73">
        <v>39</v>
      </c>
      <c r="EP34" s="70">
        <v>18</v>
      </c>
      <c r="EQ34" s="71">
        <v>18</v>
      </c>
      <c r="ER34" s="72">
        <v>36</v>
      </c>
      <c r="ES34" s="244"/>
      <c r="ET34" s="71">
        <v>22</v>
      </c>
      <c r="EU34" s="71">
        <v>18</v>
      </c>
      <c r="EV34" s="71">
        <v>18</v>
      </c>
      <c r="EW34" s="71">
        <v>6</v>
      </c>
      <c r="EX34" s="71">
        <v>3</v>
      </c>
      <c r="EY34" s="72">
        <v>67</v>
      </c>
      <c r="EZ34" s="73">
        <v>103</v>
      </c>
      <c r="FA34" s="70">
        <v>21</v>
      </c>
      <c r="FB34" s="71">
        <v>28</v>
      </c>
      <c r="FC34" s="72">
        <v>49</v>
      </c>
      <c r="FD34" s="244"/>
      <c r="FE34" s="71">
        <v>27</v>
      </c>
      <c r="FF34" s="71">
        <v>28</v>
      </c>
      <c r="FG34" s="71">
        <v>23</v>
      </c>
      <c r="FH34" s="71">
        <v>15</v>
      </c>
      <c r="FI34" s="71">
        <v>10</v>
      </c>
      <c r="FJ34" s="72">
        <v>103</v>
      </c>
      <c r="FK34" s="73">
        <v>152</v>
      </c>
      <c r="FL34" s="70">
        <v>7</v>
      </c>
      <c r="FM34" s="71">
        <v>20</v>
      </c>
      <c r="FN34" s="72">
        <v>27</v>
      </c>
      <c r="FO34" s="244"/>
      <c r="FP34" s="71">
        <v>38</v>
      </c>
      <c r="FQ34" s="71">
        <v>32</v>
      </c>
      <c r="FR34" s="71">
        <v>37</v>
      </c>
      <c r="FS34" s="71">
        <v>27</v>
      </c>
      <c r="FT34" s="71">
        <v>23</v>
      </c>
      <c r="FU34" s="72">
        <v>157</v>
      </c>
      <c r="FV34" s="73">
        <v>184</v>
      </c>
      <c r="FW34" s="70">
        <v>0</v>
      </c>
      <c r="FX34" s="71">
        <v>0</v>
      </c>
      <c r="FY34" s="72">
        <v>0</v>
      </c>
      <c r="FZ34" s="244"/>
      <c r="GA34" s="71">
        <v>2</v>
      </c>
      <c r="GB34" s="71">
        <v>0</v>
      </c>
      <c r="GC34" s="71">
        <v>1</v>
      </c>
      <c r="GD34" s="71">
        <v>1</v>
      </c>
      <c r="GE34" s="71">
        <v>1</v>
      </c>
      <c r="GF34" s="72">
        <v>5</v>
      </c>
      <c r="GG34" s="73">
        <v>5</v>
      </c>
      <c r="GH34" s="70">
        <v>54</v>
      </c>
      <c r="GI34" s="71">
        <v>86</v>
      </c>
      <c r="GJ34" s="72">
        <v>140</v>
      </c>
      <c r="GK34" s="244"/>
      <c r="GL34" s="71">
        <v>113</v>
      </c>
      <c r="GM34" s="71">
        <v>88</v>
      </c>
      <c r="GN34" s="71">
        <v>86</v>
      </c>
      <c r="GO34" s="71">
        <v>63</v>
      </c>
      <c r="GP34" s="71">
        <v>40</v>
      </c>
      <c r="GQ34" s="72">
        <v>390</v>
      </c>
      <c r="GR34" s="73">
        <v>530</v>
      </c>
      <c r="GS34" s="123">
        <v>77</v>
      </c>
      <c r="GT34" s="82">
        <v>123</v>
      </c>
      <c r="GU34" s="83">
        <v>200</v>
      </c>
      <c r="GV34" s="241"/>
      <c r="GW34" s="82">
        <v>170</v>
      </c>
      <c r="GX34" s="82">
        <v>134</v>
      </c>
      <c r="GY34" s="82">
        <v>122</v>
      </c>
      <c r="GZ34" s="82">
        <v>92</v>
      </c>
      <c r="HA34" s="82">
        <v>52</v>
      </c>
      <c r="HB34" s="84">
        <v>570</v>
      </c>
      <c r="HC34" s="85">
        <v>770</v>
      </c>
      <c r="HD34" s="70">
        <v>0</v>
      </c>
      <c r="HE34" s="71">
        <v>4</v>
      </c>
      <c r="HF34" s="72">
        <v>4</v>
      </c>
      <c r="HG34" s="244"/>
      <c r="HH34" s="71">
        <v>3</v>
      </c>
      <c r="HI34" s="71">
        <v>3</v>
      </c>
      <c r="HJ34" s="71">
        <v>4</v>
      </c>
      <c r="HK34" s="71">
        <v>5</v>
      </c>
      <c r="HL34" s="71">
        <v>3</v>
      </c>
      <c r="HM34" s="72">
        <v>18</v>
      </c>
      <c r="HN34" s="73">
        <v>22</v>
      </c>
      <c r="HO34" s="70">
        <v>6</v>
      </c>
      <c r="HP34" s="71">
        <v>10</v>
      </c>
      <c r="HQ34" s="72">
        <v>16</v>
      </c>
      <c r="HR34" s="244"/>
      <c r="HS34" s="71">
        <v>20</v>
      </c>
      <c r="HT34" s="71">
        <v>12</v>
      </c>
      <c r="HU34" s="71">
        <v>9</v>
      </c>
      <c r="HV34" s="71">
        <v>10</v>
      </c>
      <c r="HW34" s="71">
        <v>3</v>
      </c>
      <c r="HX34" s="72">
        <v>54</v>
      </c>
      <c r="HY34" s="73">
        <v>70</v>
      </c>
      <c r="HZ34" s="70">
        <v>8</v>
      </c>
      <c r="IA34" s="71">
        <v>16</v>
      </c>
      <c r="IB34" s="72">
        <v>24</v>
      </c>
      <c r="IC34" s="244"/>
      <c r="ID34" s="71">
        <v>18</v>
      </c>
      <c r="IE34" s="71">
        <v>10</v>
      </c>
      <c r="IF34" s="71">
        <v>11</v>
      </c>
      <c r="IG34" s="71">
        <v>13</v>
      </c>
      <c r="IH34" s="71">
        <v>1</v>
      </c>
      <c r="II34" s="72">
        <v>53</v>
      </c>
      <c r="IJ34" s="73">
        <v>77</v>
      </c>
      <c r="IK34" s="70">
        <v>22</v>
      </c>
      <c r="IL34" s="71">
        <v>31</v>
      </c>
      <c r="IM34" s="72">
        <v>53</v>
      </c>
      <c r="IN34" s="244"/>
      <c r="IO34" s="71">
        <v>41</v>
      </c>
      <c r="IP34" s="71">
        <v>32</v>
      </c>
      <c r="IQ34" s="71">
        <v>22</v>
      </c>
      <c r="IR34" s="71">
        <v>7</v>
      </c>
      <c r="IS34" s="71">
        <v>6</v>
      </c>
      <c r="IT34" s="72">
        <v>108</v>
      </c>
      <c r="IU34" s="73">
        <v>161</v>
      </c>
      <c r="IV34" s="70">
        <v>27</v>
      </c>
      <c r="IW34" s="71">
        <v>36</v>
      </c>
      <c r="IX34" s="72">
        <v>63</v>
      </c>
      <c r="IY34" s="244"/>
      <c r="IZ34" s="71">
        <v>40</v>
      </c>
      <c r="JA34" s="71">
        <v>37</v>
      </c>
      <c r="JB34" s="71">
        <v>28</v>
      </c>
      <c r="JC34" s="71">
        <v>21</v>
      </c>
      <c r="JD34" s="71">
        <v>12</v>
      </c>
      <c r="JE34" s="72">
        <v>138</v>
      </c>
      <c r="JF34" s="73">
        <v>201</v>
      </c>
      <c r="JG34" s="70">
        <v>14</v>
      </c>
      <c r="JH34" s="71">
        <v>26</v>
      </c>
      <c r="JI34" s="72">
        <v>40</v>
      </c>
      <c r="JJ34" s="244"/>
      <c r="JK34" s="71">
        <v>48</v>
      </c>
      <c r="JL34" s="71">
        <v>40</v>
      </c>
      <c r="JM34" s="71">
        <v>48</v>
      </c>
      <c r="JN34" s="71">
        <v>36</v>
      </c>
      <c r="JO34" s="71">
        <v>27</v>
      </c>
      <c r="JP34" s="72">
        <v>199</v>
      </c>
      <c r="JQ34" s="73">
        <v>239</v>
      </c>
      <c r="JR34" s="70">
        <v>0</v>
      </c>
      <c r="JS34" s="71">
        <v>3</v>
      </c>
      <c r="JT34" s="72">
        <v>3</v>
      </c>
      <c r="JU34" s="244"/>
      <c r="JV34" s="71">
        <v>5</v>
      </c>
      <c r="JW34" s="71">
        <v>1</v>
      </c>
      <c r="JX34" s="71">
        <v>1</v>
      </c>
      <c r="JY34" s="71">
        <v>2</v>
      </c>
      <c r="JZ34" s="71">
        <v>2</v>
      </c>
      <c r="KA34" s="72">
        <v>11</v>
      </c>
      <c r="KB34" s="73">
        <v>14</v>
      </c>
      <c r="KC34" s="70">
        <v>77</v>
      </c>
      <c r="KD34" s="71">
        <v>126</v>
      </c>
      <c r="KE34" s="72">
        <v>203</v>
      </c>
      <c r="KF34" s="244"/>
      <c r="KG34" s="71">
        <v>175</v>
      </c>
      <c r="KH34" s="71">
        <v>135</v>
      </c>
      <c r="KI34" s="71">
        <v>123</v>
      </c>
      <c r="KJ34" s="71">
        <v>94</v>
      </c>
      <c r="KK34" s="71">
        <v>54</v>
      </c>
      <c r="KL34" s="72">
        <v>581</v>
      </c>
      <c r="KM34" s="73">
        <v>784</v>
      </c>
    </row>
    <row r="35" spans="2:299" ht="21" customHeight="1" x14ac:dyDescent="0.2">
      <c r="B35" s="126" t="s">
        <v>32</v>
      </c>
      <c r="C35" s="315">
        <v>28</v>
      </c>
      <c r="D35" s="82">
        <v>21</v>
      </c>
      <c r="E35" s="83">
        <v>49</v>
      </c>
      <c r="F35" s="241"/>
      <c r="G35" s="82">
        <v>55</v>
      </c>
      <c r="H35" s="82">
        <v>63</v>
      </c>
      <c r="I35" s="82">
        <v>40</v>
      </c>
      <c r="J35" s="82">
        <v>31</v>
      </c>
      <c r="K35" s="82">
        <v>24</v>
      </c>
      <c r="L35" s="84">
        <v>213</v>
      </c>
      <c r="M35" s="85">
        <v>262</v>
      </c>
      <c r="N35" s="70">
        <v>2</v>
      </c>
      <c r="O35" s="71">
        <v>1</v>
      </c>
      <c r="P35" s="72">
        <v>3</v>
      </c>
      <c r="Q35" s="244"/>
      <c r="R35" s="71">
        <v>6</v>
      </c>
      <c r="S35" s="71">
        <v>2</v>
      </c>
      <c r="T35" s="71">
        <v>1</v>
      </c>
      <c r="U35" s="71">
        <v>2</v>
      </c>
      <c r="V35" s="71">
        <v>1</v>
      </c>
      <c r="W35" s="72">
        <v>12</v>
      </c>
      <c r="X35" s="73">
        <v>15</v>
      </c>
      <c r="Y35" s="70">
        <v>10</v>
      </c>
      <c r="Z35" s="71">
        <v>1</v>
      </c>
      <c r="AA35" s="72">
        <v>11</v>
      </c>
      <c r="AB35" s="244"/>
      <c r="AC35" s="71">
        <v>3</v>
      </c>
      <c r="AD35" s="71">
        <v>4</v>
      </c>
      <c r="AE35" s="71">
        <v>3</v>
      </c>
      <c r="AF35" s="71">
        <v>5</v>
      </c>
      <c r="AG35" s="71">
        <v>2</v>
      </c>
      <c r="AH35" s="72">
        <v>17</v>
      </c>
      <c r="AI35" s="73">
        <v>28</v>
      </c>
      <c r="AJ35" s="70">
        <v>2</v>
      </c>
      <c r="AK35" s="71">
        <v>0</v>
      </c>
      <c r="AL35" s="72">
        <v>2</v>
      </c>
      <c r="AM35" s="244"/>
      <c r="AN35" s="71">
        <v>9</v>
      </c>
      <c r="AO35" s="71">
        <v>12</v>
      </c>
      <c r="AP35" s="71">
        <v>4</v>
      </c>
      <c r="AQ35" s="71">
        <v>4</v>
      </c>
      <c r="AR35" s="71">
        <v>7</v>
      </c>
      <c r="AS35" s="72">
        <v>36</v>
      </c>
      <c r="AT35" s="73">
        <v>38</v>
      </c>
      <c r="AU35" s="70">
        <v>5</v>
      </c>
      <c r="AV35" s="71">
        <v>7</v>
      </c>
      <c r="AW35" s="72">
        <v>12</v>
      </c>
      <c r="AX35" s="244"/>
      <c r="AY35" s="71">
        <v>15</v>
      </c>
      <c r="AZ35" s="71">
        <v>15</v>
      </c>
      <c r="BA35" s="71">
        <v>12</v>
      </c>
      <c r="BB35" s="71">
        <v>8</v>
      </c>
      <c r="BC35" s="71">
        <v>4</v>
      </c>
      <c r="BD35" s="72">
        <v>54</v>
      </c>
      <c r="BE35" s="73">
        <v>66</v>
      </c>
      <c r="BF35" s="70">
        <v>9</v>
      </c>
      <c r="BG35" s="71">
        <v>8</v>
      </c>
      <c r="BH35" s="72">
        <v>17</v>
      </c>
      <c r="BI35" s="244"/>
      <c r="BJ35" s="71">
        <v>15</v>
      </c>
      <c r="BK35" s="71">
        <v>16</v>
      </c>
      <c r="BL35" s="71">
        <v>12</v>
      </c>
      <c r="BM35" s="71">
        <v>8</v>
      </c>
      <c r="BN35" s="71">
        <v>8</v>
      </c>
      <c r="BO35" s="72">
        <v>59</v>
      </c>
      <c r="BP35" s="73">
        <v>76</v>
      </c>
      <c r="BQ35" s="70">
        <v>0</v>
      </c>
      <c r="BR35" s="71">
        <v>4</v>
      </c>
      <c r="BS35" s="72">
        <v>4</v>
      </c>
      <c r="BT35" s="244"/>
      <c r="BU35" s="71">
        <v>7</v>
      </c>
      <c r="BV35" s="71">
        <v>14</v>
      </c>
      <c r="BW35" s="71">
        <v>8</v>
      </c>
      <c r="BX35" s="71">
        <v>4</v>
      </c>
      <c r="BY35" s="71">
        <v>2</v>
      </c>
      <c r="BZ35" s="72">
        <v>35</v>
      </c>
      <c r="CA35" s="73">
        <v>39</v>
      </c>
      <c r="CB35" s="70">
        <v>1</v>
      </c>
      <c r="CC35" s="71">
        <v>1</v>
      </c>
      <c r="CD35" s="72">
        <v>2</v>
      </c>
      <c r="CE35" s="244"/>
      <c r="CF35" s="71">
        <v>5</v>
      </c>
      <c r="CG35" s="71">
        <v>4</v>
      </c>
      <c r="CH35" s="71">
        <v>2</v>
      </c>
      <c r="CI35" s="71">
        <v>2</v>
      </c>
      <c r="CJ35" s="71">
        <v>3</v>
      </c>
      <c r="CK35" s="72">
        <v>16</v>
      </c>
      <c r="CL35" s="73">
        <v>18</v>
      </c>
      <c r="CM35" s="70">
        <v>29</v>
      </c>
      <c r="CN35" s="71">
        <v>22</v>
      </c>
      <c r="CO35" s="72">
        <v>51</v>
      </c>
      <c r="CP35" s="244"/>
      <c r="CQ35" s="71">
        <v>60</v>
      </c>
      <c r="CR35" s="71">
        <v>67</v>
      </c>
      <c r="CS35" s="71">
        <v>42</v>
      </c>
      <c r="CT35" s="71">
        <v>33</v>
      </c>
      <c r="CU35" s="71">
        <v>27</v>
      </c>
      <c r="CV35" s="72">
        <v>229</v>
      </c>
      <c r="CW35" s="73">
        <v>280</v>
      </c>
      <c r="CX35" s="123">
        <v>44</v>
      </c>
      <c r="CY35" s="82">
        <v>63</v>
      </c>
      <c r="CZ35" s="83">
        <v>107</v>
      </c>
      <c r="DA35" s="241"/>
      <c r="DB35" s="82">
        <v>122</v>
      </c>
      <c r="DC35" s="82">
        <v>79</v>
      </c>
      <c r="DD35" s="82">
        <v>80</v>
      </c>
      <c r="DE35" s="82">
        <v>75</v>
      </c>
      <c r="DF35" s="82">
        <v>38</v>
      </c>
      <c r="DG35" s="84">
        <v>394</v>
      </c>
      <c r="DH35" s="85">
        <v>501</v>
      </c>
      <c r="DI35" s="70">
        <v>2</v>
      </c>
      <c r="DJ35" s="71">
        <v>2</v>
      </c>
      <c r="DK35" s="72">
        <v>4</v>
      </c>
      <c r="DL35" s="244"/>
      <c r="DM35" s="71">
        <v>1</v>
      </c>
      <c r="DN35" s="71">
        <v>3</v>
      </c>
      <c r="DO35" s="71">
        <v>1</v>
      </c>
      <c r="DP35" s="71">
        <v>0</v>
      </c>
      <c r="DQ35" s="71">
        <v>2</v>
      </c>
      <c r="DR35" s="72">
        <v>7</v>
      </c>
      <c r="DS35" s="73">
        <v>11</v>
      </c>
      <c r="DT35" s="70">
        <v>2</v>
      </c>
      <c r="DU35" s="71">
        <v>2</v>
      </c>
      <c r="DV35" s="72">
        <v>4</v>
      </c>
      <c r="DW35" s="244"/>
      <c r="DX35" s="71">
        <v>10</v>
      </c>
      <c r="DY35" s="71">
        <v>2</v>
      </c>
      <c r="DZ35" s="71">
        <v>2</v>
      </c>
      <c r="EA35" s="71">
        <v>5</v>
      </c>
      <c r="EB35" s="71">
        <v>2</v>
      </c>
      <c r="EC35" s="72">
        <v>21</v>
      </c>
      <c r="ED35" s="73">
        <v>25</v>
      </c>
      <c r="EE35" s="70">
        <v>8</v>
      </c>
      <c r="EF35" s="71">
        <v>9</v>
      </c>
      <c r="EG35" s="72">
        <v>17</v>
      </c>
      <c r="EH35" s="244"/>
      <c r="EI35" s="71">
        <v>16</v>
      </c>
      <c r="EJ35" s="71">
        <v>5</v>
      </c>
      <c r="EK35" s="71">
        <v>5</v>
      </c>
      <c r="EL35" s="71">
        <v>2</v>
      </c>
      <c r="EM35" s="71">
        <v>5</v>
      </c>
      <c r="EN35" s="72">
        <v>33</v>
      </c>
      <c r="EO35" s="73">
        <v>50</v>
      </c>
      <c r="EP35" s="70">
        <v>13</v>
      </c>
      <c r="EQ35" s="71">
        <v>12</v>
      </c>
      <c r="ER35" s="72">
        <v>25</v>
      </c>
      <c r="ES35" s="244"/>
      <c r="ET35" s="71">
        <v>25</v>
      </c>
      <c r="EU35" s="71">
        <v>21</v>
      </c>
      <c r="EV35" s="71">
        <v>20</v>
      </c>
      <c r="EW35" s="71">
        <v>8</v>
      </c>
      <c r="EX35" s="71">
        <v>9</v>
      </c>
      <c r="EY35" s="72">
        <v>83</v>
      </c>
      <c r="EZ35" s="73">
        <v>108</v>
      </c>
      <c r="FA35" s="70">
        <v>13</v>
      </c>
      <c r="FB35" s="71">
        <v>16</v>
      </c>
      <c r="FC35" s="72">
        <v>29</v>
      </c>
      <c r="FD35" s="244"/>
      <c r="FE35" s="71">
        <v>37</v>
      </c>
      <c r="FF35" s="71">
        <v>17</v>
      </c>
      <c r="FG35" s="71">
        <v>15</v>
      </c>
      <c r="FH35" s="71">
        <v>23</v>
      </c>
      <c r="FI35" s="71">
        <v>6</v>
      </c>
      <c r="FJ35" s="72">
        <v>98</v>
      </c>
      <c r="FK35" s="73">
        <v>127</v>
      </c>
      <c r="FL35" s="70">
        <v>6</v>
      </c>
      <c r="FM35" s="71">
        <v>22</v>
      </c>
      <c r="FN35" s="72">
        <v>28</v>
      </c>
      <c r="FO35" s="244"/>
      <c r="FP35" s="71">
        <v>33</v>
      </c>
      <c r="FQ35" s="71">
        <v>31</v>
      </c>
      <c r="FR35" s="71">
        <v>37</v>
      </c>
      <c r="FS35" s="71">
        <v>37</v>
      </c>
      <c r="FT35" s="71">
        <v>14</v>
      </c>
      <c r="FU35" s="72">
        <v>152</v>
      </c>
      <c r="FV35" s="73">
        <v>180</v>
      </c>
      <c r="FW35" s="70">
        <v>1</v>
      </c>
      <c r="FX35" s="71">
        <v>1</v>
      </c>
      <c r="FY35" s="72">
        <v>2</v>
      </c>
      <c r="FZ35" s="244"/>
      <c r="GA35" s="71">
        <v>3</v>
      </c>
      <c r="GB35" s="71">
        <v>3</v>
      </c>
      <c r="GC35" s="71">
        <v>3</v>
      </c>
      <c r="GD35" s="71">
        <v>0</v>
      </c>
      <c r="GE35" s="71">
        <v>2</v>
      </c>
      <c r="GF35" s="72">
        <v>11</v>
      </c>
      <c r="GG35" s="73">
        <v>13</v>
      </c>
      <c r="GH35" s="70">
        <v>45</v>
      </c>
      <c r="GI35" s="71">
        <v>64</v>
      </c>
      <c r="GJ35" s="72">
        <v>109</v>
      </c>
      <c r="GK35" s="244"/>
      <c r="GL35" s="71">
        <v>125</v>
      </c>
      <c r="GM35" s="71">
        <v>82</v>
      </c>
      <c r="GN35" s="71">
        <v>83</v>
      </c>
      <c r="GO35" s="71">
        <v>75</v>
      </c>
      <c r="GP35" s="71">
        <v>40</v>
      </c>
      <c r="GQ35" s="72">
        <v>405</v>
      </c>
      <c r="GR35" s="73">
        <v>514</v>
      </c>
      <c r="GS35" s="123">
        <v>72</v>
      </c>
      <c r="GT35" s="82">
        <v>84</v>
      </c>
      <c r="GU35" s="83">
        <v>156</v>
      </c>
      <c r="GV35" s="241"/>
      <c r="GW35" s="82">
        <v>177</v>
      </c>
      <c r="GX35" s="82">
        <v>142</v>
      </c>
      <c r="GY35" s="82">
        <v>120</v>
      </c>
      <c r="GZ35" s="82">
        <v>106</v>
      </c>
      <c r="HA35" s="82">
        <v>62</v>
      </c>
      <c r="HB35" s="84">
        <v>607</v>
      </c>
      <c r="HC35" s="85">
        <v>763</v>
      </c>
      <c r="HD35" s="70">
        <v>4</v>
      </c>
      <c r="HE35" s="71">
        <v>3</v>
      </c>
      <c r="HF35" s="72">
        <v>7</v>
      </c>
      <c r="HG35" s="244"/>
      <c r="HH35" s="71">
        <v>7</v>
      </c>
      <c r="HI35" s="71">
        <v>5</v>
      </c>
      <c r="HJ35" s="71">
        <v>2</v>
      </c>
      <c r="HK35" s="71">
        <v>2</v>
      </c>
      <c r="HL35" s="71">
        <v>3</v>
      </c>
      <c r="HM35" s="72">
        <v>19</v>
      </c>
      <c r="HN35" s="73">
        <v>26</v>
      </c>
      <c r="HO35" s="70">
        <v>12</v>
      </c>
      <c r="HP35" s="71">
        <v>3</v>
      </c>
      <c r="HQ35" s="72">
        <v>15</v>
      </c>
      <c r="HR35" s="244"/>
      <c r="HS35" s="71">
        <v>13</v>
      </c>
      <c r="HT35" s="71">
        <v>6</v>
      </c>
      <c r="HU35" s="71">
        <v>5</v>
      </c>
      <c r="HV35" s="71">
        <v>10</v>
      </c>
      <c r="HW35" s="71">
        <v>4</v>
      </c>
      <c r="HX35" s="72">
        <v>38</v>
      </c>
      <c r="HY35" s="73">
        <v>53</v>
      </c>
      <c r="HZ35" s="70">
        <v>10</v>
      </c>
      <c r="IA35" s="71">
        <v>9</v>
      </c>
      <c r="IB35" s="72">
        <v>19</v>
      </c>
      <c r="IC35" s="244"/>
      <c r="ID35" s="71">
        <v>25</v>
      </c>
      <c r="IE35" s="71">
        <v>17</v>
      </c>
      <c r="IF35" s="71">
        <v>9</v>
      </c>
      <c r="IG35" s="71">
        <v>6</v>
      </c>
      <c r="IH35" s="71">
        <v>12</v>
      </c>
      <c r="II35" s="72">
        <v>69</v>
      </c>
      <c r="IJ35" s="73">
        <v>88</v>
      </c>
      <c r="IK35" s="70">
        <v>18</v>
      </c>
      <c r="IL35" s="71">
        <v>19</v>
      </c>
      <c r="IM35" s="72">
        <v>37</v>
      </c>
      <c r="IN35" s="244"/>
      <c r="IO35" s="71">
        <v>40</v>
      </c>
      <c r="IP35" s="71">
        <v>36</v>
      </c>
      <c r="IQ35" s="71">
        <v>32</v>
      </c>
      <c r="IR35" s="71">
        <v>16</v>
      </c>
      <c r="IS35" s="71">
        <v>13</v>
      </c>
      <c r="IT35" s="72">
        <v>137</v>
      </c>
      <c r="IU35" s="73">
        <v>174</v>
      </c>
      <c r="IV35" s="70">
        <v>22</v>
      </c>
      <c r="IW35" s="71">
        <v>24</v>
      </c>
      <c r="IX35" s="72">
        <v>46</v>
      </c>
      <c r="IY35" s="244"/>
      <c r="IZ35" s="71">
        <v>52</v>
      </c>
      <c r="JA35" s="71">
        <v>33</v>
      </c>
      <c r="JB35" s="71">
        <v>27</v>
      </c>
      <c r="JC35" s="71">
        <v>31</v>
      </c>
      <c r="JD35" s="71">
        <v>14</v>
      </c>
      <c r="JE35" s="72">
        <v>157</v>
      </c>
      <c r="JF35" s="73">
        <v>203</v>
      </c>
      <c r="JG35" s="70">
        <v>6</v>
      </c>
      <c r="JH35" s="71">
        <v>26</v>
      </c>
      <c r="JI35" s="72">
        <v>32</v>
      </c>
      <c r="JJ35" s="244"/>
      <c r="JK35" s="71">
        <v>40</v>
      </c>
      <c r="JL35" s="71">
        <v>45</v>
      </c>
      <c r="JM35" s="71">
        <v>45</v>
      </c>
      <c r="JN35" s="71">
        <v>41</v>
      </c>
      <c r="JO35" s="71">
        <v>16</v>
      </c>
      <c r="JP35" s="72">
        <v>187</v>
      </c>
      <c r="JQ35" s="73">
        <v>219</v>
      </c>
      <c r="JR35" s="70">
        <v>2</v>
      </c>
      <c r="JS35" s="71">
        <v>2</v>
      </c>
      <c r="JT35" s="72">
        <v>4</v>
      </c>
      <c r="JU35" s="244"/>
      <c r="JV35" s="71">
        <v>8</v>
      </c>
      <c r="JW35" s="71">
        <v>7</v>
      </c>
      <c r="JX35" s="71">
        <v>5</v>
      </c>
      <c r="JY35" s="71">
        <v>2</v>
      </c>
      <c r="JZ35" s="71">
        <v>5</v>
      </c>
      <c r="KA35" s="72">
        <v>27</v>
      </c>
      <c r="KB35" s="73">
        <v>31</v>
      </c>
      <c r="KC35" s="70">
        <v>74</v>
      </c>
      <c r="KD35" s="71">
        <v>86</v>
      </c>
      <c r="KE35" s="72">
        <v>160</v>
      </c>
      <c r="KF35" s="244"/>
      <c r="KG35" s="71">
        <v>185</v>
      </c>
      <c r="KH35" s="71">
        <v>149</v>
      </c>
      <c r="KI35" s="71">
        <v>125</v>
      </c>
      <c r="KJ35" s="71">
        <v>108</v>
      </c>
      <c r="KK35" s="71">
        <v>67</v>
      </c>
      <c r="KL35" s="72">
        <v>634</v>
      </c>
      <c r="KM35" s="73">
        <v>794</v>
      </c>
    </row>
    <row r="36" spans="2:299" ht="21" customHeight="1" x14ac:dyDescent="0.2">
      <c r="B36" s="126" t="s">
        <v>33</v>
      </c>
      <c r="C36" s="315">
        <v>29</v>
      </c>
      <c r="D36" s="82">
        <v>21</v>
      </c>
      <c r="E36" s="83">
        <v>50</v>
      </c>
      <c r="F36" s="241"/>
      <c r="G36" s="82">
        <v>55</v>
      </c>
      <c r="H36" s="82">
        <v>41</v>
      </c>
      <c r="I36" s="82">
        <v>35</v>
      </c>
      <c r="J36" s="82">
        <v>30</v>
      </c>
      <c r="K36" s="82">
        <v>12</v>
      </c>
      <c r="L36" s="84">
        <v>173</v>
      </c>
      <c r="M36" s="85">
        <v>223</v>
      </c>
      <c r="N36" s="70">
        <v>1</v>
      </c>
      <c r="O36" s="71">
        <v>1</v>
      </c>
      <c r="P36" s="72">
        <v>2</v>
      </c>
      <c r="Q36" s="244"/>
      <c r="R36" s="71">
        <v>2</v>
      </c>
      <c r="S36" s="71">
        <v>2</v>
      </c>
      <c r="T36" s="71">
        <v>3</v>
      </c>
      <c r="U36" s="71">
        <v>2</v>
      </c>
      <c r="V36" s="71">
        <v>0</v>
      </c>
      <c r="W36" s="72">
        <v>9</v>
      </c>
      <c r="X36" s="73">
        <v>11</v>
      </c>
      <c r="Y36" s="70">
        <v>4</v>
      </c>
      <c r="Z36" s="71">
        <v>5</v>
      </c>
      <c r="AA36" s="72">
        <v>9</v>
      </c>
      <c r="AB36" s="244"/>
      <c r="AC36" s="71">
        <v>6</v>
      </c>
      <c r="AD36" s="71">
        <v>8</v>
      </c>
      <c r="AE36" s="71">
        <v>4</v>
      </c>
      <c r="AF36" s="71">
        <v>10</v>
      </c>
      <c r="AG36" s="71">
        <v>4</v>
      </c>
      <c r="AH36" s="72">
        <v>32</v>
      </c>
      <c r="AI36" s="73">
        <v>41</v>
      </c>
      <c r="AJ36" s="70">
        <v>6</v>
      </c>
      <c r="AK36" s="71">
        <v>3</v>
      </c>
      <c r="AL36" s="72">
        <v>9</v>
      </c>
      <c r="AM36" s="244"/>
      <c r="AN36" s="71">
        <v>14</v>
      </c>
      <c r="AO36" s="71">
        <v>6</v>
      </c>
      <c r="AP36" s="71">
        <v>9</v>
      </c>
      <c r="AQ36" s="71">
        <v>5</v>
      </c>
      <c r="AR36" s="71">
        <v>3</v>
      </c>
      <c r="AS36" s="72">
        <v>37</v>
      </c>
      <c r="AT36" s="73">
        <v>46</v>
      </c>
      <c r="AU36" s="70">
        <v>6</v>
      </c>
      <c r="AV36" s="71">
        <v>5</v>
      </c>
      <c r="AW36" s="72">
        <v>11</v>
      </c>
      <c r="AX36" s="244"/>
      <c r="AY36" s="71">
        <v>13</v>
      </c>
      <c r="AZ36" s="71">
        <v>14</v>
      </c>
      <c r="BA36" s="71">
        <v>4</v>
      </c>
      <c r="BB36" s="71">
        <v>4</v>
      </c>
      <c r="BC36" s="71">
        <v>1</v>
      </c>
      <c r="BD36" s="72">
        <v>36</v>
      </c>
      <c r="BE36" s="73">
        <v>47</v>
      </c>
      <c r="BF36" s="70">
        <v>4</v>
      </c>
      <c r="BG36" s="71">
        <v>5</v>
      </c>
      <c r="BH36" s="72">
        <v>9</v>
      </c>
      <c r="BI36" s="244"/>
      <c r="BJ36" s="71">
        <v>10</v>
      </c>
      <c r="BK36" s="71">
        <v>6</v>
      </c>
      <c r="BL36" s="71">
        <v>12</v>
      </c>
      <c r="BM36" s="71">
        <v>7</v>
      </c>
      <c r="BN36" s="71">
        <v>3</v>
      </c>
      <c r="BO36" s="72">
        <v>38</v>
      </c>
      <c r="BP36" s="73">
        <v>47</v>
      </c>
      <c r="BQ36" s="70">
        <v>8</v>
      </c>
      <c r="BR36" s="71">
        <v>2</v>
      </c>
      <c r="BS36" s="72">
        <v>10</v>
      </c>
      <c r="BT36" s="244"/>
      <c r="BU36" s="71">
        <v>10</v>
      </c>
      <c r="BV36" s="71">
        <v>5</v>
      </c>
      <c r="BW36" s="71">
        <v>3</v>
      </c>
      <c r="BX36" s="71">
        <v>2</v>
      </c>
      <c r="BY36" s="71">
        <v>1</v>
      </c>
      <c r="BZ36" s="72">
        <v>21</v>
      </c>
      <c r="CA36" s="73">
        <v>31</v>
      </c>
      <c r="CB36" s="70">
        <v>1</v>
      </c>
      <c r="CC36" s="71">
        <v>0</v>
      </c>
      <c r="CD36" s="72">
        <v>1</v>
      </c>
      <c r="CE36" s="244"/>
      <c r="CF36" s="71">
        <v>2</v>
      </c>
      <c r="CG36" s="71">
        <v>1</v>
      </c>
      <c r="CH36" s="71">
        <v>0</v>
      </c>
      <c r="CI36" s="71">
        <v>0</v>
      </c>
      <c r="CJ36" s="71">
        <v>2</v>
      </c>
      <c r="CK36" s="72">
        <v>5</v>
      </c>
      <c r="CL36" s="73">
        <v>6</v>
      </c>
      <c r="CM36" s="70">
        <v>30</v>
      </c>
      <c r="CN36" s="71">
        <v>21</v>
      </c>
      <c r="CO36" s="72">
        <v>51</v>
      </c>
      <c r="CP36" s="244"/>
      <c r="CQ36" s="71">
        <v>57</v>
      </c>
      <c r="CR36" s="71">
        <v>42</v>
      </c>
      <c r="CS36" s="71">
        <v>35</v>
      </c>
      <c r="CT36" s="71">
        <v>30</v>
      </c>
      <c r="CU36" s="71">
        <v>14</v>
      </c>
      <c r="CV36" s="72">
        <v>178</v>
      </c>
      <c r="CW36" s="73">
        <v>229</v>
      </c>
      <c r="CX36" s="123">
        <v>52</v>
      </c>
      <c r="CY36" s="82">
        <v>70</v>
      </c>
      <c r="CZ36" s="83">
        <v>122</v>
      </c>
      <c r="DA36" s="241"/>
      <c r="DB36" s="82">
        <v>117</v>
      </c>
      <c r="DC36" s="82">
        <v>84</v>
      </c>
      <c r="DD36" s="82">
        <v>76</v>
      </c>
      <c r="DE36" s="82">
        <v>69</v>
      </c>
      <c r="DF36" s="82">
        <v>54</v>
      </c>
      <c r="DG36" s="84">
        <v>400</v>
      </c>
      <c r="DH36" s="85">
        <v>522</v>
      </c>
      <c r="DI36" s="70">
        <v>1</v>
      </c>
      <c r="DJ36" s="71">
        <v>2</v>
      </c>
      <c r="DK36" s="72">
        <v>3</v>
      </c>
      <c r="DL36" s="244"/>
      <c r="DM36" s="71">
        <v>2</v>
      </c>
      <c r="DN36" s="71">
        <v>1</v>
      </c>
      <c r="DO36" s="71">
        <v>2</v>
      </c>
      <c r="DP36" s="71">
        <v>2</v>
      </c>
      <c r="DQ36" s="71">
        <v>3</v>
      </c>
      <c r="DR36" s="72">
        <v>10</v>
      </c>
      <c r="DS36" s="73">
        <v>13</v>
      </c>
      <c r="DT36" s="70">
        <v>5</v>
      </c>
      <c r="DU36" s="71">
        <v>7</v>
      </c>
      <c r="DV36" s="72">
        <v>12</v>
      </c>
      <c r="DW36" s="244"/>
      <c r="DX36" s="71">
        <v>3</v>
      </c>
      <c r="DY36" s="71">
        <v>5</v>
      </c>
      <c r="DZ36" s="71">
        <v>4</v>
      </c>
      <c r="EA36" s="71">
        <v>2</v>
      </c>
      <c r="EB36" s="71">
        <v>2</v>
      </c>
      <c r="EC36" s="72">
        <v>16</v>
      </c>
      <c r="ED36" s="73">
        <v>28</v>
      </c>
      <c r="EE36" s="70">
        <v>2</v>
      </c>
      <c r="EF36" s="71">
        <v>8</v>
      </c>
      <c r="EG36" s="72">
        <v>10</v>
      </c>
      <c r="EH36" s="244"/>
      <c r="EI36" s="71">
        <v>18</v>
      </c>
      <c r="EJ36" s="71">
        <v>11</v>
      </c>
      <c r="EK36" s="71">
        <v>10</v>
      </c>
      <c r="EL36" s="71">
        <v>6</v>
      </c>
      <c r="EM36" s="71">
        <v>7</v>
      </c>
      <c r="EN36" s="72">
        <v>52</v>
      </c>
      <c r="EO36" s="73">
        <v>62</v>
      </c>
      <c r="EP36" s="70">
        <v>9</v>
      </c>
      <c r="EQ36" s="71">
        <v>12</v>
      </c>
      <c r="ER36" s="72">
        <v>21</v>
      </c>
      <c r="ES36" s="244"/>
      <c r="ET36" s="71">
        <v>27</v>
      </c>
      <c r="EU36" s="71">
        <v>17</v>
      </c>
      <c r="EV36" s="71">
        <v>10</v>
      </c>
      <c r="EW36" s="71">
        <v>19</v>
      </c>
      <c r="EX36" s="71">
        <v>8</v>
      </c>
      <c r="EY36" s="72">
        <v>81</v>
      </c>
      <c r="EZ36" s="73">
        <v>102</v>
      </c>
      <c r="FA36" s="70">
        <v>24</v>
      </c>
      <c r="FB36" s="71">
        <v>24</v>
      </c>
      <c r="FC36" s="72">
        <v>48</v>
      </c>
      <c r="FD36" s="244"/>
      <c r="FE36" s="71">
        <v>34</v>
      </c>
      <c r="FF36" s="71">
        <v>17</v>
      </c>
      <c r="FG36" s="71">
        <v>19</v>
      </c>
      <c r="FH36" s="71">
        <v>12</v>
      </c>
      <c r="FI36" s="71">
        <v>14</v>
      </c>
      <c r="FJ36" s="72">
        <v>96</v>
      </c>
      <c r="FK36" s="73">
        <v>144</v>
      </c>
      <c r="FL36" s="70">
        <v>11</v>
      </c>
      <c r="FM36" s="71">
        <v>17</v>
      </c>
      <c r="FN36" s="72">
        <v>28</v>
      </c>
      <c r="FO36" s="244"/>
      <c r="FP36" s="71">
        <v>33</v>
      </c>
      <c r="FQ36" s="71">
        <v>33</v>
      </c>
      <c r="FR36" s="71">
        <v>31</v>
      </c>
      <c r="FS36" s="71">
        <v>28</v>
      </c>
      <c r="FT36" s="71">
        <v>20</v>
      </c>
      <c r="FU36" s="72">
        <v>145</v>
      </c>
      <c r="FV36" s="73">
        <v>173</v>
      </c>
      <c r="FW36" s="70">
        <v>0</v>
      </c>
      <c r="FX36" s="71">
        <v>0</v>
      </c>
      <c r="FY36" s="72">
        <v>0</v>
      </c>
      <c r="FZ36" s="244"/>
      <c r="GA36" s="71">
        <v>1</v>
      </c>
      <c r="GB36" s="71">
        <v>0</v>
      </c>
      <c r="GC36" s="71">
        <v>0</v>
      </c>
      <c r="GD36" s="71">
        <v>1</v>
      </c>
      <c r="GE36" s="71">
        <v>1</v>
      </c>
      <c r="GF36" s="72">
        <v>3</v>
      </c>
      <c r="GG36" s="73">
        <v>3</v>
      </c>
      <c r="GH36" s="70">
        <v>52</v>
      </c>
      <c r="GI36" s="71">
        <v>70</v>
      </c>
      <c r="GJ36" s="72">
        <v>122</v>
      </c>
      <c r="GK36" s="244"/>
      <c r="GL36" s="71">
        <v>118</v>
      </c>
      <c r="GM36" s="71">
        <v>84</v>
      </c>
      <c r="GN36" s="71">
        <v>76</v>
      </c>
      <c r="GO36" s="71">
        <v>70</v>
      </c>
      <c r="GP36" s="71">
        <v>55</v>
      </c>
      <c r="GQ36" s="72">
        <v>403</v>
      </c>
      <c r="GR36" s="73">
        <v>525</v>
      </c>
      <c r="GS36" s="123">
        <v>81</v>
      </c>
      <c r="GT36" s="82">
        <v>91</v>
      </c>
      <c r="GU36" s="83">
        <v>172</v>
      </c>
      <c r="GV36" s="241"/>
      <c r="GW36" s="82">
        <v>172</v>
      </c>
      <c r="GX36" s="82">
        <v>125</v>
      </c>
      <c r="GY36" s="82">
        <v>111</v>
      </c>
      <c r="GZ36" s="82">
        <v>99</v>
      </c>
      <c r="HA36" s="82">
        <v>66</v>
      </c>
      <c r="HB36" s="84">
        <v>573</v>
      </c>
      <c r="HC36" s="85">
        <v>745</v>
      </c>
      <c r="HD36" s="70">
        <v>2</v>
      </c>
      <c r="HE36" s="71">
        <v>3</v>
      </c>
      <c r="HF36" s="72">
        <v>5</v>
      </c>
      <c r="HG36" s="244"/>
      <c r="HH36" s="71">
        <v>4</v>
      </c>
      <c r="HI36" s="71">
        <v>3</v>
      </c>
      <c r="HJ36" s="71">
        <v>5</v>
      </c>
      <c r="HK36" s="71">
        <v>4</v>
      </c>
      <c r="HL36" s="71">
        <v>3</v>
      </c>
      <c r="HM36" s="72">
        <v>19</v>
      </c>
      <c r="HN36" s="73">
        <v>24</v>
      </c>
      <c r="HO36" s="70">
        <v>9</v>
      </c>
      <c r="HP36" s="71">
        <v>12</v>
      </c>
      <c r="HQ36" s="72">
        <v>21</v>
      </c>
      <c r="HR36" s="244"/>
      <c r="HS36" s="71">
        <v>9</v>
      </c>
      <c r="HT36" s="71">
        <v>13</v>
      </c>
      <c r="HU36" s="71">
        <v>8</v>
      </c>
      <c r="HV36" s="71">
        <v>12</v>
      </c>
      <c r="HW36" s="71">
        <v>6</v>
      </c>
      <c r="HX36" s="72">
        <v>48</v>
      </c>
      <c r="HY36" s="73">
        <v>69</v>
      </c>
      <c r="HZ36" s="70">
        <v>8</v>
      </c>
      <c r="IA36" s="71">
        <v>11</v>
      </c>
      <c r="IB36" s="72">
        <v>19</v>
      </c>
      <c r="IC36" s="244"/>
      <c r="ID36" s="71">
        <v>32</v>
      </c>
      <c r="IE36" s="71">
        <v>17</v>
      </c>
      <c r="IF36" s="71">
        <v>19</v>
      </c>
      <c r="IG36" s="71">
        <v>11</v>
      </c>
      <c r="IH36" s="71">
        <v>10</v>
      </c>
      <c r="II36" s="72">
        <v>89</v>
      </c>
      <c r="IJ36" s="73">
        <v>108</v>
      </c>
      <c r="IK36" s="70">
        <v>15</v>
      </c>
      <c r="IL36" s="71">
        <v>17</v>
      </c>
      <c r="IM36" s="72">
        <v>32</v>
      </c>
      <c r="IN36" s="244"/>
      <c r="IO36" s="71">
        <v>40</v>
      </c>
      <c r="IP36" s="71">
        <v>31</v>
      </c>
      <c r="IQ36" s="71">
        <v>14</v>
      </c>
      <c r="IR36" s="71">
        <v>23</v>
      </c>
      <c r="IS36" s="71">
        <v>9</v>
      </c>
      <c r="IT36" s="72">
        <v>117</v>
      </c>
      <c r="IU36" s="73">
        <v>149</v>
      </c>
      <c r="IV36" s="70">
        <v>28</v>
      </c>
      <c r="IW36" s="71">
        <v>29</v>
      </c>
      <c r="IX36" s="72">
        <v>57</v>
      </c>
      <c r="IY36" s="244"/>
      <c r="IZ36" s="71">
        <v>44</v>
      </c>
      <c r="JA36" s="71">
        <v>23</v>
      </c>
      <c r="JB36" s="71">
        <v>31</v>
      </c>
      <c r="JC36" s="71">
        <v>19</v>
      </c>
      <c r="JD36" s="71">
        <v>17</v>
      </c>
      <c r="JE36" s="72">
        <v>134</v>
      </c>
      <c r="JF36" s="73">
        <v>191</v>
      </c>
      <c r="JG36" s="70">
        <v>19</v>
      </c>
      <c r="JH36" s="71">
        <v>19</v>
      </c>
      <c r="JI36" s="72">
        <v>38</v>
      </c>
      <c r="JJ36" s="244"/>
      <c r="JK36" s="71">
        <v>43</v>
      </c>
      <c r="JL36" s="71">
        <v>38</v>
      </c>
      <c r="JM36" s="71">
        <v>34</v>
      </c>
      <c r="JN36" s="71">
        <v>30</v>
      </c>
      <c r="JO36" s="71">
        <v>21</v>
      </c>
      <c r="JP36" s="72">
        <v>166</v>
      </c>
      <c r="JQ36" s="73">
        <v>204</v>
      </c>
      <c r="JR36" s="70">
        <v>1</v>
      </c>
      <c r="JS36" s="71">
        <v>0</v>
      </c>
      <c r="JT36" s="72">
        <v>1</v>
      </c>
      <c r="JU36" s="244"/>
      <c r="JV36" s="71">
        <v>3</v>
      </c>
      <c r="JW36" s="71">
        <v>1</v>
      </c>
      <c r="JX36" s="71">
        <v>0</v>
      </c>
      <c r="JY36" s="71">
        <v>1</v>
      </c>
      <c r="JZ36" s="71">
        <v>3</v>
      </c>
      <c r="KA36" s="72">
        <v>8</v>
      </c>
      <c r="KB36" s="73">
        <v>9</v>
      </c>
      <c r="KC36" s="70">
        <v>82</v>
      </c>
      <c r="KD36" s="71">
        <v>91</v>
      </c>
      <c r="KE36" s="72">
        <v>173</v>
      </c>
      <c r="KF36" s="244"/>
      <c r="KG36" s="71">
        <v>175</v>
      </c>
      <c r="KH36" s="71">
        <v>126</v>
      </c>
      <c r="KI36" s="71">
        <v>111</v>
      </c>
      <c r="KJ36" s="71">
        <v>100</v>
      </c>
      <c r="KK36" s="71">
        <v>69</v>
      </c>
      <c r="KL36" s="72">
        <v>581</v>
      </c>
      <c r="KM36" s="73">
        <v>754</v>
      </c>
    </row>
    <row r="37" spans="2:299" ht="21" customHeight="1" x14ac:dyDescent="0.2">
      <c r="B37" s="126" t="s">
        <v>34</v>
      </c>
      <c r="C37" s="315">
        <v>16</v>
      </c>
      <c r="D37" s="82">
        <v>19</v>
      </c>
      <c r="E37" s="83">
        <v>35</v>
      </c>
      <c r="F37" s="241"/>
      <c r="G37" s="82">
        <v>37</v>
      </c>
      <c r="H37" s="82">
        <v>39</v>
      </c>
      <c r="I37" s="82">
        <v>13</v>
      </c>
      <c r="J37" s="82">
        <v>25</v>
      </c>
      <c r="K37" s="82">
        <v>12</v>
      </c>
      <c r="L37" s="84">
        <v>126</v>
      </c>
      <c r="M37" s="85">
        <v>161</v>
      </c>
      <c r="N37" s="70">
        <v>0</v>
      </c>
      <c r="O37" s="71">
        <v>4</v>
      </c>
      <c r="P37" s="72">
        <v>4</v>
      </c>
      <c r="Q37" s="244"/>
      <c r="R37" s="71">
        <v>1</v>
      </c>
      <c r="S37" s="71">
        <v>2</v>
      </c>
      <c r="T37" s="71">
        <v>1</v>
      </c>
      <c r="U37" s="71">
        <v>3</v>
      </c>
      <c r="V37" s="71">
        <v>0</v>
      </c>
      <c r="W37" s="72">
        <v>7</v>
      </c>
      <c r="X37" s="73">
        <v>11</v>
      </c>
      <c r="Y37" s="70">
        <v>1</v>
      </c>
      <c r="Z37" s="71">
        <v>3</v>
      </c>
      <c r="AA37" s="72">
        <v>4</v>
      </c>
      <c r="AB37" s="244"/>
      <c r="AC37" s="71">
        <v>1</v>
      </c>
      <c r="AD37" s="71">
        <v>3</v>
      </c>
      <c r="AE37" s="71">
        <v>2</v>
      </c>
      <c r="AF37" s="71">
        <v>1</v>
      </c>
      <c r="AG37" s="71">
        <v>1</v>
      </c>
      <c r="AH37" s="72">
        <v>8</v>
      </c>
      <c r="AI37" s="73">
        <v>12</v>
      </c>
      <c r="AJ37" s="70">
        <v>0</v>
      </c>
      <c r="AK37" s="71">
        <v>3</v>
      </c>
      <c r="AL37" s="72">
        <v>3</v>
      </c>
      <c r="AM37" s="244"/>
      <c r="AN37" s="71">
        <v>5</v>
      </c>
      <c r="AO37" s="71">
        <v>7</v>
      </c>
      <c r="AP37" s="71">
        <v>1</v>
      </c>
      <c r="AQ37" s="71">
        <v>7</v>
      </c>
      <c r="AR37" s="71">
        <v>3</v>
      </c>
      <c r="AS37" s="72">
        <v>23</v>
      </c>
      <c r="AT37" s="73">
        <v>26</v>
      </c>
      <c r="AU37" s="70">
        <v>8</v>
      </c>
      <c r="AV37" s="71">
        <v>3</v>
      </c>
      <c r="AW37" s="72">
        <v>11</v>
      </c>
      <c r="AX37" s="244"/>
      <c r="AY37" s="71">
        <v>10</v>
      </c>
      <c r="AZ37" s="71">
        <v>11</v>
      </c>
      <c r="BA37" s="71">
        <v>3</v>
      </c>
      <c r="BB37" s="71">
        <v>5</v>
      </c>
      <c r="BC37" s="71">
        <v>3</v>
      </c>
      <c r="BD37" s="72">
        <v>32</v>
      </c>
      <c r="BE37" s="73">
        <v>43</v>
      </c>
      <c r="BF37" s="70">
        <v>5</v>
      </c>
      <c r="BG37" s="71">
        <v>5</v>
      </c>
      <c r="BH37" s="72">
        <v>10</v>
      </c>
      <c r="BI37" s="244"/>
      <c r="BJ37" s="71">
        <v>13</v>
      </c>
      <c r="BK37" s="71">
        <v>8</v>
      </c>
      <c r="BL37" s="71">
        <v>4</v>
      </c>
      <c r="BM37" s="71">
        <v>6</v>
      </c>
      <c r="BN37" s="71">
        <v>4</v>
      </c>
      <c r="BO37" s="72">
        <v>35</v>
      </c>
      <c r="BP37" s="73">
        <v>45</v>
      </c>
      <c r="BQ37" s="70">
        <v>2</v>
      </c>
      <c r="BR37" s="71">
        <v>1</v>
      </c>
      <c r="BS37" s="72">
        <v>3</v>
      </c>
      <c r="BT37" s="244"/>
      <c r="BU37" s="71">
        <v>7</v>
      </c>
      <c r="BV37" s="71">
        <v>8</v>
      </c>
      <c r="BW37" s="71">
        <v>2</v>
      </c>
      <c r="BX37" s="71">
        <v>3</v>
      </c>
      <c r="BY37" s="71">
        <v>1</v>
      </c>
      <c r="BZ37" s="72">
        <v>21</v>
      </c>
      <c r="CA37" s="73">
        <v>24</v>
      </c>
      <c r="CB37" s="70">
        <v>0</v>
      </c>
      <c r="CC37" s="71">
        <v>0</v>
      </c>
      <c r="CD37" s="72">
        <v>0</v>
      </c>
      <c r="CE37" s="244"/>
      <c r="CF37" s="71">
        <v>3</v>
      </c>
      <c r="CG37" s="71">
        <v>1</v>
      </c>
      <c r="CH37" s="71">
        <v>0</v>
      </c>
      <c r="CI37" s="71">
        <v>1</v>
      </c>
      <c r="CJ37" s="71">
        <v>2</v>
      </c>
      <c r="CK37" s="72">
        <v>7</v>
      </c>
      <c r="CL37" s="73">
        <v>7</v>
      </c>
      <c r="CM37" s="70">
        <v>16</v>
      </c>
      <c r="CN37" s="71">
        <v>19</v>
      </c>
      <c r="CO37" s="72">
        <v>35</v>
      </c>
      <c r="CP37" s="244"/>
      <c r="CQ37" s="71">
        <v>40</v>
      </c>
      <c r="CR37" s="71">
        <v>40</v>
      </c>
      <c r="CS37" s="71">
        <v>13</v>
      </c>
      <c r="CT37" s="71">
        <v>26</v>
      </c>
      <c r="CU37" s="71">
        <v>14</v>
      </c>
      <c r="CV37" s="72">
        <v>133</v>
      </c>
      <c r="CW37" s="73">
        <v>168</v>
      </c>
      <c r="CX37" s="123">
        <v>47</v>
      </c>
      <c r="CY37" s="82">
        <v>39</v>
      </c>
      <c r="CZ37" s="83">
        <v>86</v>
      </c>
      <c r="DA37" s="241"/>
      <c r="DB37" s="82">
        <v>92</v>
      </c>
      <c r="DC37" s="82">
        <v>58</v>
      </c>
      <c r="DD37" s="82">
        <v>47</v>
      </c>
      <c r="DE37" s="82">
        <v>50</v>
      </c>
      <c r="DF37" s="82">
        <v>27</v>
      </c>
      <c r="DG37" s="84">
        <v>274</v>
      </c>
      <c r="DH37" s="85">
        <v>360</v>
      </c>
      <c r="DI37" s="70">
        <v>1</v>
      </c>
      <c r="DJ37" s="71">
        <v>0</v>
      </c>
      <c r="DK37" s="72">
        <v>1</v>
      </c>
      <c r="DL37" s="244"/>
      <c r="DM37" s="71">
        <v>1</v>
      </c>
      <c r="DN37" s="71">
        <v>0</v>
      </c>
      <c r="DO37" s="71">
        <v>2</v>
      </c>
      <c r="DP37" s="71">
        <v>0</v>
      </c>
      <c r="DQ37" s="71">
        <v>1</v>
      </c>
      <c r="DR37" s="72">
        <v>4</v>
      </c>
      <c r="DS37" s="73">
        <v>5</v>
      </c>
      <c r="DT37" s="70">
        <v>2</v>
      </c>
      <c r="DU37" s="71">
        <v>0</v>
      </c>
      <c r="DV37" s="72">
        <v>2</v>
      </c>
      <c r="DW37" s="244"/>
      <c r="DX37" s="71">
        <v>8</v>
      </c>
      <c r="DY37" s="71">
        <v>2</v>
      </c>
      <c r="DZ37" s="71">
        <v>1</v>
      </c>
      <c r="EA37" s="71">
        <v>0</v>
      </c>
      <c r="EB37" s="71">
        <v>3</v>
      </c>
      <c r="EC37" s="72">
        <v>14</v>
      </c>
      <c r="ED37" s="73">
        <v>16</v>
      </c>
      <c r="EE37" s="70">
        <v>7</v>
      </c>
      <c r="EF37" s="71">
        <v>2</v>
      </c>
      <c r="EG37" s="72">
        <v>9</v>
      </c>
      <c r="EH37" s="244"/>
      <c r="EI37" s="71">
        <v>10</v>
      </c>
      <c r="EJ37" s="71">
        <v>4</v>
      </c>
      <c r="EK37" s="71">
        <v>4</v>
      </c>
      <c r="EL37" s="71">
        <v>6</v>
      </c>
      <c r="EM37" s="71">
        <v>0</v>
      </c>
      <c r="EN37" s="72">
        <v>24</v>
      </c>
      <c r="EO37" s="73">
        <v>33</v>
      </c>
      <c r="EP37" s="70">
        <v>12</v>
      </c>
      <c r="EQ37" s="71">
        <v>13</v>
      </c>
      <c r="ER37" s="72">
        <v>25</v>
      </c>
      <c r="ES37" s="244"/>
      <c r="ET37" s="71">
        <v>18</v>
      </c>
      <c r="EU37" s="71">
        <v>12</v>
      </c>
      <c r="EV37" s="71">
        <v>5</v>
      </c>
      <c r="EW37" s="71">
        <v>9</v>
      </c>
      <c r="EX37" s="71">
        <v>3</v>
      </c>
      <c r="EY37" s="72">
        <v>47</v>
      </c>
      <c r="EZ37" s="73">
        <v>72</v>
      </c>
      <c r="FA37" s="70">
        <v>15</v>
      </c>
      <c r="FB37" s="71">
        <v>14</v>
      </c>
      <c r="FC37" s="72">
        <v>29</v>
      </c>
      <c r="FD37" s="244"/>
      <c r="FE37" s="71">
        <v>30</v>
      </c>
      <c r="FF37" s="71">
        <v>13</v>
      </c>
      <c r="FG37" s="71">
        <v>12</v>
      </c>
      <c r="FH37" s="71">
        <v>17</v>
      </c>
      <c r="FI37" s="71">
        <v>5</v>
      </c>
      <c r="FJ37" s="72">
        <v>77</v>
      </c>
      <c r="FK37" s="73">
        <v>106</v>
      </c>
      <c r="FL37" s="70">
        <v>10</v>
      </c>
      <c r="FM37" s="71">
        <v>10</v>
      </c>
      <c r="FN37" s="72">
        <v>20</v>
      </c>
      <c r="FO37" s="244"/>
      <c r="FP37" s="71">
        <v>25</v>
      </c>
      <c r="FQ37" s="71">
        <v>27</v>
      </c>
      <c r="FR37" s="71">
        <v>23</v>
      </c>
      <c r="FS37" s="71">
        <v>18</v>
      </c>
      <c r="FT37" s="71">
        <v>15</v>
      </c>
      <c r="FU37" s="72">
        <v>108</v>
      </c>
      <c r="FV37" s="73">
        <v>128</v>
      </c>
      <c r="FW37" s="70">
        <v>0</v>
      </c>
      <c r="FX37" s="71">
        <v>0</v>
      </c>
      <c r="FY37" s="72">
        <v>0</v>
      </c>
      <c r="FZ37" s="244"/>
      <c r="GA37" s="71">
        <v>1</v>
      </c>
      <c r="GB37" s="71">
        <v>1</v>
      </c>
      <c r="GC37" s="71">
        <v>1</v>
      </c>
      <c r="GD37" s="71">
        <v>0</v>
      </c>
      <c r="GE37" s="71">
        <v>1</v>
      </c>
      <c r="GF37" s="72">
        <v>4</v>
      </c>
      <c r="GG37" s="73">
        <v>4</v>
      </c>
      <c r="GH37" s="70">
        <v>47</v>
      </c>
      <c r="GI37" s="71">
        <v>39</v>
      </c>
      <c r="GJ37" s="72">
        <v>86</v>
      </c>
      <c r="GK37" s="244"/>
      <c r="GL37" s="71">
        <v>93</v>
      </c>
      <c r="GM37" s="71">
        <v>59</v>
      </c>
      <c r="GN37" s="71">
        <v>48</v>
      </c>
      <c r="GO37" s="71">
        <v>50</v>
      </c>
      <c r="GP37" s="71">
        <v>28</v>
      </c>
      <c r="GQ37" s="72">
        <v>278</v>
      </c>
      <c r="GR37" s="73">
        <v>364</v>
      </c>
      <c r="GS37" s="123">
        <v>63</v>
      </c>
      <c r="GT37" s="82">
        <v>58</v>
      </c>
      <c r="GU37" s="83">
        <v>121</v>
      </c>
      <c r="GV37" s="241"/>
      <c r="GW37" s="82">
        <v>129</v>
      </c>
      <c r="GX37" s="82">
        <v>97</v>
      </c>
      <c r="GY37" s="82">
        <v>60</v>
      </c>
      <c r="GZ37" s="82">
        <v>75</v>
      </c>
      <c r="HA37" s="82">
        <v>39</v>
      </c>
      <c r="HB37" s="84">
        <v>400</v>
      </c>
      <c r="HC37" s="85">
        <v>521</v>
      </c>
      <c r="HD37" s="70">
        <v>1</v>
      </c>
      <c r="HE37" s="71">
        <v>4</v>
      </c>
      <c r="HF37" s="72">
        <v>5</v>
      </c>
      <c r="HG37" s="244"/>
      <c r="HH37" s="71">
        <v>2</v>
      </c>
      <c r="HI37" s="71">
        <v>2</v>
      </c>
      <c r="HJ37" s="71">
        <v>3</v>
      </c>
      <c r="HK37" s="71">
        <v>3</v>
      </c>
      <c r="HL37" s="71">
        <v>1</v>
      </c>
      <c r="HM37" s="72">
        <v>11</v>
      </c>
      <c r="HN37" s="73">
        <v>16</v>
      </c>
      <c r="HO37" s="70">
        <v>3</v>
      </c>
      <c r="HP37" s="71">
        <v>3</v>
      </c>
      <c r="HQ37" s="72">
        <v>6</v>
      </c>
      <c r="HR37" s="244"/>
      <c r="HS37" s="71">
        <v>9</v>
      </c>
      <c r="HT37" s="71">
        <v>5</v>
      </c>
      <c r="HU37" s="71">
        <v>3</v>
      </c>
      <c r="HV37" s="71">
        <v>1</v>
      </c>
      <c r="HW37" s="71">
        <v>4</v>
      </c>
      <c r="HX37" s="72">
        <v>22</v>
      </c>
      <c r="HY37" s="73">
        <v>28</v>
      </c>
      <c r="HZ37" s="70">
        <v>7</v>
      </c>
      <c r="IA37" s="71">
        <v>5</v>
      </c>
      <c r="IB37" s="72">
        <v>12</v>
      </c>
      <c r="IC37" s="244"/>
      <c r="ID37" s="71">
        <v>15</v>
      </c>
      <c r="IE37" s="71">
        <v>11</v>
      </c>
      <c r="IF37" s="71">
        <v>5</v>
      </c>
      <c r="IG37" s="71">
        <v>13</v>
      </c>
      <c r="IH37" s="71">
        <v>3</v>
      </c>
      <c r="II37" s="72">
        <v>47</v>
      </c>
      <c r="IJ37" s="73">
        <v>59</v>
      </c>
      <c r="IK37" s="70">
        <v>20</v>
      </c>
      <c r="IL37" s="71">
        <v>16</v>
      </c>
      <c r="IM37" s="72">
        <v>36</v>
      </c>
      <c r="IN37" s="244"/>
      <c r="IO37" s="71">
        <v>28</v>
      </c>
      <c r="IP37" s="71">
        <v>23</v>
      </c>
      <c r="IQ37" s="71">
        <v>8</v>
      </c>
      <c r="IR37" s="71">
        <v>14</v>
      </c>
      <c r="IS37" s="71">
        <v>6</v>
      </c>
      <c r="IT37" s="72">
        <v>79</v>
      </c>
      <c r="IU37" s="73">
        <v>115</v>
      </c>
      <c r="IV37" s="70">
        <v>20</v>
      </c>
      <c r="IW37" s="71">
        <v>19</v>
      </c>
      <c r="IX37" s="72">
        <v>39</v>
      </c>
      <c r="IY37" s="244"/>
      <c r="IZ37" s="71">
        <v>43</v>
      </c>
      <c r="JA37" s="71">
        <v>21</v>
      </c>
      <c r="JB37" s="71">
        <v>16</v>
      </c>
      <c r="JC37" s="71">
        <v>23</v>
      </c>
      <c r="JD37" s="71">
        <v>9</v>
      </c>
      <c r="JE37" s="72">
        <v>112</v>
      </c>
      <c r="JF37" s="73">
        <v>151</v>
      </c>
      <c r="JG37" s="70">
        <v>12</v>
      </c>
      <c r="JH37" s="71">
        <v>11</v>
      </c>
      <c r="JI37" s="72">
        <v>23</v>
      </c>
      <c r="JJ37" s="244"/>
      <c r="JK37" s="71">
        <v>32</v>
      </c>
      <c r="JL37" s="71">
        <v>35</v>
      </c>
      <c r="JM37" s="71">
        <v>25</v>
      </c>
      <c r="JN37" s="71">
        <v>21</v>
      </c>
      <c r="JO37" s="71">
        <v>16</v>
      </c>
      <c r="JP37" s="72">
        <v>129</v>
      </c>
      <c r="JQ37" s="73">
        <v>152</v>
      </c>
      <c r="JR37" s="70">
        <v>0</v>
      </c>
      <c r="JS37" s="71">
        <v>0</v>
      </c>
      <c r="JT37" s="72">
        <v>0</v>
      </c>
      <c r="JU37" s="244"/>
      <c r="JV37" s="71">
        <v>4</v>
      </c>
      <c r="JW37" s="71">
        <v>2</v>
      </c>
      <c r="JX37" s="71">
        <v>1</v>
      </c>
      <c r="JY37" s="71">
        <v>1</v>
      </c>
      <c r="JZ37" s="71">
        <v>3</v>
      </c>
      <c r="KA37" s="72">
        <v>11</v>
      </c>
      <c r="KB37" s="73">
        <v>11</v>
      </c>
      <c r="KC37" s="70">
        <v>63</v>
      </c>
      <c r="KD37" s="71">
        <v>58</v>
      </c>
      <c r="KE37" s="72">
        <v>121</v>
      </c>
      <c r="KF37" s="244"/>
      <c r="KG37" s="71">
        <v>133</v>
      </c>
      <c r="KH37" s="71">
        <v>99</v>
      </c>
      <c r="KI37" s="71">
        <v>61</v>
      </c>
      <c r="KJ37" s="71">
        <v>76</v>
      </c>
      <c r="KK37" s="71">
        <v>42</v>
      </c>
      <c r="KL37" s="72">
        <v>411</v>
      </c>
      <c r="KM37" s="73">
        <v>532</v>
      </c>
    </row>
    <row r="38" spans="2:299" ht="21" customHeight="1" x14ac:dyDescent="0.2">
      <c r="B38" s="126" t="s">
        <v>35</v>
      </c>
      <c r="C38" s="315">
        <v>48</v>
      </c>
      <c r="D38" s="82">
        <v>56</v>
      </c>
      <c r="E38" s="83">
        <v>104</v>
      </c>
      <c r="F38" s="241"/>
      <c r="G38" s="82">
        <v>164</v>
      </c>
      <c r="H38" s="82">
        <v>97</v>
      </c>
      <c r="I38" s="82">
        <v>55</v>
      </c>
      <c r="J38" s="82">
        <v>54</v>
      </c>
      <c r="K38" s="82">
        <v>29</v>
      </c>
      <c r="L38" s="84">
        <v>399</v>
      </c>
      <c r="M38" s="85">
        <v>503</v>
      </c>
      <c r="N38" s="70">
        <v>1</v>
      </c>
      <c r="O38" s="71">
        <v>3</v>
      </c>
      <c r="P38" s="72">
        <v>4</v>
      </c>
      <c r="Q38" s="244"/>
      <c r="R38" s="71">
        <v>11</v>
      </c>
      <c r="S38" s="71">
        <v>3</v>
      </c>
      <c r="T38" s="71">
        <v>9</v>
      </c>
      <c r="U38" s="71">
        <v>2</v>
      </c>
      <c r="V38" s="71">
        <v>2</v>
      </c>
      <c r="W38" s="72">
        <v>27</v>
      </c>
      <c r="X38" s="73">
        <v>31</v>
      </c>
      <c r="Y38" s="70">
        <v>5</v>
      </c>
      <c r="Z38" s="71">
        <v>4</v>
      </c>
      <c r="AA38" s="72">
        <v>9</v>
      </c>
      <c r="AB38" s="244"/>
      <c r="AC38" s="71">
        <v>12</v>
      </c>
      <c r="AD38" s="71">
        <v>9</v>
      </c>
      <c r="AE38" s="71">
        <v>3</v>
      </c>
      <c r="AF38" s="71">
        <v>3</v>
      </c>
      <c r="AG38" s="71">
        <v>4</v>
      </c>
      <c r="AH38" s="72">
        <v>31</v>
      </c>
      <c r="AI38" s="73">
        <v>40</v>
      </c>
      <c r="AJ38" s="70">
        <v>10</v>
      </c>
      <c r="AK38" s="71">
        <v>14</v>
      </c>
      <c r="AL38" s="72">
        <v>24</v>
      </c>
      <c r="AM38" s="244"/>
      <c r="AN38" s="71">
        <v>26</v>
      </c>
      <c r="AO38" s="71">
        <v>17</v>
      </c>
      <c r="AP38" s="71">
        <v>9</v>
      </c>
      <c r="AQ38" s="71">
        <v>14</v>
      </c>
      <c r="AR38" s="71">
        <v>7</v>
      </c>
      <c r="AS38" s="72">
        <v>73</v>
      </c>
      <c r="AT38" s="73">
        <v>97</v>
      </c>
      <c r="AU38" s="70">
        <v>13</v>
      </c>
      <c r="AV38" s="71">
        <v>12</v>
      </c>
      <c r="AW38" s="72">
        <v>25</v>
      </c>
      <c r="AX38" s="244"/>
      <c r="AY38" s="71">
        <v>49</v>
      </c>
      <c r="AZ38" s="71">
        <v>24</v>
      </c>
      <c r="BA38" s="71">
        <v>11</v>
      </c>
      <c r="BB38" s="71">
        <v>10</v>
      </c>
      <c r="BC38" s="71">
        <v>4</v>
      </c>
      <c r="BD38" s="72">
        <v>98</v>
      </c>
      <c r="BE38" s="73">
        <v>123</v>
      </c>
      <c r="BF38" s="70">
        <v>8</v>
      </c>
      <c r="BG38" s="71">
        <v>17</v>
      </c>
      <c r="BH38" s="72">
        <v>25</v>
      </c>
      <c r="BI38" s="244"/>
      <c r="BJ38" s="71">
        <v>39</v>
      </c>
      <c r="BK38" s="71">
        <v>20</v>
      </c>
      <c r="BL38" s="71">
        <v>13</v>
      </c>
      <c r="BM38" s="71">
        <v>13</v>
      </c>
      <c r="BN38" s="71">
        <v>4</v>
      </c>
      <c r="BO38" s="72">
        <v>89</v>
      </c>
      <c r="BP38" s="73">
        <v>114</v>
      </c>
      <c r="BQ38" s="70">
        <v>11</v>
      </c>
      <c r="BR38" s="71">
        <v>6</v>
      </c>
      <c r="BS38" s="72">
        <v>17</v>
      </c>
      <c r="BT38" s="244"/>
      <c r="BU38" s="71">
        <v>27</v>
      </c>
      <c r="BV38" s="71">
        <v>24</v>
      </c>
      <c r="BW38" s="71">
        <v>10</v>
      </c>
      <c r="BX38" s="71">
        <v>12</v>
      </c>
      <c r="BY38" s="71">
        <v>8</v>
      </c>
      <c r="BZ38" s="72">
        <v>81</v>
      </c>
      <c r="CA38" s="73">
        <v>98</v>
      </c>
      <c r="CB38" s="70">
        <v>1</v>
      </c>
      <c r="CC38" s="71">
        <v>2</v>
      </c>
      <c r="CD38" s="72">
        <v>3</v>
      </c>
      <c r="CE38" s="244"/>
      <c r="CF38" s="71">
        <v>3</v>
      </c>
      <c r="CG38" s="71">
        <v>1</v>
      </c>
      <c r="CH38" s="71">
        <v>0</v>
      </c>
      <c r="CI38" s="71">
        <v>3</v>
      </c>
      <c r="CJ38" s="71">
        <v>1</v>
      </c>
      <c r="CK38" s="72">
        <v>8</v>
      </c>
      <c r="CL38" s="73">
        <v>11</v>
      </c>
      <c r="CM38" s="70">
        <v>49</v>
      </c>
      <c r="CN38" s="71">
        <v>58</v>
      </c>
      <c r="CO38" s="72">
        <v>107</v>
      </c>
      <c r="CP38" s="244"/>
      <c r="CQ38" s="71">
        <v>167</v>
      </c>
      <c r="CR38" s="71">
        <v>98</v>
      </c>
      <c r="CS38" s="71">
        <v>55</v>
      </c>
      <c r="CT38" s="71">
        <v>57</v>
      </c>
      <c r="CU38" s="71">
        <v>30</v>
      </c>
      <c r="CV38" s="72">
        <v>407</v>
      </c>
      <c r="CW38" s="73">
        <v>514</v>
      </c>
      <c r="CX38" s="123">
        <v>126</v>
      </c>
      <c r="CY38" s="82">
        <v>138</v>
      </c>
      <c r="CZ38" s="83">
        <v>264</v>
      </c>
      <c r="DA38" s="241"/>
      <c r="DB38" s="82">
        <v>312</v>
      </c>
      <c r="DC38" s="82">
        <v>206</v>
      </c>
      <c r="DD38" s="82">
        <v>148</v>
      </c>
      <c r="DE38" s="82">
        <v>166</v>
      </c>
      <c r="DF38" s="82">
        <v>86</v>
      </c>
      <c r="DG38" s="84">
        <v>918</v>
      </c>
      <c r="DH38" s="85">
        <v>1182</v>
      </c>
      <c r="DI38" s="70">
        <v>2</v>
      </c>
      <c r="DJ38" s="71">
        <v>5</v>
      </c>
      <c r="DK38" s="72">
        <v>7</v>
      </c>
      <c r="DL38" s="244"/>
      <c r="DM38" s="71">
        <v>3</v>
      </c>
      <c r="DN38" s="71">
        <v>4</v>
      </c>
      <c r="DO38" s="71">
        <v>4</v>
      </c>
      <c r="DP38" s="71">
        <v>6</v>
      </c>
      <c r="DQ38" s="71">
        <v>0</v>
      </c>
      <c r="DR38" s="72">
        <v>17</v>
      </c>
      <c r="DS38" s="73">
        <v>24</v>
      </c>
      <c r="DT38" s="70">
        <v>4</v>
      </c>
      <c r="DU38" s="71">
        <v>14</v>
      </c>
      <c r="DV38" s="72">
        <v>18</v>
      </c>
      <c r="DW38" s="244"/>
      <c r="DX38" s="71">
        <v>15</v>
      </c>
      <c r="DY38" s="71">
        <v>10</v>
      </c>
      <c r="DZ38" s="71">
        <v>7</v>
      </c>
      <c r="EA38" s="71">
        <v>6</v>
      </c>
      <c r="EB38" s="71">
        <v>4</v>
      </c>
      <c r="EC38" s="72">
        <v>42</v>
      </c>
      <c r="ED38" s="73">
        <v>60</v>
      </c>
      <c r="EE38" s="70">
        <v>18</v>
      </c>
      <c r="EF38" s="71">
        <v>17</v>
      </c>
      <c r="EG38" s="72">
        <v>35</v>
      </c>
      <c r="EH38" s="244"/>
      <c r="EI38" s="71">
        <v>41</v>
      </c>
      <c r="EJ38" s="71">
        <v>19</v>
      </c>
      <c r="EK38" s="71">
        <v>6</v>
      </c>
      <c r="EL38" s="71">
        <v>14</v>
      </c>
      <c r="EM38" s="71">
        <v>12</v>
      </c>
      <c r="EN38" s="72">
        <v>92</v>
      </c>
      <c r="EO38" s="73">
        <v>127</v>
      </c>
      <c r="EP38" s="70">
        <v>44</v>
      </c>
      <c r="EQ38" s="71">
        <v>30</v>
      </c>
      <c r="ER38" s="72">
        <v>74</v>
      </c>
      <c r="ES38" s="244"/>
      <c r="ET38" s="71">
        <v>69</v>
      </c>
      <c r="EU38" s="71">
        <v>41</v>
      </c>
      <c r="EV38" s="71">
        <v>29</v>
      </c>
      <c r="EW38" s="71">
        <v>27</v>
      </c>
      <c r="EX38" s="71">
        <v>16</v>
      </c>
      <c r="EY38" s="72">
        <v>182</v>
      </c>
      <c r="EZ38" s="73">
        <v>256</v>
      </c>
      <c r="FA38" s="70">
        <v>30</v>
      </c>
      <c r="FB38" s="71">
        <v>45</v>
      </c>
      <c r="FC38" s="72">
        <v>75</v>
      </c>
      <c r="FD38" s="244"/>
      <c r="FE38" s="71">
        <v>98</v>
      </c>
      <c r="FF38" s="71">
        <v>57</v>
      </c>
      <c r="FG38" s="71">
        <v>35</v>
      </c>
      <c r="FH38" s="71">
        <v>40</v>
      </c>
      <c r="FI38" s="71">
        <v>20</v>
      </c>
      <c r="FJ38" s="72">
        <v>250</v>
      </c>
      <c r="FK38" s="73">
        <v>325</v>
      </c>
      <c r="FL38" s="70">
        <v>28</v>
      </c>
      <c r="FM38" s="71">
        <v>27</v>
      </c>
      <c r="FN38" s="72">
        <v>55</v>
      </c>
      <c r="FO38" s="244"/>
      <c r="FP38" s="71">
        <v>86</v>
      </c>
      <c r="FQ38" s="71">
        <v>75</v>
      </c>
      <c r="FR38" s="71">
        <v>67</v>
      </c>
      <c r="FS38" s="71">
        <v>73</v>
      </c>
      <c r="FT38" s="71">
        <v>34</v>
      </c>
      <c r="FU38" s="72">
        <v>335</v>
      </c>
      <c r="FV38" s="73">
        <v>390</v>
      </c>
      <c r="FW38" s="70">
        <v>0</v>
      </c>
      <c r="FX38" s="71">
        <v>1</v>
      </c>
      <c r="FY38" s="72">
        <v>1</v>
      </c>
      <c r="FZ38" s="244"/>
      <c r="GA38" s="71">
        <v>1</v>
      </c>
      <c r="GB38" s="71">
        <v>6</v>
      </c>
      <c r="GC38" s="71">
        <v>2</v>
      </c>
      <c r="GD38" s="71">
        <v>1</v>
      </c>
      <c r="GE38" s="71">
        <v>1</v>
      </c>
      <c r="GF38" s="72">
        <v>11</v>
      </c>
      <c r="GG38" s="73">
        <v>12</v>
      </c>
      <c r="GH38" s="70">
        <v>126</v>
      </c>
      <c r="GI38" s="71">
        <v>139</v>
      </c>
      <c r="GJ38" s="72">
        <v>265</v>
      </c>
      <c r="GK38" s="244"/>
      <c r="GL38" s="71">
        <v>313</v>
      </c>
      <c r="GM38" s="71">
        <v>212</v>
      </c>
      <c r="GN38" s="71">
        <v>150</v>
      </c>
      <c r="GO38" s="71">
        <v>167</v>
      </c>
      <c r="GP38" s="71">
        <v>87</v>
      </c>
      <c r="GQ38" s="72">
        <v>929</v>
      </c>
      <c r="GR38" s="73">
        <v>1194</v>
      </c>
      <c r="GS38" s="123">
        <v>174</v>
      </c>
      <c r="GT38" s="82">
        <v>194</v>
      </c>
      <c r="GU38" s="83">
        <v>368</v>
      </c>
      <c r="GV38" s="241"/>
      <c r="GW38" s="82">
        <v>476</v>
      </c>
      <c r="GX38" s="82">
        <v>303</v>
      </c>
      <c r="GY38" s="82">
        <v>203</v>
      </c>
      <c r="GZ38" s="82">
        <v>220</v>
      </c>
      <c r="HA38" s="82">
        <v>115</v>
      </c>
      <c r="HB38" s="84">
        <v>1317</v>
      </c>
      <c r="HC38" s="85">
        <v>1685</v>
      </c>
      <c r="HD38" s="70">
        <v>3</v>
      </c>
      <c r="HE38" s="71">
        <v>8</v>
      </c>
      <c r="HF38" s="72">
        <v>11</v>
      </c>
      <c r="HG38" s="244"/>
      <c r="HH38" s="71">
        <v>14</v>
      </c>
      <c r="HI38" s="71">
        <v>7</v>
      </c>
      <c r="HJ38" s="71">
        <v>13</v>
      </c>
      <c r="HK38" s="71">
        <v>8</v>
      </c>
      <c r="HL38" s="71">
        <v>2</v>
      </c>
      <c r="HM38" s="72">
        <v>44</v>
      </c>
      <c r="HN38" s="73">
        <v>55</v>
      </c>
      <c r="HO38" s="70">
        <v>9</v>
      </c>
      <c r="HP38" s="71">
        <v>18</v>
      </c>
      <c r="HQ38" s="72">
        <v>27</v>
      </c>
      <c r="HR38" s="244"/>
      <c r="HS38" s="71">
        <v>27</v>
      </c>
      <c r="HT38" s="71">
        <v>19</v>
      </c>
      <c r="HU38" s="71">
        <v>10</v>
      </c>
      <c r="HV38" s="71">
        <v>9</v>
      </c>
      <c r="HW38" s="71">
        <v>8</v>
      </c>
      <c r="HX38" s="72">
        <v>73</v>
      </c>
      <c r="HY38" s="73">
        <v>100</v>
      </c>
      <c r="HZ38" s="70">
        <v>28</v>
      </c>
      <c r="IA38" s="71">
        <v>31</v>
      </c>
      <c r="IB38" s="72">
        <v>59</v>
      </c>
      <c r="IC38" s="244"/>
      <c r="ID38" s="71">
        <v>67</v>
      </c>
      <c r="IE38" s="71">
        <v>36</v>
      </c>
      <c r="IF38" s="71">
        <v>15</v>
      </c>
      <c r="IG38" s="71">
        <v>28</v>
      </c>
      <c r="IH38" s="71">
        <v>19</v>
      </c>
      <c r="II38" s="72">
        <v>165</v>
      </c>
      <c r="IJ38" s="73">
        <v>224</v>
      </c>
      <c r="IK38" s="70">
        <v>57</v>
      </c>
      <c r="IL38" s="71">
        <v>42</v>
      </c>
      <c r="IM38" s="72">
        <v>99</v>
      </c>
      <c r="IN38" s="244"/>
      <c r="IO38" s="71">
        <v>118</v>
      </c>
      <c r="IP38" s="71">
        <v>65</v>
      </c>
      <c r="IQ38" s="71">
        <v>40</v>
      </c>
      <c r="IR38" s="71">
        <v>37</v>
      </c>
      <c r="IS38" s="71">
        <v>20</v>
      </c>
      <c r="IT38" s="72">
        <v>280</v>
      </c>
      <c r="IU38" s="73">
        <v>379</v>
      </c>
      <c r="IV38" s="70">
        <v>38</v>
      </c>
      <c r="IW38" s="71">
        <v>62</v>
      </c>
      <c r="IX38" s="72">
        <v>100</v>
      </c>
      <c r="IY38" s="244"/>
      <c r="IZ38" s="71">
        <v>137</v>
      </c>
      <c r="JA38" s="71">
        <v>77</v>
      </c>
      <c r="JB38" s="71">
        <v>48</v>
      </c>
      <c r="JC38" s="71">
        <v>53</v>
      </c>
      <c r="JD38" s="71">
        <v>24</v>
      </c>
      <c r="JE38" s="72">
        <v>339</v>
      </c>
      <c r="JF38" s="73">
        <v>439</v>
      </c>
      <c r="JG38" s="70">
        <v>39</v>
      </c>
      <c r="JH38" s="71">
        <v>33</v>
      </c>
      <c r="JI38" s="72">
        <v>72</v>
      </c>
      <c r="JJ38" s="244"/>
      <c r="JK38" s="71">
        <v>113</v>
      </c>
      <c r="JL38" s="71">
        <v>99</v>
      </c>
      <c r="JM38" s="71">
        <v>77</v>
      </c>
      <c r="JN38" s="71">
        <v>85</v>
      </c>
      <c r="JO38" s="71">
        <v>42</v>
      </c>
      <c r="JP38" s="72">
        <v>416</v>
      </c>
      <c r="JQ38" s="73">
        <v>488</v>
      </c>
      <c r="JR38" s="70">
        <v>1</v>
      </c>
      <c r="JS38" s="71">
        <v>3</v>
      </c>
      <c r="JT38" s="72">
        <v>4</v>
      </c>
      <c r="JU38" s="244"/>
      <c r="JV38" s="71">
        <v>4</v>
      </c>
      <c r="JW38" s="71">
        <v>7</v>
      </c>
      <c r="JX38" s="71">
        <v>2</v>
      </c>
      <c r="JY38" s="71">
        <v>4</v>
      </c>
      <c r="JZ38" s="71">
        <v>2</v>
      </c>
      <c r="KA38" s="72">
        <v>19</v>
      </c>
      <c r="KB38" s="73">
        <v>23</v>
      </c>
      <c r="KC38" s="70">
        <v>175</v>
      </c>
      <c r="KD38" s="71">
        <v>197</v>
      </c>
      <c r="KE38" s="72">
        <v>372</v>
      </c>
      <c r="KF38" s="244"/>
      <c r="KG38" s="71">
        <v>480</v>
      </c>
      <c r="KH38" s="71">
        <v>310</v>
      </c>
      <c r="KI38" s="71">
        <v>205</v>
      </c>
      <c r="KJ38" s="71">
        <v>224</v>
      </c>
      <c r="KK38" s="71">
        <v>117</v>
      </c>
      <c r="KL38" s="72">
        <v>1336</v>
      </c>
      <c r="KM38" s="73">
        <v>1708</v>
      </c>
    </row>
    <row r="39" spans="2:299" ht="21" customHeight="1" x14ac:dyDescent="0.2">
      <c r="B39" s="126" t="s">
        <v>36</v>
      </c>
      <c r="C39" s="315">
        <v>70</v>
      </c>
      <c r="D39" s="82">
        <v>89</v>
      </c>
      <c r="E39" s="83">
        <v>159</v>
      </c>
      <c r="F39" s="241"/>
      <c r="G39" s="82">
        <v>140</v>
      </c>
      <c r="H39" s="82">
        <v>148</v>
      </c>
      <c r="I39" s="82">
        <v>102</v>
      </c>
      <c r="J39" s="82">
        <v>71</v>
      </c>
      <c r="K39" s="82">
        <v>50</v>
      </c>
      <c r="L39" s="84">
        <v>511</v>
      </c>
      <c r="M39" s="85">
        <v>670</v>
      </c>
      <c r="N39" s="70">
        <v>6</v>
      </c>
      <c r="O39" s="71">
        <v>5</v>
      </c>
      <c r="P39" s="72">
        <v>11</v>
      </c>
      <c r="Q39" s="244"/>
      <c r="R39" s="71">
        <v>8</v>
      </c>
      <c r="S39" s="71">
        <v>16</v>
      </c>
      <c r="T39" s="71">
        <v>6</v>
      </c>
      <c r="U39" s="71">
        <v>6</v>
      </c>
      <c r="V39" s="71">
        <v>2</v>
      </c>
      <c r="W39" s="72">
        <v>38</v>
      </c>
      <c r="X39" s="73">
        <v>49</v>
      </c>
      <c r="Y39" s="70">
        <v>8</v>
      </c>
      <c r="Z39" s="71">
        <v>13</v>
      </c>
      <c r="AA39" s="72">
        <v>21</v>
      </c>
      <c r="AB39" s="244"/>
      <c r="AC39" s="71">
        <v>19</v>
      </c>
      <c r="AD39" s="71">
        <v>22</v>
      </c>
      <c r="AE39" s="71">
        <v>13</v>
      </c>
      <c r="AF39" s="71">
        <v>12</v>
      </c>
      <c r="AG39" s="71">
        <v>11</v>
      </c>
      <c r="AH39" s="72">
        <v>77</v>
      </c>
      <c r="AI39" s="73">
        <v>98</v>
      </c>
      <c r="AJ39" s="70">
        <v>15</v>
      </c>
      <c r="AK39" s="71">
        <v>14</v>
      </c>
      <c r="AL39" s="72">
        <v>29</v>
      </c>
      <c r="AM39" s="244"/>
      <c r="AN39" s="71">
        <v>28</v>
      </c>
      <c r="AO39" s="71">
        <v>26</v>
      </c>
      <c r="AP39" s="71">
        <v>18</v>
      </c>
      <c r="AQ39" s="71">
        <v>14</v>
      </c>
      <c r="AR39" s="71">
        <v>6</v>
      </c>
      <c r="AS39" s="72">
        <v>92</v>
      </c>
      <c r="AT39" s="73">
        <v>121</v>
      </c>
      <c r="AU39" s="70">
        <v>20</v>
      </c>
      <c r="AV39" s="71">
        <v>27</v>
      </c>
      <c r="AW39" s="72">
        <v>47</v>
      </c>
      <c r="AX39" s="244"/>
      <c r="AY39" s="71">
        <v>41</v>
      </c>
      <c r="AZ39" s="71">
        <v>35</v>
      </c>
      <c r="BA39" s="71">
        <v>27</v>
      </c>
      <c r="BB39" s="71">
        <v>12</v>
      </c>
      <c r="BC39" s="71">
        <v>14</v>
      </c>
      <c r="BD39" s="72">
        <v>129</v>
      </c>
      <c r="BE39" s="73">
        <v>176</v>
      </c>
      <c r="BF39" s="70">
        <v>16</v>
      </c>
      <c r="BG39" s="71">
        <v>21</v>
      </c>
      <c r="BH39" s="72">
        <v>37</v>
      </c>
      <c r="BI39" s="244"/>
      <c r="BJ39" s="71">
        <v>28</v>
      </c>
      <c r="BK39" s="71">
        <v>26</v>
      </c>
      <c r="BL39" s="71">
        <v>24</v>
      </c>
      <c r="BM39" s="71">
        <v>17</v>
      </c>
      <c r="BN39" s="71">
        <v>9</v>
      </c>
      <c r="BO39" s="72">
        <v>104</v>
      </c>
      <c r="BP39" s="73">
        <v>141</v>
      </c>
      <c r="BQ39" s="70">
        <v>5</v>
      </c>
      <c r="BR39" s="71">
        <v>9</v>
      </c>
      <c r="BS39" s="72">
        <v>14</v>
      </c>
      <c r="BT39" s="244"/>
      <c r="BU39" s="71">
        <v>16</v>
      </c>
      <c r="BV39" s="71">
        <v>23</v>
      </c>
      <c r="BW39" s="71">
        <v>14</v>
      </c>
      <c r="BX39" s="71">
        <v>10</v>
      </c>
      <c r="BY39" s="71">
        <v>8</v>
      </c>
      <c r="BZ39" s="72">
        <v>71</v>
      </c>
      <c r="CA39" s="73">
        <v>85</v>
      </c>
      <c r="CB39" s="70">
        <v>1</v>
      </c>
      <c r="CC39" s="71">
        <v>4</v>
      </c>
      <c r="CD39" s="72">
        <v>5</v>
      </c>
      <c r="CE39" s="244"/>
      <c r="CF39" s="71">
        <v>6</v>
      </c>
      <c r="CG39" s="71">
        <v>5</v>
      </c>
      <c r="CH39" s="71">
        <v>6</v>
      </c>
      <c r="CI39" s="71">
        <v>7</v>
      </c>
      <c r="CJ39" s="71">
        <v>2</v>
      </c>
      <c r="CK39" s="72">
        <v>26</v>
      </c>
      <c r="CL39" s="73">
        <v>31</v>
      </c>
      <c r="CM39" s="70">
        <v>71</v>
      </c>
      <c r="CN39" s="71">
        <v>93</v>
      </c>
      <c r="CO39" s="72">
        <v>164</v>
      </c>
      <c r="CP39" s="244"/>
      <c r="CQ39" s="71">
        <v>146</v>
      </c>
      <c r="CR39" s="71">
        <v>153</v>
      </c>
      <c r="CS39" s="71">
        <v>108</v>
      </c>
      <c r="CT39" s="71">
        <v>78</v>
      </c>
      <c r="CU39" s="71">
        <v>52</v>
      </c>
      <c r="CV39" s="72">
        <v>537</v>
      </c>
      <c r="CW39" s="73">
        <v>701</v>
      </c>
      <c r="CX39" s="123">
        <v>100</v>
      </c>
      <c r="CY39" s="82">
        <v>161</v>
      </c>
      <c r="CZ39" s="83">
        <v>261</v>
      </c>
      <c r="DA39" s="241"/>
      <c r="DB39" s="82">
        <v>263</v>
      </c>
      <c r="DC39" s="82">
        <v>196</v>
      </c>
      <c r="DD39" s="82">
        <v>168</v>
      </c>
      <c r="DE39" s="82">
        <v>182</v>
      </c>
      <c r="DF39" s="82">
        <v>140</v>
      </c>
      <c r="DG39" s="84">
        <v>949</v>
      </c>
      <c r="DH39" s="85">
        <v>1210</v>
      </c>
      <c r="DI39" s="70">
        <v>2</v>
      </c>
      <c r="DJ39" s="71">
        <v>7</v>
      </c>
      <c r="DK39" s="72">
        <v>9</v>
      </c>
      <c r="DL39" s="244"/>
      <c r="DM39" s="71">
        <v>6</v>
      </c>
      <c r="DN39" s="71">
        <v>7</v>
      </c>
      <c r="DO39" s="71">
        <v>6</v>
      </c>
      <c r="DP39" s="71">
        <v>5</v>
      </c>
      <c r="DQ39" s="71">
        <v>6</v>
      </c>
      <c r="DR39" s="72">
        <v>30</v>
      </c>
      <c r="DS39" s="73">
        <v>39</v>
      </c>
      <c r="DT39" s="70">
        <v>9</v>
      </c>
      <c r="DU39" s="71">
        <v>22</v>
      </c>
      <c r="DV39" s="72">
        <v>31</v>
      </c>
      <c r="DW39" s="244"/>
      <c r="DX39" s="71">
        <v>23</v>
      </c>
      <c r="DY39" s="71">
        <v>17</v>
      </c>
      <c r="DZ39" s="71">
        <v>13</v>
      </c>
      <c r="EA39" s="71">
        <v>15</v>
      </c>
      <c r="EB39" s="71">
        <v>10</v>
      </c>
      <c r="EC39" s="72">
        <v>78</v>
      </c>
      <c r="ED39" s="73">
        <v>109</v>
      </c>
      <c r="EE39" s="70">
        <v>17</v>
      </c>
      <c r="EF39" s="71">
        <v>23</v>
      </c>
      <c r="EG39" s="72">
        <v>40</v>
      </c>
      <c r="EH39" s="244"/>
      <c r="EI39" s="71">
        <v>37</v>
      </c>
      <c r="EJ39" s="71">
        <v>22</v>
      </c>
      <c r="EK39" s="71">
        <v>11</v>
      </c>
      <c r="EL39" s="71">
        <v>18</v>
      </c>
      <c r="EM39" s="71">
        <v>23</v>
      </c>
      <c r="EN39" s="72">
        <v>111</v>
      </c>
      <c r="EO39" s="73">
        <v>151</v>
      </c>
      <c r="EP39" s="70">
        <v>34</v>
      </c>
      <c r="EQ39" s="71">
        <v>55</v>
      </c>
      <c r="ER39" s="72">
        <v>89</v>
      </c>
      <c r="ES39" s="244"/>
      <c r="ET39" s="71">
        <v>82</v>
      </c>
      <c r="EU39" s="71">
        <v>47</v>
      </c>
      <c r="EV39" s="71">
        <v>40</v>
      </c>
      <c r="EW39" s="71">
        <v>33</v>
      </c>
      <c r="EX39" s="71">
        <v>32</v>
      </c>
      <c r="EY39" s="72">
        <v>234</v>
      </c>
      <c r="EZ39" s="73">
        <v>323</v>
      </c>
      <c r="FA39" s="70">
        <v>27</v>
      </c>
      <c r="FB39" s="71">
        <v>37</v>
      </c>
      <c r="FC39" s="72">
        <v>64</v>
      </c>
      <c r="FD39" s="244"/>
      <c r="FE39" s="71">
        <v>67</v>
      </c>
      <c r="FF39" s="71">
        <v>48</v>
      </c>
      <c r="FG39" s="71">
        <v>45</v>
      </c>
      <c r="FH39" s="71">
        <v>44</v>
      </c>
      <c r="FI39" s="71">
        <v>30</v>
      </c>
      <c r="FJ39" s="72">
        <v>234</v>
      </c>
      <c r="FK39" s="73">
        <v>298</v>
      </c>
      <c r="FL39" s="70">
        <v>11</v>
      </c>
      <c r="FM39" s="71">
        <v>17</v>
      </c>
      <c r="FN39" s="72">
        <v>28</v>
      </c>
      <c r="FO39" s="244"/>
      <c r="FP39" s="71">
        <v>48</v>
      </c>
      <c r="FQ39" s="71">
        <v>55</v>
      </c>
      <c r="FR39" s="71">
        <v>53</v>
      </c>
      <c r="FS39" s="71">
        <v>67</v>
      </c>
      <c r="FT39" s="71">
        <v>39</v>
      </c>
      <c r="FU39" s="72">
        <v>262</v>
      </c>
      <c r="FV39" s="73">
        <v>290</v>
      </c>
      <c r="FW39" s="70">
        <v>1</v>
      </c>
      <c r="FX39" s="71">
        <v>2</v>
      </c>
      <c r="FY39" s="72">
        <v>3</v>
      </c>
      <c r="FZ39" s="244"/>
      <c r="GA39" s="71">
        <v>2</v>
      </c>
      <c r="GB39" s="71">
        <v>2</v>
      </c>
      <c r="GC39" s="71">
        <v>1</v>
      </c>
      <c r="GD39" s="71">
        <v>2</v>
      </c>
      <c r="GE39" s="71">
        <v>3</v>
      </c>
      <c r="GF39" s="72">
        <v>10</v>
      </c>
      <c r="GG39" s="73">
        <v>13</v>
      </c>
      <c r="GH39" s="70">
        <v>101</v>
      </c>
      <c r="GI39" s="71">
        <v>163</v>
      </c>
      <c r="GJ39" s="72">
        <v>264</v>
      </c>
      <c r="GK39" s="244"/>
      <c r="GL39" s="71">
        <v>265</v>
      </c>
      <c r="GM39" s="71">
        <v>198</v>
      </c>
      <c r="GN39" s="71">
        <v>169</v>
      </c>
      <c r="GO39" s="71">
        <v>184</v>
      </c>
      <c r="GP39" s="71">
        <v>143</v>
      </c>
      <c r="GQ39" s="72">
        <v>959</v>
      </c>
      <c r="GR39" s="73">
        <v>1223</v>
      </c>
      <c r="GS39" s="123">
        <v>170</v>
      </c>
      <c r="GT39" s="82">
        <v>250</v>
      </c>
      <c r="GU39" s="83">
        <v>420</v>
      </c>
      <c r="GV39" s="241"/>
      <c r="GW39" s="82">
        <v>403</v>
      </c>
      <c r="GX39" s="82">
        <v>344</v>
      </c>
      <c r="GY39" s="82">
        <v>270</v>
      </c>
      <c r="GZ39" s="82">
        <v>253</v>
      </c>
      <c r="HA39" s="82">
        <v>190</v>
      </c>
      <c r="HB39" s="84">
        <v>1460</v>
      </c>
      <c r="HC39" s="85">
        <v>1880</v>
      </c>
      <c r="HD39" s="70">
        <v>8</v>
      </c>
      <c r="HE39" s="71">
        <v>12</v>
      </c>
      <c r="HF39" s="72">
        <v>20</v>
      </c>
      <c r="HG39" s="244"/>
      <c r="HH39" s="71">
        <v>14</v>
      </c>
      <c r="HI39" s="71">
        <v>23</v>
      </c>
      <c r="HJ39" s="71">
        <v>12</v>
      </c>
      <c r="HK39" s="71">
        <v>11</v>
      </c>
      <c r="HL39" s="71">
        <v>8</v>
      </c>
      <c r="HM39" s="72">
        <v>68</v>
      </c>
      <c r="HN39" s="73">
        <v>88</v>
      </c>
      <c r="HO39" s="70">
        <v>17</v>
      </c>
      <c r="HP39" s="71">
        <v>35</v>
      </c>
      <c r="HQ39" s="72">
        <v>52</v>
      </c>
      <c r="HR39" s="244"/>
      <c r="HS39" s="71">
        <v>42</v>
      </c>
      <c r="HT39" s="71">
        <v>39</v>
      </c>
      <c r="HU39" s="71">
        <v>26</v>
      </c>
      <c r="HV39" s="71">
        <v>27</v>
      </c>
      <c r="HW39" s="71">
        <v>21</v>
      </c>
      <c r="HX39" s="72">
        <v>155</v>
      </c>
      <c r="HY39" s="73">
        <v>207</v>
      </c>
      <c r="HZ39" s="70">
        <v>32</v>
      </c>
      <c r="IA39" s="71">
        <v>37</v>
      </c>
      <c r="IB39" s="72">
        <v>69</v>
      </c>
      <c r="IC39" s="244"/>
      <c r="ID39" s="71">
        <v>65</v>
      </c>
      <c r="IE39" s="71">
        <v>48</v>
      </c>
      <c r="IF39" s="71">
        <v>29</v>
      </c>
      <c r="IG39" s="71">
        <v>32</v>
      </c>
      <c r="IH39" s="71">
        <v>29</v>
      </c>
      <c r="II39" s="72">
        <v>203</v>
      </c>
      <c r="IJ39" s="73">
        <v>272</v>
      </c>
      <c r="IK39" s="70">
        <v>54</v>
      </c>
      <c r="IL39" s="71">
        <v>82</v>
      </c>
      <c r="IM39" s="72">
        <v>136</v>
      </c>
      <c r="IN39" s="244"/>
      <c r="IO39" s="71">
        <v>123</v>
      </c>
      <c r="IP39" s="71">
        <v>82</v>
      </c>
      <c r="IQ39" s="71">
        <v>67</v>
      </c>
      <c r="IR39" s="71">
        <v>45</v>
      </c>
      <c r="IS39" s="71">
        <v>46</v>
      </c>
      <c r="IT39" s="72">
        <v>363</v>
      </c>
      <c r="IU39" s="73">
        <v>499</v>
      </c>
      <c r="IV39" s="70">
        <v>43</v>
      </c>
      <c r="IW39" s="71">
        <v>58</v>
      </c>
      <c r="IX39" s="72">
        <v>101</v>
      </c>
      <c r="IY39" s="244"/>
      <c r="IZ39" s="71">
        <v>95</v>
      </c>
      <c r="JA39" s="71">
        <v>74</v>
      </c>
      <c r="JB39" s="71">
        <v>69</v>
      </c>
      <c r="JC39" s="71">
        <v>61</v>
      </c>
      <c r="JD39" s="71">
        <v>39</v>
      </c>
      <c r="JE39" s="72">
        <v>338</v>
      </c>
      <c r="JF39" s="73">
        <v>439</v>
      </c>
      <c r="JG39" s="70">
        <v>16</v>
      </c>
      <c r="JH39" s="71">
        <v>26</v>
      </c>
      <c r="JI39" s="72">
        <v>42</v>
      </c>
      <c r="JJ39" s="244"/>
      <c r="JK39" s="71">
        <v>64</v>
      </c>
      <c r="JL39" s="71">
        <v>78</v>
      </c>
      <c r="JM39" s="71">
        <v>67</v>
      </c>
      <c r="JN39" s="71">
        <v>77</v>
      </c>
      <c r="JO39" s="71">
        <v>47</v>
      </c>
      <c r="JP39" s="72">
        <v>333</v>
      </c>
      <c r="JQ39" s="73">
        <v>375</v>
      </c>
      <c r="JR39" s="70">
        <v>2</v>
      </c>
      <c r="JS39" s="71">
        <v>6</v>
      </c>
      <c r="JT39" s="72">
        <v>8</v>
      </c>
      <c r="JU39" s="244"/>
      <c r="JV39" s="71">
        <v>8</v>
      </c>
      <c r="JW39" s="71">
        <v>7</v>
      </c>
      <c r="JX39" s="71">
        <v>7</v>
      </c>
      <c r="JY39" s="71">
        <v>9</v>
      </c>
      <c r="JZ39" s="71">
        <v>5</v>
      </c>
      <c r="KA39" s="72">
        <v>36</v>
      </c>
      <c r="KB39" s="73">
        <v>44</v>
      </c>
      <c r="KC39" s="70">
        <v>172</v>
      </c>
      <c r="KD39" s="71">
        <v>256</v>
      </c>
      <c r="KE39" s="72">
        <v>428</v>
      </c>
      <c r="KF39" s="244"/>
      <c r="KG39" s="71">
        <v>411</v>
      </c>
      <c r="KH39" s="71">
        <v>351</v>
      </c>
      <c r="KI39" s="71">
        <v>277</v>
      </c>
      <c r="KJ39" s="71">
        <v>262</v>
      </c>
      <c r="KK39" s="71">
        <v>195</v>
      </c>
      <c r="KL39" s="72">
        <v>1496</v>
      </c>
      <c r="KM39" s="73">
        <v>1924</v>
      </c>
    </row>
    <row r="40" spans="2:299" ht="21" customHeight="1" thickBot="1" x14ac:dyDescent="0.25">
      <c r="B40" s="127" t="s">
        <v>37</v>
      </c>
      <c r="C40" s="316">
        <v>2</v>
      </c>
      <c r="D40" s="87">
        <v>5</v>
      </c>
      <c r="E40" s="88">
        <v>7</v>
      </c>
      <c r="F40" s="242"/>
      <c r="G40" s="87">
        <v>10</v>
      </c>
      <c r="H40" s="87">
        <v>1</v>
      </c>
      <c r="I40" s="87">
        <v>13</v>
      </c>
      <c r="J40" s="87">
        <v>6</v>
      </c>
      <c r="K40" s="87">
        <v>6</v>
      </c>
      <c r="L40" s="89">
        <v>36</v>
      </c>
      <c r="M40" s="90">
        <v>43</v>
      </c>
      <c r="N40" s="74">
        <v>0</v>
      </c>
      <c r="O40" s="75">
        <v>1</v>
      </c>
      <c r="P40" s="76">
        <v>1</v>
      </c>
      <c r="Q40" s="245"/>
      <c r="R40" s="75">
        <v>2</v>
      </c>
      <c r="S40" s="75">
        <v>0</v>
      </c>
      <c r="T40" s="75">
        <v>0</v>
      </c>
      <c r="U40" s="75">
        <v>1</v>
      </c>
      <c r="V40" s="75">
        <v>1</v>
      </c>
      <c r="W40" s="76">
        <v>4</v>
      </c>
      <c r="X40" s="77">
        <v>5</v>
      </c>
      <c r="Y40" s="74">
        <v>0</v>
      </c>
      <c r="Z40" s="75">
        <v>1</v>
      </c>
      <c r="AA40" s="76">
        <v>1</v>
      </c>
      <c r="AB40" s="245"/>
      <c r="AC40" s="75">
        <v>0</v>
      </c>
      <c r="AD40" s="75">
        <v>0</v>
      </c>
      <c r="AE40" s="75">
        <v>4</v>
      </c>
      <c r="AF40" s="75">
        <v>0</v>
      </c>
      <c r="AG40" s="75">
        <v>0</v>
      </c>
      <c r="AH40" s="76">
        <v>4</v>
      </c>
      <c r="AI40" s="77">
        <v>5</v>
      </c>
      <c r="AJ40" s="74">
        <v>0</v>
      </c>
      <c r="AK40" s="75">
        <v>1</v>
      </c>
      <c r="AL40" s="76">
        <v>1</v>
      </c>
      <c r="AM40" s="245"/>
      <c r="AN40" s="75">
        <v>1</v>
      </c>
      <c r="AO40" s="75">
        <v>0</v>
      </c>
      <c r="AP40" s="75">
        <v>2</v>
      </c>
      <c r="AQ40" s="75">
        <v>1</v>
      </c>
      <c r="AR40" s="75">
        <v>1</v>
      </c>
      <c r="AS40" s="76">
        <v>5</v>
      </c>
      <c r="AT40" s="77">
        <v>6</v>
      </c>
      <c r="AU40" s="74">
        <v>2</v>
      </c>
      <c r="AV40" s="75">
        <v>1</v>
      </c>
      <c r="AW40" s="76">
        <v>3</v>
      </c>
      <c r="AX40" s="245"/>
      <c r="AY40" s="75">
        <v>3</v>
      </c>
      <c r="AZ40" s="75">
        <v>0</v>
      </c>
      <c r="BA40" s="75">
        <v>3</v>
      </c>
      <c r="BB40" s="75">
        <v>1</v>
      </c>
      <c r="BC40" s="75">
        <v>2</v>
      </c>
      <c r="BD40" s="76">
        <v>9</v>
      </c>
      <c r="BE40" s="77">
        <v>12</v>
      </c>
      <c r="BF40" s="74">
        <v>0</v>
      </c>
      <c r="BG40" s="75">
        <v>1</v>
      </c>
      <c r="BH40" s="76">
        <v>1</v>
      </c>
      <c r="BI40" s="245"/>
      <c r="BJ40" s="75">
        <v>1</v>
      </c>
      <c r="BK40" s="75">
        <v>1</v>
      </c>
      <c r="BL40" s="75">
        <v>2</v>
      </c>
      <c r="BM40" s="75">
        <v>3</v>
      </c>
      <c r="BN40" s="75">
        <v>1</v>
      </c>
      <c r="BO40" s="76">
        <v>8</v>
      </c>
      <c r="BP40" s="77">
        <v>9</v>
      </c>
      <c r="BQ40" s="74">
        <v>0</v>
      </c>
      <c r="BR40" s="75">
        <v>0</v>
      </c>
      <c r="BS40" s="76">
        <v>0</v>
      </c>
      <c r="BT40" s="245"/>
      <c r="BU40" s="75">
        <v>3</v>
      </c>
      <c r="BV40" s="75">
        <v>0</v>
      </c>
      <c r="BW40" s="75">
        <v>2</v>
      </c>
      <c r="BX40" s="75">
        <v>0</v>
      </c>
      <c r="BY40" s="75">
        <v>1</v>
      </c>
      <c r="BZ40" s="76">
        <v>6</v>
      </c>
      <c r="CA40" s="77">
        <v>6</v>
      </c>
      <c r="CB40" s="74">
        <v>0</v>
      </c>
      <c r="CC40" s="75">
        <v>0</v>
      </c>
      <c r="CD40" s="76">
        <v>0</v>
      </c>
      <c r="CE40" s="245"/>
      <c r="CF40" s="75">
        <v>1</v>
      </c>
      <c r="CG40" s="75">
        <v>0</v>
      </c>
      <c r="CH40" s="75">
        <v>0</v>
      </c>
      <c r="CI40" s="75">
        <v>1</v>
      </c>
      <c r="CJ40" s="75">
        <v>0</v>
      </c>
      <c r="CK40" s="76">
        <v>2</v>
      </c>
      <c r="CL40" s="77">
        <v>2</v>
      </c>
      <c r="CM40" s="74">
        <v>2</v>
      </c>
      <c r="CN40" s="75">
        <v>5</v>
      </c>
      <c r="CO40" s="76">
        <v>7</v>
      </c>
      <c r="CP40" s="245"/>
      <c r="CQ40" s="75">
        <v>11</v>
      </c>
      <c r="CR40" s="75">
        <v>1</v>
      </c>
      <c r="CS40" s="75">
        <v>13</v>
      </c>
      <c r="CT40" s="75">
        <v>7</v>
      </c>
      <c r="CU40" s="75">
        <v>6</v>
      </c>
      <c r="CV40" s="76">
        <v>38</v>
      </c>
      <c r="CW40" s="77">
        <v>45</v>
      </c>
      <c r="CX40" s="124">
        <v>13</v>
      </c>
      <c r="CY40" s="87">
        <v>5</v>
      </c>
      <c r="CZ40" s="88">
        <v>18</v>
      </c>
      <c r="DA40" s="242"/>
      <c r="DB40" s="87">
        <v>24</v>
      </c>
      <c r="DC40" s="87">
        <v>16</v>
      </c>
      <c r="DD40" s="87">
        <v>28</v>
      </c>
      <c r="DE40" s="87">
        <v>14</v>
      </c>
      <c r="DF40" s="87">
        <v>9</v>
      </c>
      <c r="DG40" s="89">
        <v>91</v>
      </c>
      <c r="DH40" s="90">
        <v>109</v>
      </c>
      <c r="DI40" s="74">
        <v>0</v>
      </c>
      <c r="DJ40" s="75">
        <v>0</v>
      </c>
      <c r="DK40" s="76">
        <v>0</v>
      </c>
      <c r="DL40" s="245"/>
      <c r="DM40" s="75">
        <v>0</v>
      </c>
      <c r="DN40" s="75">
        <v>0</v>
      </c>
      <c r="DO40" s="75">
        <v>1</v>
      </c>
      <c r="DP40" s="75">
        <v>0</v>
      </c>
      <c r="DQ40" s="75">
        <v>2</v>
      </c>
      <c r="DR40" s="76">
        <v>3</v>
      </c>
      <c r="DS40" s="77">
        <v>3</v>
      </c>
      <c r="DT40" s="74">
        <v>1</v>
      </c>
      <c r="DU40" s="75">
        <v>0</v>
      </c>
      <c r="DV40" s="76">
        <v>1</v>
      </c>
      <c r="DW40" s="245"/>
      <c r="DX40" s="75">
        <v>1</v>
      </c>
      <c r="DY40" s="75">
        <v>1</v>
      </c>
      <c r="DZ40" s="75">
        <v>1</v>
      </c>
      <c r="EA40" s="75">
        <v>1</v>
      </c>
      <c r="EB40" s="75">
        <v>0</v>
      </c>
      <c r="EC40" s="76">
        <v>4</v>
      </c>
      <c r="ED40" s="77">
        <v>5</v>
      </c>
      <c r="EE40" s="74">
        <v>1</v>
      </c>
      <c r="EF40" s="75">
        <v>1</v>
      </c>
      <c r="EG40" s="76">
        <v>2</v>
      </c>
      <c r="EH40" s="245"/>
      <c r="EI40" s="75">
        <v>2</v>
      </c>
      <c r="EJ40" s="75">
        <v>2</v>
      </c>
      <c r="EK40" s="75">
        <v>3</v>
      </c>
      <c r="EL40" s="75">
        <v>3</v>
      </c>
      <c r="EM40" s="75">
        <v>1</v>
      </c>
      <c r="EN40" s="76">
        <v>11</v>
      </c>
      <c r="EO40" s="77">
        <v>13</v>
      </c>
      <c r="EP40" s="74">
        <v>5</v>
      </c>
      <c r="EQ40" s="75">
        <v>1</v>
      </c>
      <c r="ER40" s="76">
        <v>6</v>
      </c>
      <c r="ES40" s="245"/>
      <c r="ET40" s="75">
        <v>6</v>
      </c>
      <c r="EU40" s="75">
        <v>6</v>
      </c>
      <c r="EV40" s="75">
        <v>4</v>
      </c>
      <c r="EW40" s="75">
        <v>1</v>
      </c>
      <c r="EX40" s="75">
        <v>1</v>
      </c>
      <c r="EY40" s="76">
        <v>18</v>
      </c>
      <c r="EZ40" s="77">
        <v>24</v>
      </c>
      <c r="FA40" s="74">
        <v>5</v>
      </c>
      <c r="FB40" s="75">
        <v>2</v>
      </c>
      <c r="FC40" s="76">
        <v>7</v>
      </c>
      <c r="FD40" s="245"/>
      <c r="FE40" s="75">
        <v>10</v>
      </c>
      <c r="FF40" s="75">
        <v>4</v>
      </c>
      <c r="FG40" s="75">
        <v>10</v>
      </c>
      <c r="FH40" s="75">
        <v>2</v>
      </c>
      <c r="FI40" s="75">
        <v>2</v>
      </c>
      <c r="FJ40" s="76">
        <v>28</v>
      </c>
      <c r="FK40" s="77">
        <v>35</v>
      </c>
      <c r="FL40" s="74">
        <v>1</v>
      </c>
      <c r="FM40" s="75">
        <v>1</v>
      </c>
      <c r="FN40" s="76">
        <v>2</v>
      </c>
      <c r="FO40" s="245"/>
      <c r="FP40" s="75">
        <v>5</v>
      </c>
      <c r="FQ40" s="75">
        <v>3</v>
      </c>
      <c r="FR40" s="75">
        <v>9</v>
      </c>
      <c r="FS40" s="75">
        <v>7</v>
      </c>
      <c r="FT40" s="75">
        <v>3</v>
      </c>
      <c r="FU40" s="76">
        <v>27</v>
      </c>
      <c r="FV40" s="77">
        <v>29</v>
      </c>
      <c r="FW40" s="74">
        <v>0</v>
      </c>
      <c r="FX40" s="75">
        <v>0</v>
      </c>
      <c r="FY40" s="76">
        <v>0</v>
      </c>
      <c r="FZ40" s="245"/>
      <c r="GA40" s="75">
        <v>0</v>
      </c>
      <c r="GB40" s="75">
        <v>1</v>
      </c>
      <c r="GC40" s="75">
        <v>1</v>
      </c>
      <c r="GD40" s="75">
        <v>0</v>
      </c>
      <c r="GE40" s="75">
        <v>0</v>
      </c>
      <c r="GF40" s="76">
        <v>2</v>
      </c>
      <c r="GG40" s="77">
        <v>2</v>
      </c>
      <c r="GH40" s="74">
        <v>13</v>
      </c>
      <c r="GI40" s="75">
        <v>5</v>
      </c>
      <c r="GJ40" s="76">
        <v>18</v>
      </c>
      <c r="GK40" s="245"/>
      <c r="GL40" s="75">
        <v>24</v>
      </c>
      <c r="GM40" s="75">
        <v>17</v>
      </c>
      <c r="GN40" s="75">
        <v>29</v>
      </c>
      <c r="GO40" s="75">
        <v>14</v>
      </c>
      <c r="GP40" s="75">
        <v>9</v>
      </c>
      <c r="GQ40" s="76">
        <v>93</v>
      </c>
      <c r="GR40" s="77">
        <v>111</v>
      </c>
      <c r="GS40" s="124">
        <v>15</v>
      </c>
      <c r="GT40" s="87">
        <v>10</v>
      </c>
      <c r="GU40" s="88">
        <v>25</v>
      </c>
      <c r="GV40" s="242"/>
      <c r="GW40" s="87">
        <v>34</v>
      </c>
      <c r="GX40" s="87">
        <v>17</v>
      </c>
      <c r="GY40" s="87">
        <v>41</v>
      </c>
      <c r="GZ40" s="87">
        <v>20</v>
      </c>
      <c r="HA40" s="87">
        <v>15</v>
      </c>
      <c r="HB40" s="89">
        <v>127</v>
      </c>
      <c r="HC40" s="90">
        <v>152</v>
      </c>
      <c r="HD40" s="74">
        <v>0</v>
      </c>
      <c r="HE40" s="75">
        <v>1</v>
      </c>
      <c r="HF40" s="76">
        <v>1</v>
      </c>
      <c r="HG40" s="245"/>
      <c r="HH40" s="75">
        <v>2</v>
      </c>
      <c r="HI40" s="75">
        <v>0</v>
      </c>
      <c r="HJ40" s="75">
        <v>1</v>
      </c>
      <c r="HK40" s="75">
        <v>1</v>
      </c>
      <c r="HL40" s="75">
        <v>3</v>
      </c>
      <c r="HM40" s="76">
        <v>7</v>
      </c>
      <c r="HN40" s="77">
        <v>8</v>
      </c>
      <c r="HO40" s="74">
        <v>1</v>
      </c>
      <c r="HP40" s="75">
        <v>1</v>
      </c>
      <c r="HQ40" s="76">
        <v>2</v>
      </c>
      <c r="HR40" s="245"/>
      <c r="HS40" s="75">
        <v>1</v>
      </c>
      <c r="HT40" s="75">
        <v>1</v>
      </c>
      <c r="HU40" s="75">
        <v>5</v>
      </c>
      <c r="HV40" s="75">
        <v>1</v>
      </c>
      <c r="HW40" s="75">
        <v>0</v>
      </c>
      <c r="HX40" s="76">
        <v>8</v>
      </c>
      <c r="HY40" s="77">
        <v>10</v>
      </c>
      <c r="HZ40" s="74">
        <v>1</v>
      </c>
      <c r="IA40" s="75">
        <v>2</v>
      </c>
      <c r="IB40" s="76">
        <v>3</v>
      </c>
      <c r="IC40" s="245"/>
      <c r="ID40" s="75">
        <v>3</v>
      </c>
      <c r="IE40" s="75">
        <v>2</v>
      </c>
      <c r="IF40" s="75">
        <v>5</v>
      </c>
      <c r="IG40" s="75">
        <v>4</v>
      </c>
      <c r="IH40" s="75">
        <v>2</v>
      </c>
      <c r="II40" s="76">
        <v>16</v>
      </c>
      <c r="IJ40" s="77">
        <v>19</v>
      </c>
      <c r="IK40" s="74">
        <v>7</v>
      </c>
      <c r="IL40" s="75">
        <v>2</v>
      </c>
      <c r="IM40" s="76">
        <v>9</v>
      </c>
      <c r="IN40" s="245"/>
      <c r="IO40" s="75">
        <v>9</v>
      </c>
      <c r="IP40" s="75">
        <v>6</v>
      </c>
      <c r="IQ40" s="75">
        <v>7</v>
      </c>
      <c r="IR40" s="75">
        <v>2</v>
      </c>
      <c r="IS40" s="75">
        <v>3</v>
      </c>
      <c r="IT40" s="76">
        <v>27</v>
      </c>
      <c r="IU40" s="77">
        <v>36</v>
      </c>
      <c r="IV40" s="74">
        <v>5</v>
      </c>
      <c r="IW40" s="75">
        <v>3</v>
      </c>
      <c r="IX40" s="76">
        <v>8</v>
      </c>
      <c r="IY40" s="245"/>
      <c r="IZ40" s="75">
        <v>11</v>
      </c>
      <c r="JA40" s="75">
        <v>5</v>
      </c>
      <c r="JB40" s="75">
        <v>12</v>
      </c>
      <c r="JC40" s="75">
        <v>5</v>
      </c>
      <c r="JD40" s="75">
        <v>3</v>
      </c>
      <c r="JE40" s="76">
        <v>36</v>
      </c>
      <c r="JF40" s="77">
        <v>44</v>
      </c>
      <c r="JG40" s="74">
        <v>1</v>
      </c>
      <c r="JH40" s="75">
        <v>1</v>
      </c>
      <c r="JI40" s="76">
        <v>2</v>
      </c>
      <c r="JJ40" s="245"/>
      <c r="JK40" s="75">
        <v>8</v>
      </c>
      <c r="JL40" s="75">
        <v>3</v>
      </c>
      <c r="JM40" s="75">
        <v>11</v>
      </c>
      <c r="JN40" s="75">
        <v>7</v>
      </c>
      <c r="JO40" s="75">
        <v>4</v>
      </c>
      <c r="JP40" s="76">
        <v>33</v>
      </c>
      <c r="JQ40" s="77">
        <v>35</v>
      </c>
      <c r="JR40" s="74">
        <v>0</v>
      </c>
      <c r="JS40" s="75">
        <v>0</v>
      </c>
      <c r="JT40" s="76">
        <v>0</v>
      </c>
      <c r="JU40" s="245"/>
      <c r="JV40" s="75">
        <v>1</v>
      </c>
      <c r="JW40" s="75">
        <v>1</v>
      </c>
      <c r="JX40" s="75">
        <v>1</v>
      </c>
      <c r="JY40" s="75">
        <v>1</v>
      </c>
      <c r="JZ40" s="75">
        <v>0</v>
      </c>
      <c r="KA40" s="76">
        <v>4</v>
      </c>
      <c r="KB40" s="77">
        <v>4</v>
      </c>
      <c r="KC40" s="74">
        <v>15</v>
      </c>
      <c r="KD40" s="75">
        <v>10</v>
      </c>
      <c r="KE40" s="76">
        <v>25</v>
      </c>
      <c r="KF40" s="245"/>
      <c r="KG40" s="75">
        <v>35</v>
      </c>
      <c r="KH40" s="75">
        <v>18</v>
      </c>
      <c r="KI40" s="75">
        <v>42</v>
      </c>
      <c r="KJ40" s="75">
        <v>21</v>
      </c>
      <c r="KK40" s="75">
        <v>15</v>
      </c>
      <c r="KL40" s="76">
        <v>131</v>
      </c>
      <c r="KM40" s="77">
        <v>156</v>
      </c>
    </row>
    <row r="41" spans="2:299" ht="32.25" customHeight="1" x14ac:dyDescent="0.2">
      <c r="C41" s="310" t="s">
        <v>126</v>
      </c>
    </row>
  </sheetData>
  <mergeCells count="36">
    <mergeCell ref="I1:J1"/>
    <mergeCell ref="CB4:CL5"/>
    <mergeCell ref="CM4:CW5"/>
    <mergeCell ref="C5:M5"/>
    <mergeCell ref="N5:X5"/>
    <mergeCell ref="Y5:AI5"/>
    <mergeCell ref="AJ5:AT5"/>
    <mergeCell ref="AU5:BE5"/>
    <mergeCell ref="BF5:BP5"/>
    <mergeCell ref="BQ5:CA5"/>
    <mergeCell ref="C3:CW3"/>
    <mergeCell ref="C4:CA4"/>
    <mergeCell ref="F1:G1"/>
    <mergeCell ref="B3:B5"/>
    <mergeCell ref="CX3:GR3"/>
    <mergeCell ref="CX4:FV4"/>
    <mergeCell ref="FW4:GG5"/>
    <mergeCell ref="GH4:GR5"/>
    <mergeCell ref="CX5:DH5"/>
    <mergeCell ref="DI5:DS5"/>
    <mergeCell ref="DT5:ED5"/>
    <mergeCell ref="EE5:EO5"/>
    <mergeCell ref="EP5:EZ5"/>
    <mergeCell ref="FA5:FK5"/>
    <mergeCell ref="FL5:FV5"/>
    <mergeCell ref="GS3:KM3"/>
    <mergeCell ref="GS4:JQ4"/>
    <mergeCell ref="JR4:KB5"/>
    <mergeCell ref="KC4:KM5"/>
    <mergeCell ref="GS5:HC5"/>
    <mergeCell ref="HD5:HN5"/>
    <mergeCell ref="HO5:HY5"/>
    <mergeCell ref="HZ5:IJ5"/>
    <mergeCell ref="IK5:IU5"/>
    <mergeCell ref="IV5:JF5"/>
    <mergeCell ref="JG5:JQ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7" width="9" style="1"/>
    <col min="8" max="8" width="9.6640625" style="1" bestFit="1" customWidth="1"/>
    <col min="9" max="9" width="9.109375" style="1" bestFit="1" customWidth="1"/>
    <col min="10"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500">
        <f>第１表!F2</f>
        <v>4</v>
      </c>
      <c r="I1" s="246">
        <f>第１表!G2</f>
        <v>12</v>
      </c>
      <c r="J1" s="565">
        <f>IF(I1&lt;3,I1-2+12,I1-2)</f>
        <v>10</v>
      </c>
      <c r="K1" s="565"/>
    </row>
    <row r="2" spans="2:43" ht="24" customHeight="1" thickBot="1" x14ac:dyDescent="0.25">
      <c r="B2" s="20" t="s">
        <v>158</v>
      </c>
      <c r="F2" s="20" t="s">
        <v>140</v>
      </c>
    </row>
    <row r="3" spans="2:43" ht="21" customHeight="1" x14ac:dyDescent="0.2">
      <c r="B3" s="611"/>
      <c r="C3" s="601" t="s">
        <v>57</v>
      </c>
      <c r="D3" s="602"/>
      <c r="E3" s="602"/>
      <c r="F3" s="602"/>
      <c r="G3" s="602"/>
      <c r="H3" s="602"/>
      <c r="I3" s="602"/>
      <c r="J3" s="602"/>
      <c r="K3" s="602"/>
      <c r="L3" s="602"/>
      <c r="M3" s="601" t="s">
        <v>58</v>
      </c>
      <c r="N3" s="614"/>
      <c r="O3" s="614"/>
      <c r="P3" s="614"/>
      <c r="Q3" s="614"/>
      <c r="R3" s="614"/>
      <c r="S3" s="614"/>
      <c r="T3" s="614"/>
      <c r="U3" s="614"/>
      <c r="V3" s="614"/>
      <c r="W3" s="601" t="s">
        <v>59</v>
      </c>
      <c r="X3" s="602"/>
      <c r="Y3" s="602"/>
      <c r="Z3" s="602"/>
      <c r="AA3" s="602"/>
      <c r="AB3" s="602"/>
      <c r="AC3" s="602"/>
      <c r="AD3" s="602"/>
      <c r="AE3" s="602"/>
      <c r="AF3" s="602"/>
      <c r="AG3" s="610" t="s">
        <v>151</v>
      </c>
      <c r="AH3" s="602"/>
      <c r="AI3" s="602"/>
      <c r="AJ3" s="602"/>
      <c r="AK3" s="602"/>
      <c r="AL3" s="602"/>
      <c r="AM3" s="602"/>
      <c r="AN3" s="602"/>
      <c r="AO3" s="602"/>
      <c r="AP3" s="603"/>
    </row>
    <row r="4" spans="2:43" ht="21" customHeight="1" x14ac:dyDescent="0.2">
      <c r="B4" s="613"/>
      <c r="C4" s="583" t="s">
        <v>61</v>
      </c>
      <c r="D4" s="584"/>
      <c r="E4" s="585"/>
      <c r="F4" s="586" t="s">
        <v>62</v>
      </c>
      <c r="G4" s="587"/>
      <c r="H4" s="587"/>
      <c r="I4" s="587"/>
      <c r="J4" s="587"/>
      <c r="K4" s="588"/>
      <c r="L4" s="598" t="s">
        <v>52</v>
      </c>
      <c r="M4" s="583" t="s">
        <v>61</v>
      </c>
      <c r="N4" s="584"/>
      <c r="O4" s="585"/>
      <c r="P4" s="586" t="s">
        <v>62</v>
      </c>
      <c r="Q4" s="587"/>
      <c r="R4" s="587"/>
      <c r="S4" s="587"/>
      <c r="T4" s="587"/>
      <c r="U4" s="588"/>
      <c r="V4" s="589" t="s">
        <v>52</v>
      </c>
      <c r="W4" s="583" t="s">
        <v>61</v>
      </c>
      <c r="X4" s="584"/>
      <c r="Y4" s="585"/>
      <c r="Z4" s="586" t="s">
        <v>62</v>
      </c>
      <c r="AA4" s="587"/>
      <c r="AB4" s="587"/>
      <c r="AC4" s="587"/>
      <c r="AD4" s="587"/>
      <c r="AE4" s="588"/>
      <c r="AF4" s="598" t="s">
        <v>52</v>
      </c>
      <c r="AG4" s="583" t="s">
        <v>61</v>
      </c>
      <c r="AH4" s="584"/>
      <c r="AI4" s="585"/>
      <c r="AJ4" s="586" t="s">
        <v>62</v>
      </c>
      <c r="AK4" s="587"/>
      <c r="AL4" s="587"/>
      <c r="AM4" s="587"/>
      <c r="AN4" s="587"/>
      <c r="AO4" s="588"/>
      <c r="AP4" s="589" t="s">
        <v>52</v>
      </c>
    </row>
    <row r="5" spans="2:43" ht="30" customHeight="1" thickBot="1" x14ac:dyDescent="0.25">
      <c r="B5" s="362" t="s">
        <v>42</v>
      </c>
      <c r="C5" s="31" t="s">
        <v>43</v>
      </c>
      <c r="D5" s="32" t="s">
        <v>44</v>
      </c>
      <c r="E5" s="32" t="s">
        <v>45</v>
      </c>
      <c r="F5" s="33" t="s">
        <v>47</v>
      </c>
      <c r="G5" s="34" t="s">
        <v>48</v>
      </c>
      <c r="H5" s="34" t="s">
        <v>49</v>
      </c>
      <c r="I5" s="35" t="s">
        <v>50</v>
      </c>
      <c r="J5" s="32" t="s">
        <v>51</v>
      </c>
      <c r="K5" s="36" t="s">
        <v>95</v>
      </c>
      <c r="L5" s="599"/>
      <c r="M5" s="31" t="s">
        <v>43</v>
      </c>
      <c r="N5" s="32" t="s">
        <v>44</v>
      </c>
      <c r="O5" s="36" t="s">
        <v>45</v>
      </c>
      <c r="P5" s="15" t="s">
        <v>47</v>
      </c>
      <c r="Q5" s="34" t="s">
        <v>48</v>
      </c>
      <c r="R5" s="34" t="s">
        <v>49</v>
      </c>
      <c r="S5" s="35" t="s">
        <v>50</v>
      </c>
      <c r="T5" s="32" t="s">
        <v>51</v>
      </c>
      <c r="U5" s="36" t="s">
        <v>45</v>
      </c>
      <c r="V5" s="590"/>
      <c r="W5" s="31" t="s">
        <v>43</v>
      </c>
      <c r="X5" s="32" t="s">
        <v>44</v>
      </c>
      <c r="Y5" s="32" t="s">
        <v>45</v>
      </c>
      <c r="Z5" s="33" t="s">
        <v>47</v>
      </c>
      <c r="AA5" s="34" t="s">
        <v>48</v>
      </c>
      <c r="AB5" s="34" t="s">
        <v>49</v>
      </c>
      <c r="AC5" s="35" t="s">
        <v>50</v>
      </c>
      <c r="AD5" s="32" t="s">
        <v>51</v>
      </c>
      <c r="AE5" s="36" t="s">
        <v>45</v>
      </c>
      <c r="AF5" s="599"/>
      <c r="AG5" s="31" t="s">
        <v>43</v>
      </c>
      <c r="AH5" s="32" t="s">
        <v>44</v>
      </c>
      <c r="AI5" s="32" t="s">
        <v>45</v>
      </c>
      <c r="AJ5" s="33" t="s">
        <v>47</v>
      </c>
      <c r="AK5" s="34" t="s">
        <v>48</v>
      </c>
      <c r="AL5" s="34" t="s">
        <v>49</v>
      </c>
      <c r="AM5" s="35" t="s">
        <v>50</v>
      </c>
      <c r="AN5" s="32" t="s">
        <v>51</v>
      </c>
      <c r="AO5" s="36" t="s">
        <v>45</v>
      </c>
      <c r="AP5" s="590"/>
    </row>
    <row r="6" spans="2:43" ht="21" customHeight="1" x14ac:dyDescent="0.2">
      <c r="B6" s="361" t="s">
        <v>4</v>
      </c>
      <c r="C6" s="185">
        <v>0</v>
      </c>
      <c r="D6" s="186">
        <v>0</v>
      </c>
      <c r="E6" s="186">
        <v>0</v>
      </c>
      <c r="F6" s="187">
        <v>15</v>
      </c>
      <c r="G6" s="188">
        <v>61</v>
      </c>
      <c r="H6" s="188">
        <v>456</v>
      </c>
      <c r="I6" s="188">
        <v>662</v>
      </c>
      <c r="J6" s="186">
        <v>379</v>
      </c>
      <c r="K6" s="189">
        <v>1573</v>
      </c>
      <c r="L6" s="190">
        <v>1573</v>
      </c>
      <c r="M6" s="185">
        <v>0</v>
      </c>
      <c r="N6" s="186">
        <v>0</v>
      </c>
      <c r="O6" s="189">
        <v>0</v>
      </c>
      <c r="P6" s="192">
        <v>86</v>
      </c>
      <c r="Q6" s="188">
        <v>191</v>
      </c>
      <c r="R6" s="188">
        <v>280</v>
      </c>
      <c r="S6" s="188">
        <v>323</v>
      </c>
      <c r="T6" s="186">
        <v>176</v>
      </c>
      <c r="U6" s="189">
        <v>1056</v>
      </c>
      <c r="V6" s="193">
        <v>1056</v>
      </c>
      <c r="W6" s="192">
        <v>0</v>
      </c>
      <c r="X6" s="186">
        <v>0</v>
      </c>
      <c r="Y6" s="186">
        <v>0</v>
      </c>
      <c r="Z6" s="187">
        <v>0</v>
      </c>
      <c r="AA6" s="188">
        <v>0</v>
      </c>
      <c r="AB6" s="188">
        <v>1</v>
      </c>
      <c r="AC6" s="188">
        <v>11</v>
      </c>
      <c r="AD6" s="186">
        <v>14</v>
      </c>
      <c r="AE6" s="189">
        <v>26</v>
      </c>
      <c r="AF6" s="190">
        <v>26</v>
      </c>
      <c r="AG6" s="185">
        <v>0</v>
      </c>
      <c r="AH6" s="186">
        <v>0</v>
      </c>
      <c r="AI6" s="186">
        <v>0</v>
      </c>
      <c r="AJ6" s="187">
        <v>0</v>
      </c>
      <c r="AK6" s="188">
        <v>2</v>
      </c>
      <c r="AL6" s="188">
        <v>2</v>
      </c>
      <c r="AM6" s="188">
        <v>19</v>
      </c>
      <c r="AN6" s="186">
        <v>22</v>
      </c>
      <c r="AO6" s="189">
        <v>45</v>
      </c>
      <c r="AP6" s="191">
        <v>45</v>
      </c>
      <c r="AQ6" s="37"/>
    </row>
    <row r="7" spans="2:43" ht="21" customHeight="1" x14ac:dyDescent="0.2">
      <c r="B7" s="62" t="s">
        <v>5</v>
      </c>
      <c r="C7" s="194">
        <v>0</v>
      </c>
      <c r="D7" s="195">
        <v>0</v>
      </c>
      <c r="E7" s="195">
        <v>0</v>
      </c>
      <c r="F7" s="196">
        <v>8</v>
      </c>
      <c r="G7" s="197">
        <v>43</v>
      </c>
      <c r="H7" s="197">
        <v>235</v>
      </c>
      <c r="I7" s="197">
        <v>278</v>
      </c>
      <c r="J7" s="195">
        <v>169</v>
      </c>
      <c r="K7" s="198">
        <v>733</v>
      </c>
      <c r="L7" s="199">
        <v>733</v>
      </c>
      <c r="M7" s="194">
        <v>0</v>
      </c>
      <c r="N7" s="195">
        <v>0</v>
      </c>
      <c r="O7" s="198">
        <v>0</v>
      </c>
      <c r="P7" s="201">
        <v>34</v>
      </c>
      <c r="Q7" s="197">
        <v>99</v>
      </c>
      <c r="R7" s="197">
        <v>141</v>
      </c>
      <c r="S7" s="197">
        <v>163</v>
      </c>
      <c r="T7" s="195">
        <v>95</v>
      </c>
      <c r="U7" s="198">
        <v>532</v>
      </c>
      <c r="V7" s="202">
        <v>532</v>
      </c>
      <c r="W7" s="201">
        <v>0</v>
      </c>
      <c r="X7" s="195">
        <v>0</v>
      </c>
      <c r="Y7" s="195">
        <v>0</v>
      </c>
      <c r="Z7" s="196">
        <v>0</v>
      </c>
      <c r="AA7" s="197">
        <v>0</v>
      </c>
      <c r="AB7" s="197">
        <v>0</v>
      </c>
      <c r="AC7" s="197">
        <v>3</v>
      </c>
      <c r="AD7" s="195">
        <v>4</v>
      </c>
      <c r="AE7" s="198">
        <v>7</v>
      </c>
      <c r="AF7" s="199">
        <v>7</v>
      </c>
      <c r="AG7" s="194">
        <v>0</v>
      </c>
      <c r="AH7" s="195">
        <v>0</v>
      </c>
      <c r="AI7" s="195">
        <v>0</v>
      </c>
      <c r="AJ7" s="196">
        <v>0</v>
      </c>
      <c r="AK7" s="197">
        <v>0</v>
      </c>
      <c r="AL7" s="197">
        <v>2</v>
      </c>
      <c r="AM7" s="197">
        <v>5</v>
      </c>
      <c r="AN7" s="195">
        <v>8</v>
      </c>
      <c r="AO7" s="198">
        <v>15</v>
      </c>
      <c r="AP7" s="200">
        <v>15</v>
      </c>
      <c r="AQ7" s="37"/>
    </row>
    <row r="8" spans="2:43" ht="21" customHeight="1" x14ac:dyDescent="0.2">
      <c r="B8" s="62" t="s">
        <v>6</v>
      </c>
      <c r="C8" s="194">
        <v>0</v>
      </c>
      <c r="D8" s="195">
        <v>0</v>
      </c>
      <c r="E8" s="195">
        <v>0</v>
      </c>
      <c r="F8" s="196">
        <v>1</v>
      </c>
      <c r="G8" s="197">
        <v>6</v>
      </c>
      <c r="H8" s="197">
        <v>44</v>
      </c>
      <c r="I8" s="197">
        <v>55</v>
      </c>
      <c r="J8" s="195">
        <v>47</v>
      </c>
      <c r="K8" s="198">
        <v>153</v>
      </c>
      <c r="L8" s="199">
        <v>153</v>
      </c>
      <c r="M8" s="194">
        <v>0</v>
      </c>
      <c r="N8" s="195">
        <v>0</v>
      </c>
      <c r="O8" s="198">
        <v>0</v>
      </c>
      <c r="P8" s="201">
        <v>10</v>
      </c>
      <c r="Q8" s="197">
        <v>22</v>
      </c>
      <c r="R8" s="197">
        <v>28</v>
      </c>
      <c r="S8" s="197">
        <v>29</v>
      </c>
      <c r="T8" s="195">
        <v>24</v>
      </c>
      <c r="U8" s="198">
        <v>113</v>
      </c>
      <c r="V8" s="202">
        <v>113</v>
      </c>
      <c r="W8" s="201">
        <v>0</v>
      </c>
      <c r="X8" s="195">
        <v>0</v>
      </c>
      <c r="Y8" s="195">
        <v>0</v>
      </c>
      <c r="Z8" s="196">
        <v>0</v>
      </c>
      <c r="AA8" s="197">
        <v>0</v>
      </c>
      <c r="AB8" s="197">
        <v>1</v>
      </c>
      <c r="AC8" s="197">
        <v>7</v>
      </c>
      <c r="AD8" s="195">
        <v>9</v>
      </c>
      <c r="AE8" s="198">
        <v>17</v>
      </c>
      <c r="AF8" s="199">
        <v>17</v>
      </c>
      <c r="AG8" s="194">
        <v>0</v>
      </c>
      <c r="AH8" s="195">
        <v>0</v>
      </c>
      <c r="AI8" s="195">
        <v>0</v>
      </c>
      <c r="AJ8" s="196">
        <v>0</v>
      </c>
      <c r="AK8" s="197">
        <v>0</v>
      </c>
      <c r="AL8" s="197">
        <v>0</v>
      </c>
      <c r="AM8" s="197">
        <v>3</v>
      </c>
      <c r="AN8" s="195">
        <v>5</v>
      </c>
      <c r="AO8" s="198">
        <v>8</v>
      </c>
      <c r="AP8" s="200">
        <v>8</v>
      </c>
      <c r="AQ8" s="37"/>
    </row>
    <row r="9" spans="2:43" ht="21" customHeight="1" x14ac:dyDescent="0.2">
      <c r="B9" s="62" t="s">
        <v>14</v>
      </c>
      <c r="C9" s="194">
        <v>0</v>
      </c>
      <c r="D9" s="195">
        <v>0</v>
      </c>
      <c r="E9" s="195">
        <v>0</v>
      </c>
      <c r="F9" s="196">
        <v>1</v>
      </c>
      <c r="G9" s="197">
        <v>0</v>
      </c>
      <c r="H9" s="197">
        <v>28</v>
      </c>
      <c r="I9" s="197">
        <v>58</v>
      </c>
      <c r="J9" s="195">
        <v>28</v>
      </c>
      <c r="K9" s="198">
        <v>115</v>
      </c>
      <c r="L9" s="199">
        <v>115</v>
      </c>
      <c r="M9" s="194">
        <v>0</v>
      </c>
      <c r="N9" s="195">
        <v>0</v>
      </c>
      <c r="O9" s="198">
        <v>0</v>
      </c>
      <c r="P9" s="201">
        <v>1</v>
      </c>
      <c r="Q9" s="197">
        <v>7</v>
      </c>
      <c r="R9" s="197">
        <v>14</v>
      </c>
      <c r="S9" s="197">
        <v>17</v>
      </c>
      <c r="T9" s="195">
        <v>5</v>
      </c>
      <c r="U9" s="198">
        <v>44</v>
      </c>
      <c r="V9" s="202">
        <v>44</v>
      </c>
      <c r="W9" s="201">
        <v>0</v>
      </c>
      <c r="X9" s="195">
        <v>0</v>
      </c>
      <c r="Y9" s="195">
        <v>0</v>
      </c>
      <c r="Z9" s="196">
        <v>0</v>
      </c>
      <c r="AA9" s="197">
        <v>0</v>
      </c>
      <c r="AB9" s="197">
        <v>0</v>
      </c>
      <c r="AC9" s="197">
        <v>1</v>
      </c>
      <c r="AD9" s="195">
        <v>1</v>
      </c>
      <c r="AE9" s="198">
        <v>2</v>
      </c>
      <c r="AF9" s="199">
        <v>2</v>
      </c>
      <c r="AG9" s="194">
        <v>0</v>
      </c>
      <c r="AH9" s="195">
        <v>0</v>
      </c>
      <c r="AI9" s="195">
        <v>0</v>
      </c>
      <c r="AJ9" s="196">
        <v>0</v>
      </c>
      <c r="AK9" s="197">
        <v>0</v>
      </c>
      <c r="AL9" s="197">
        <v>0</v>
      </c>
      <c r="AM9" s="197">
        <v>4</v>
      </c>
      <c r="AN9" s="195">
        <v>3</v>
      </c>
      <c r="AO9" s="198">
        <v>7</v>
      </c>
      <c r="AP9" s="200">
        <v>7</v>
      </c>
      <c r="AQ9" s="37"/>
    </row>
    <row r="10" spans="2:43" ht="21" customHeight="1" x14ac:dyDescent="0.2">
      <c r="B10" s="62" t="s">
        <v>7</v>
      </c>
      <c r="C10" s="194">
        <v>0</v>
      </c>
      <c r="D10" s="195">
        <v>0</v>
      </c>
      <c r="E10" s="195">
        <v>0</v>
      </c>
      <c r="F10" s="196">
        <v>0</v>
      </c>
      <c r="G10" s="197">
        <v>3</v>
      </c>
      <c r="H10" s="197">
        <v>21</v>
      </c>
      <c r="I10" s="197">
        <v>55</v>
      </c>
      <c r="J10" s="195">
        <v>29</v>
      </c>
      <c r="K10" s="198">
        <v>108</v>
      </c>
      <c r="L10" s="199">
        <v>108</v>
      </c>
      <c r="M10" s="194">
        <v>0</v>
      </c>
      <c r="N10" s="195">
        <v>0</v>
      </c>
      <c r="O10" s="198">
        <v>0</v>
      </c>
      <c r="P10" s="201">
        <v>9</v>
      </c>
      <c r="Q10" s="197">
        <v>15</v>
      </c>
      <c r="R10" s="197">
        <v>12</v>
      </c>
      <c r="S10" s="197">
        <v>27</v>
      </c>
      <c r="T10" s="195">
        <v>9</v>
      </c>
      <c r="U10" s="198">
        <v>72</v>
      </c>
      <c r="V10" s="202">
        <v>72</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2</v>
      </c>
      <c r="G11" s="197">
        <v>2</v>
      </c>
      <c r="H11" s="197">
        <v>12</v>
      </c>
      <c r="I11" s="197">
        <v>9</v>
      </c>
      <c r="J11" s="195">
        <v>8</v>
      </c>
      <c r="K11" s="198">
        <v>33</v>
      </c>
      <c r="L11" s="199">
        <v>33</v>
      </c>
      <c r="M11" s="194">
        <v>0</v>
      </c>
      <c r="N11" s="195">
        <v>0</v>
      </c>
      <c r="O11" s="198">
        <v>0</v>
      </c>
      <c r="P11" s="201">
        <v>2</v>
      </c>
      <c r="Q11" s="197">
        <v>4</v>
      </c>
      <c r="R11" s="197">
        <v>6</v>
      </c>
      <c r="S11" s="197">
        <v>7</v>
      </c>
      <c r="T11" s="195">
        <v>0</v>
      </c>
      <c r="U11" s="198">
        <v>19</v>
      </c>
      <c r="V11" s="202">
        <v>19</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2</v>
      </c>
      <c r="AN11" s="195">
        <v>0</v>
      </c>
      <c r="AO11" s="198">
        <v>2</v>
      </c>
      <c r="AP11" s="200">
        <v>2</v>
      </c>
      <c r="AQ11" s="37"/>
    </row>
    <row r="12" spans="2:43" ht="21" customHeight="1" x14ac:dyDescent="0.2">
      <c r="B12" s="62" t="s">
        <v>9</v>
      </c>
      <c r="C12" s="194">
        <v>0</v>
      </c>
      <c r="D12" s="195">
        <v>0</v>
      </c>
      <c r="E12" s="195">
        <v>0</v>
      </c>
      <c r="F12" s="196">
        <v>0</v>
      </c>
      <c r="G12" s="197">
        <v>1</v>
      </c>
      <c r="H12" s="197">
        <v>12</v>
      </c>
      <c r="I12" s="197">
        <v>26</v>
      </c>
      <c r="J12" s="195">
        <v>12</v>
      </c>
      <c r="K12" s="198">
        <v>51</v>
      </c>
      <c r="L12" s="199">
        <v>51</v>
      </c>
      <c r="M12" s="194">
        <v>0</v>
      </c>
      <c r="N12" s="195">
        <v>0</v>
      </c>
      <c r="O12" s="198">
        <v>0</v>
      </c>
      <c r="P12" s="201">
        <v>3</v>
      </c>
      <c r="Q12" s="197">
        <v>4</v>
      </c>
      <c r="R12" s="197">
        <v>2</v>
      </c>
      <c r="S12" s="197">
        <v>8</v>
      </c>
      <c r="T12" s="195">
        <v>3</v>
      </c>
      <c r="U12" s="198">
        <v>20</v>
      </c>
      <c r="V12" s="202">
        <v>20</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1</v>
      </c>
      <c r="AN12" s="195">
        <v>0</v>
      </c>
      <c r="AO12" s="198">
        <v>1</v>
      </c>
      <c r="AP12" s="200">
        <v>1</v>
      </c>
      <c r="AQ12" s="37"/>
    </row>
    <row r="13" spans="2:43" ht="21" customHeight="1" x14ac:dyDescent="0.2">
      <c r="B13" s="62" t="s">
        <v>10</v>
      </c>
      <c r="C13" s="194">
        <v>0</v>
      </c>
      <c r="D13" s="195">
        <v>0</v>
      </c>
      <c r="E13" s="195">
        <v>0</v>
      </c>
      <c r="F13" s="196">
        <v>1</v>
      </c>
      <c r="G13" s="197">
        <v>0</v>
      </c>
      <c r="H13" s="197">
        <v>25</v>
      </c>
      <c r="I13" s="197">
        <v>35</v>
      </c>
      <c r="J13" s="195">
        <v>20</v>
      </c>
      <c r="K13" s="198">
        <v>81</v>
      </c>
      <c r="L13" s="199">
        <v>81</v>
      </c>
      <c r="M13" s="194">
        <v>0</v>
      </c>
      <c r="N13" s="195">
        <v>0</v>
      </c>
      <c r="O13" s="198">
        <v>0</v>
      </c>
      <c r="P13" s="201">
        <v>3</v>
      </c>
      <c r="Q13" s="197">
        <v>5</v>
      </c>
      <c r="R13" s="197">
        <v>11</v>
      </c>
      <c r="S13" s="197">
        <v>14</v>
      </c>
      <c r="T13" s="195">
        <v>4</v>
      </c>
      <c r="U13" s="198">
        <v>37</v>
      </c>
      <c r="V13" s="202">
        <v>37</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2</v>
      </c>
      <c r="AO13" s="198">
        <v>2</v>
      </c>
      <c r="AP13" s="200">
        <v>2</v>
      </c>
      <c r="AQ13" s="37"/>
    </row>
    <row r="14" spans="2:43" ht="21" customHeight="1" x14ac:dyDescent="0.2">
      <c r="B14" s="62" t="s">
        <v>11</v>
      </c>
      <c r="C14" s="194">
        <v>0</v>
      </c>
      <c r="D14" s="195">
        <v>0</v>
      </c>
      <c r="E14" s="195">
        <v>0</v>
      </c>
      <c r="F14" s="196">
        <v>0</v>
      </c>
      <c r="G14" s="197">
        <v>0</v>
      </c>
      <c r="H14" s="197">
        <v>7</v>
      </c>
      <c r="I14" s="197">
        <v>17</v>
      </c>
      <c r="J14" s="195">
        <v>4</v>
      </c>
      <c r="K14" s="198">
        <v>28</v>
      </c>
      <c r="L14" s="199">
        <v>28</v>
      </c>
      <c r="M14" s="194">
        <v>0</v>
      </c>
      <c r="N14" s="195">
        <v>0</v>
      </c>
      <c r="O14" s="198">
        <v>0</v>
      </c>
      <c r="P14" s="201">
        <v>1</v>
      </c>
      <c r="Q14" s="197">
        <v>3</v>
      </c>
      <c r="R14" s="197">
        <v>7</v>
      </c>
      <c r="S14" s="197">
        <v>3</v>
      </c>
      <c r="T14" s="195">
        <v>7</v>
      </c>
      <c r="U14" s="198">
        <v>21</v>
      </c>
      <c r="V14" s="202">
        <v>21</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1</v>
      </c>
      <c r="AL14" s="197">
        <v>0</v>
      </c>
      <c r="AM14" s="197">
        <v>0</v>
      </c>
      <c r="AN14" s="195">
        <v>0</v>
      </c>
      <c r="AO14" s="198">
        <v>1</v>
      </c>
      <c r="AP14" s="200">
        <v>1</v>
      </c>
      <c r="AQ14" s="37"/>
    </row>
    <row r="15" spans="2:43" ht="21" customHeight="1" x14ac:dyDescent="0.2">
      <c r="B15" s="62" t="s">
        <v>12</v>
      </c>
      <c r="C15" s="194">
        <v>0</v>
      </c>
      <c r="D15" s="195">
        <v>0</v>
      </c>
      <c r="E15" s="195">
        <v>0</v>
      </c>
      <c r="F15" s="196">
        <v>0</v>
      </c>
      <c r="G15" s="197">
        <v>0</v>
      </c>
      <c r="H15" s="197">
        <v>11</v>
      </c>
      <c r="I15" s="197">
        <v>15</v>
      </c>
      <c r="J15" s="195">
        <v>5</v>
      </c>
      <c r="K15" s="198">
        <v>31</v>
      </c>
      <c r="L15" s="199">
        <v>31</v>
      </c>
      <c r="M15" s="194">
        <v>0</v>
      </c>
      <c r="N15" s="195">
        <v>0</v>
      </c>
      <c r="O15" s="198">
        <v>0</v>
      </c>
      <c r="P15" s="201">
        <v>4</v>
      </c>
      <c r="Q15" s="197">
        <v>3</v>
      </c>
      <c r="R15" s="197">
        <v>7</v>
      </c>
      <c r="S15" s="197">
        <v>11</v>
      </c>
      <c r="T15" s="195">
        <v>4</v>
      </c>
      <c r="U15" s="198">
        <v>29</v>
      </c>
      <c r="V15" s="202">
        <v>29</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2</v>
      </c>
      <c r="AN15" s="195">
        <v>0</v>
      </c>
      <c r="AO15" s="198">
        <v>2</v>
      </c>
      <c r="AP15" s="200">
        <v>2</v>
      </c>
      <c r="AQ15" s="37"/>
    </row>
    <row r="16" spans="2:43" ht="21" customHeight="1" x14ac:dyDescent="0.2">
      <c r="B16" s="62" t="s">
        <v>13</v>
      </c>
      <c r="C16" s="194">
        <v>0</v>
      </c>
      <c r="D16" s="195">
        <v>0</v>
      </c>
      <c r="E16" s="195">
        <v>0</v>
      </c>
      <c r="F16" s="196">
        <v>1</v>
      </c>
      <c r="G16" s="197">
        <v>0</v>
      </c>
      <c r="H16" s="197">
        <v>2</v>
      </c>
      <c r="I16" s="197">
        <v>10</v>
      </c>
      <c r="J16" s="195">
        <v>6</v>
      </c>
      <c r="K16" s="198">
        <v>19</v>
      </c>
      <c r="L16" s="199">
        <v>19</v>
      </c>
      <c r="M16" s="194">
        <v>0</v>
      </c>
      <c r="N16" s="195">
        <v>0</v>
      </c>
      <c r="O16" s="198">
        <v>0</v>
      </c>
      <c r="P16" s="201">
        <v>1</v>
      </c>
      <c r="Q16" s="197">
        <v>3</v>
      </c>
      <c r="R16" s="197">
        <v>2</v>
      </c>
      <c r="S16" s="197">
        <v>2</v>
      </c>
      <c r="T16" s="195">
        <v>1</v>
      </c>
      <c r="U16" s="198">
        <v>9</v>
      </c>
      <c r="V16" s="202">
        <v>9</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4</v>
      </c>
      <c r="I17" s="197">
        <v>6</v>
      </c>
      <c r="J17" s="195">
        <v>2</v>
      </c>
      <c r="K17" s="198">
        <v>12</v>
      </c>
      <c r="L17" s="199">
        <v>12</v>
      </c>
      <c r="M17" s="194">
        <v>0</v>
      </c>
      <c r="N17" s="195">
        <v>0</v>
      </c>
      <c r="O17" s="198">
        <v>0</v>
      </c>
      <c r="P17" s="201">
        <v>1</v>
      </c>
      <c r="Q17" s="197">
        <v>1</v>
      </c>
      <c r="R17" s="197">
        <v>2</v>
      </c>
      <c r="S17" s="197">
        <v>3</v>
      </c>
      <c r="T17" s="195">
        <v>3</v>
      </c>
      <c r="U17" s="198">
        <v>10</v>
      </c>
      <c r="V17" s="202">
        <v>10</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1</v>
      </c>
      <c r="H18" s="197">
        <v>6</v>
      </c>
      <c r="I18" s="197">
        <v>7</v>
      </c>
      <c r="J18" s="195">
        <v>5</v>
      </c>
      <c r="K18" s="198">
        <v>19</v>
      </c>
      <c r="L18" s="199">
        <v>19</v>
      </c>
      <c r="M18" s="194">
        <v>0</v>
      </c>
      <c r="N18" s="195">
        <v>0</v>
      </c>
      <c r="O18" s="198">
        <v>0</v>
      </c>
      <c r="P18" s="201">
        <v>1</v>
      </c>
      <c r="Q18" s="197">
        <v>4</v>
      </c>
      <c r="R18" s="197">
        <v>4</v>
      </c>
      <c r="S18" s="197">
        <v>4</v>
      </c>
      <c r="T18" s="195">
        <v>2</v>
      </c>
      <c r="U18" s="198">
        <v>15</v>
      </c>
      <c r="V18" s="202">
        <v>15</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0</v>
      </c>
      <c r="AN18" s="195">
        <v>1</v>
      </c>
      <c r="AO18" s="198">
        <v>1</v>
      </c>
      <c r="AP18" s="200">
        <v>1</v>
      </c>
      <c r="AQ18" s="37"/>
    </row>
    <row r="19" spans="2:43" ht="21" customHeight="1" x14ac:dyDescent="0.2">
      <c r="B19" s="62" t="s">
        <v>17</v>
      </c>
      <c r="C19" s="194">
        <v>0</v>
      </c>
      <c r="D19" s="195">
        <v>0</v>
      </c>
      <c r="E19" s="195">
        <v>0</v>
      </c>
      <c r="F19" s="196">
        <v>0</v>
      </c>
      <c r="G19" s="197">
        <v>1</v>
      </c>
      <c r="H19" s="197">
        <v>9</v>
      </c>
      <c r="I19" s="197">
        <v>16</v>
      </c>
      <c r="J19" s="195">
        <v>10</v>
      </c>
      <c r="K19" s="198">
        <v>36</v>
      </c>
      <c r="L19" s="199">
        <v>36</v>
      </c>
      <c r="M19" s="194">
        <v>0</v>
      </c>
      <c r="N19" s="195">
        <v>0</v>
      </c>
      <c r="O19" s="198">
        <v>0</v>
      </c>
      <c r="P19" s="201">
        <v>3</v>
      </c>
      <c r="Q19" s="197">
        <v>4</v>
      </c>
      <c r="R19" s="197">
        <v>12</v>
      </c>
      <c r="S19" s="197">
        <v>8</v>
      </c>
      <c r="T19" s="195">
        <v>5</v>
      </c>
      <c r="U19" s="198">
        <v>32</v>
      </c>
      <c r="V19" s="202">
        <v>32</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1</v>
      </c>
      <c r="AO19" s="198">
        <v>1</v>
      </c>
      <c r="AP19" s="200">
        <v>1</v>
      </c>
      <c r="AQ19" s="37"/>
    </row>
    <row r="20" spans="2:43" ht="21" customHeight="1" x14ac:dyDescent="0.2">
      <c r="B20" s="62" t="s">
        <v>18</v>
      </c>
      <c r="C20" s="194">
        <v>0</v>
      </c>
      <c r="D20" s="195">
        <v>0</v>
      </c>
      <c r="E20" s="195">
        <v>0</v>
      </c>
      <c r="F20" s="196">
        <v>0</v>
      </c>
      <c r="G20" s="197">
        <v>1</v>
      </c>
      <c r="H20" s="197">
        <v>6</v>
      </c>
      <c r="I20" s="197">
        <v>22</v>
      </c>
      <c r="J20" s="195">
        <v>5</v>
      </c>
      <c r="K20" s="198">
        <v>34</v>
      </c>
      <c r="L20" s="199">
        <v>34</v>
      </c>
      <c r="M20" s="194">
        <v>0</v>
      </c>
      <c r="N20" s="195">
        <v>0</v>
      </c>
      <c r="O20" s="198">
        <v>0</v>
      </c>
      <c r="P20" s="201">
        <v>2</v>
      </c>
      <c r="Q20" s="197">
        <v>5</v>
      </c>
      <c r="R20" s="197">
        <v>4</v>
      </c>
      <c r="S20" s="197">
        <v>5</v>
      </c>
      <c r="T20" s="195">
        <v>4</v>
      </c>
      <c r="U20" s="198">
        <v>20</v>
      </c>
      <c r="V20" s="202">
        <v>20</v>
      </c>
      <c r="W20" s="201">
        <v>0</v>
      </c>
      <c r="X20" s="195">
        <v>0</v>
      </c>
      <c r="Y20" s="195">
        <v>0</v>
      </c>
      <c r="Z20" s="196">
        <v>0</v>
      </c>
      <c r="AA20" s="197">
        <v>0</v>
      </c>
      <c r="AB20" s="197">
        <v>0</v>
      </c>
      <c r="AC20" s="197">
        <v>0</v>
      </c>
      <c r="AD20" s="195">
        <v>0</v>
      </c>
      <c r="AE20" s="198">
        <v>0</v>
      </c>
      <c r="AF20" s="199">
        <v>0</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3</v>
      </c>
      <c r="I21" s="197">
        <v>5</v>
      </c>
      <c r="J21" s="195">
        <v>5</v>
      </c>
      <c r="K21" s="198">
        <v>13</v>
      </c>
      <c r="L21" s="199">
        <v>13</v>
      </c>
      <c r="M21" s="194">
        <v>0</v>
      </c>
      <c r="N21" s="195">
        <v>0</v>
      </c>
      <c r="O21" s="198">
        <v>0</v>
      </c>
      <c r="P21" s="201">
        <v>1</v>
      </c>
      <c r="Q21" s="197">
        <v>2</v>
      </c>
      <c r="R21" s="197">
        <v>4</v>
      </c>
      <c r="S21" s="197">
        <v>3</v>
      </c>
      <c r="T21" s="195">
        <v>1</v>
      </c>
      <c r="U21" s="198">
        <v>11</v>
      </c>
      <c r="V21" s="202">
        <v>11</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8</v>
      </c>
      <c r="I22" s="197">
        <v>8</v>
      </c>
      <c r="J22" s="195">
        <v>6</v>
      </c>
      <c r="K22" s="198">
        <v>23</v>
      </c>
      <c r="L22" s="199">
        <v>23</v>
      </c>
      <c r="M22" s="194">
        <v>0</v>
      </c>
      <c r="N22" s="195">
        <v>0</v>
      </c>
      <c r="O22" s="198">
        <v>0</v>
      </c>
      <c r="P22" s="201">
        <v>2</v>
      </c>
      <c r="Q22" s="197">
        <v>0</v>
      </c>
      <c r="R22" s="197">
        <v>3</v>
      </c>
      <c r="S22" s="197">
        <v>1</v>
      </c>
      <c r="T22" s="195">
        <v>0</v>
      </c>
      <c r="U22" s="198">
        <v>6</v>
      </c>
      <c r="V22" s="202">
        <v>6</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1</v>
      </c>
      <c r="AO22" s="198">
        <v>1</v>
      </c>
      <c r="AP22" s="200">
        <v>1</v>
      </c>
      <c r="AQ22" s="37"/>
    </row>
    <row r="23" spans="2:43" ht="21" customHeight="1" x14ac:dyDescent="0.2">
      <c r="B23" s="62" t="s">
        <v>21</v>
      </c>
      <c r="C23" s="194">
        <v>0</v>
      </c>
      <c r="D23" s="195">
        <v>0</v>
      </c>
      <c r="E23" s="195">
        <v>0</v>
      </c>
      <c r="F23" s="196">
        <v>0</v>
      </c>
      <c r="G23" s="197">
        <v>0</v>
      </c>
      <c r="H23" s="197">
        <v>8</v>
      </c>
      <c r="I23" s="197">
        <v>11</v>
      </c>
      <c r="J23" s="195">
        <v>6</v>
      </c>
      <c r="K23" s="198">
        <v>25</v>
      </c>
      <c r="L23" s="199">
        <v>25</v>
      </c>
      <c r="M23" s="194">
        <v>0</v>
      </c>
      <c r="N23" s="195">
        <v>0</v>
      </c>
      <c r="O23" s="198">
        <v>0</v>
      </c>
      <c r="P23" s="201">
        <v>0</v>
      </c>
      <c r="Q23" s="197">
        <v>2</v>
      </c>
      <c r="R23" s="197">
        <v>1</v>
      </c>
      <c r="S23" s="197">
        <v>2</v>
      </c>
      <c r="T23" s="195">
        <v>2</v>
      </c>
      <c r="U23" s="198">
        <v>7</v>
      </c>
      <c r="V23" s="202">
        <v>7</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1</v>
      </c>
      <c r="AN23" s="195">
        <v>0</v>
      </c>
      <c r="AO23" s="198">
        <v>1</v>
      </c>
      <c r="AP23" s="200">
        <v>1</v>
      </c>
      <c r="AQ23" s="37"/>
    </row>
    <row r="24" spans="2:43" ht="21" customHeight="1" x14ac:dyDescent="0.2">
      <c r="B24" s="62" t="s">
        <v>22</v>
      </c>
      <c r="C24" s="194">
        <v>0</v>
      </c>
      <c r="D24" s="195">
        <v>0</v>
      </c>
      <c r="E24" s="195">
        <v>0</v>
      </c>
      <c r="F24" s="196">
        <v>0</v>
      </c>
      <c r="G24" s="197">
        <v>0</v>
      </c>
      <c r="H24" s="197">
        <v>2</v>
      </c>
      <c r="I24" s="197">
        <v>3</v>
      </c>
      <c r="J24" s="195">
        <v>2</v>
      </c>
      <c r="K24" s="198">
        <v>7</v>
      </c>
      <c r="L24" s="199">
        <v>7</v>
      </c>
      <c r="M24" s="194">
        <v>0</v>
      </c>
      <c r="N24" s="195">
        <v>0</v>
      </c>
      <c r="O24" s="198">
        <v>0</v>
      </c>
      <c r="P24" s="201">
        <v>0</v>
      </c>
      <c r="Q24" s="197">
        <v>1</v>
      </c>
      <c r="R24" s="197">
        <v>2</v>
      </c>
      <c r="S24" s="197">
        <v>2</v>
      </c>
      <c r="T24" s="195">
        <v>0</v>
      </c>
      <c r="U24" s="198">
        <v>5</v>
      </c>
      <c r="V24" s="202">
        <v>5</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1</v>
      </c>
      <c r="G25" s="197">
        <v>0</v>
      </c>
      <c r="H25" s="197">
        <v>1</v>
      </c>
      <c r="I25" s="197">
        <v>5</v>
      </c>
      <c r="J25" s="195">
        <v>0</v>
      </c>
      <c r="K25" s="198">
        <v>7</v>
      </c>
      <c r="L25" s="199">
        <v>7</v>
      </c>
      <c r="M25" s="194">
        <v>0</v>
      </c>
      <c r="N25" s="195">
        <v>0</v>
      </c>
      <c r="O25" s="198">
        <v>0</v>
      </c>
      <c r="P25" s="201">
        <v>1</v>
      </c>
      <c r="Q25" s="197">
        <v>1</v>
      </c>
      <c r="R25" s="197">
        <v>2</v>
      </c>
      <c r="S25" s="197">
        <v>2</v>
      </c>
      <c r="T25" s="195">
        <v>1</v>
      </c>
      <c r="U25" s="198">
        <v>7</v>
      </c>
      <c r="V25" s="202">
        <v>7</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0</v>
      </c>
      <c r="AO25" s="198">
        <v>0</v>
      </c>
      <c r="AP25" s="200">
        <v>0</v>
      </c>
      <c r="AQ25" s="37"/>
    </row>
    <row r="26" spans="2:43" ht="21" customHeight="1" x14ac:dyDescent="0.2">
      <c r="B26" s="62" t="s">
        <v>24</v>
      </c>
      <c r="C26" s="194">
        <v>0</v>
      </c>
      <c r="D26" s="195">
        <v>0</v>
      </c>
      <c r="E26" s="195">
        <v>0</v>
      </c>
      <c r="F26" s="196">
        <v>0</v>
      </c>
      <c r="G26" s="197">
        <v>0</v>
      </c>
      <c r="H26" s="197">
        <v>0</v>
      </c>
      <c r="I26" s="197">
        <v>5</v>
      </c>
      <c r="J26" s="195">
        <v>2</v>
      </c>
      <c r="K26" s="198">
        <v>7</v>
      </c>
      <c r="L26" s="199">
        <v>7</v>
      </c>
      <c r="M26" s="194">
        <v>0</v>
      </c>
      <c r="N26" s="195">
        <v>0</v>
      </c>
      <c r="O26" s="198">
        <v>0</v>
      </c>
      <c r="P26" s="201">
        <v>2</v>
      </c>
      <c r="Q26" s="197">
        <v>1</v>
      </c>
      <c r="R26" s="197">
        <v>3</v>
      </c>
      <c r="S26" s="197">
        <v>2</v>
      </c>
      <c r="T26" s="195">
        <v>0</v>
      </c>
      <c r="U26" s="198">
        <v>8</v>
      </c>
      <c r="V26" s="202">
        <v>8</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1</v>
      </c>
      <c r="H27" s="197">
        <v>6</v>
      </c>
      <c r="I27" s="197">
        <v>2</v>
      </c>
      <c r="J27" s="195">
        <v>1</v>
      </c>
      <c r="K27" s="198">
        <v>10</v>
      </c>
      <c r="L27" s="199">
        <v>10</v>
      </c>
      <c r="M27" s="194">
        <v>0</v>
      </c>
      <c r="N27" s="195">
        <v>0</v>
      </c>
      <c r="O27" s="198">
        <v>0</v>
      </c>
      <c r="P27" s="201">
        <v>1</v>
      </c>
      <c r="Q27" s="197">
        <v>0</v>
      </c>
      <c r="R27" s="197">
        <v>0</v>
      </c>
      <c r="S27" s="197">
        <v>0</v>
      </c>
      <c r="T27" s="195">
        <v>3</v>
      </c>
      <c r="U27" s="198">
        <v>4</v>
      </c>
      <c r="V27" s="202">
        <v>4</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1" customHeight="1" x14ac:dyDescent="0.2">
      <c r="B28" s="62" t="s">
        <v>26</v>
      </c>
      <c r="C28" s="194">
        <v>0</v>
      </c>
      <c r="D28" s="195">
        <v>0</v>
      </c>
      <c r="E28" s="195">
        <v>0</v>
      </c>
      <c r="F28" s="196">
        <v>0</v>
      </c>
      <c r="G28" s="197">
        <v>0</v>
      </c>
      <c r="H28" s="197">
        <v>1</v>
      </c>
      <c r="I28" s="197">
        <v>3</v>
      </c>
      <c r="J28" s="195">
        <v>0</v>
      </c>
      <c r="K28" s="198">
        <v>4</v>
      </c>
      <c r="L28" s="199">
        <v>4</v>
      </c>
      <c r="M28" s="194">
        <v>0</v>
      </c>
      <c r="N28" s="195">
        <v>0</v>
      </c>
      <c r="O28" s="198">
        <v>0</v>
      </c>
      <c r="P28" s="201">
        <v>0</v>
      </c>
      <c r="Q28" s="197">
        <v>0</v>
      </c>
      <c r="R28" s="197">
        <v>1</v>
      </c>
      <c r="S28" s="197">
        <v>2</v>
      </c>
      <c r="T28" s="195">
        <v>1</v>
      </c>
      <c r="U28" s="198">
        <v>4</v>
      </c>
      <c r="V28" s="202">
        <v>4</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1</v>
      </c>
      <c r="H29" s="197">
        <v>1</v>
      </c>
      <c r="I29" s="197">
        <v>0</v>
      </c>
      <c r="J29" s="195">
        <v>2</v>
      </c>
      <c r="K29" s="198">
        <v>4</v>
      </c>
      <c r="L29" s="199">
        <v>4</v>
      </c>
      <c r="M29" s="194">
        <v>0</v>
      </c>
      <c r="N29" s="195">
        <v>0</v>
      </c>
      <c r="O29" s="198">
        <v>0</v>
      </c>
      <c r="P29" s="201">
        <v>0</v>
      </c>
      <c r="Q29" s="197">
        <v>1</v>
      </c>
      <c r="R29" s="197">
        <v>5</v>
      </c>
      <c r="S29" s="197">
        <v>2</v>
      </c>
      <c r="T29" s="195">
        <v>1</v>
      </c>
      <c r="U29" s="198">
        <v>9</v>
      </c>
      <c r="V29" s="202">
        <v>9</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1</v>
      </c>
      <c r="AN29" s="195">
        <v>0</v>
      </c>
      <c r="AO29" s="198">
        <v>1</v>
      </c>
      <c r="AP29" s="200">
        <v>1</v>
      </c>
      <c r="AQ29" s="37"/>
    </row>
    <row r="30" spans="2:43" ht="21" customHeight="1" x14ac:dyDescent="0.2">
      <c r="B30" s="62" t="s">
        <v>28</v>
      </c>
      <c r="C30" s="194">
        <v>0</v>
      </c>
      <c r="D30" s="195">
        <v>0</v>
      </c>
      <c r="E30" s="195">
        <v>0</v>
      </c>
      <c r="F30" s="196">
        <v>0</v>
      </c>
      <c r="G30" s="197">
        <v>0</v>
      </c>
      <c r="H30" s="197">
        <v>0</v>
      </c>
      <c r="I30" s="197">
        <v>0</v>
      </c>
      <c r="J30" s="195">
        <v>0</v>
      </c>
      <c r="K30" s="198">
        <v>0</v>
      </c>
      <c r="L30" s="199">
        <v>0</v>
      </c>
      <c r="M30" s="194">
        <v>0</v>
      </c>
      <c r="N30" s="195">
        <v>0</v>
      </c>
      <c r="O30" s="198">
        <v>0</v>
      </c>
      <c r="P30" s="201">
        <v>0</v>
      </c>
      <c r="Q30" s="197">
        <v>1</v>
      </c>
      <c r="R30" s="197">
        <v>0</v>
      </c>
      <c r="S30" s="197">
        <v>3</v>
      </c>
      <c r="T30" s="195">
        <v>0</v>
      </c>
      <c r="U30" s="198">
        <v>4</v>
      </c>
      <c r="V30" s="202">
        <v>4</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0</v>
      </c>
      <c r="J31" s="195">
        <v>2</v>
      </c>
      <c r="K31" s="198">
        <v>2</v>
      </c>
      <c r="L31" s="199">
        <v>2</v>
      </c>
      <c r="M31" s="194">
        <v>0</v>
      </c>
      <c r="N31" s="195">
        <v>0</v>
      </c>
      <c r="O31" s="198">
        <v>0</v>
      </c>
      <c r="P31" s="201">
        <v>0</v>
      </c>
      <c r="Q31" s="197">
        <v>0</v>
      </c>
      <c r="R31" s="197">
        <v>0</v>
      </c>
      <c r="S31" s="197">
        <v>0</v>
      </c>
      <c r="T31" s="195">
        <v>0</v>
      </c>
      <c r="U31" s="198">
        <v>0</v>
      </c>
      <c r="V31" s="202">
        <v>0</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0</v>
      </c>
      <c r="I32" s="197">
        <v>3</v>
      </c>
      <c r="J32" s="195">
        <v>0</v>
      </c>
      <c r="K32" s="198">
        <v>3</v>
      </c>
      <c r="L32" s="199">
        <v>3</v>
      </c>
      <c r="M32" s="194">
        <v>0</v>
      </c>
      <c r="N32" s="195">
        <v>0</v>
      </c>
      <c r="O32" s="198">
        <v>0</v>
      </c>
      <c r="P32" s="201">
        <v>2</v>
      </c>
      <c r="Q32" s="197">
        <v>0</v>
      </c>
      <c r="R32" s="197">
        <v>1</v>
      </c>
      <c r="S32" s="197">
        <v>2</v>
      </c>
      <c r="T32" s="195">
        <v>1</v>
      </c>
      <c r="U32" s="198">
        <v>6</v>
      </c>
      <c r="V32" s="202">
        <v>6</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1</v>
      </c>
      <c r="AO32" s="198">
        <v>1</v>
      </c>
      <c r="AP32" s="200">
        <v>1</v>
      </c>
      <c r="AQ32" s="37"/>
    </row>
    <row r="33" spans="2:43" ht="21" customHeight="1" x14ac:dyDescent="0.2">
      <c r="B33" s="62" t="s">
        <v>31</v>
      </c>
      <c r="C33" s="194">
        <v>0</v>
      </c>
      <c r="D33" s="195">
        <v>0</v>
      </c>
      <c r="E33" s="195">
        <v>0</v>
      </c>
      <c r="F33" s="196">
        <v>0</v>
      </c>
      <c r="G33" s="197">
        <v>0</v>
      </c>
      <c r="H33" s="197">
        <v>2</v>
      </c>
      <c r="I33" s="197">
        <v>0</v>
      </c>
      <c r="J33" s="195">
        <v>0</v>
      </c>
      <c r="K33" s="198">
        <v>2</v>
      </c>
      <c r="L33" s="199">
        <v>2</v>
      </c>
      <c r="M33" s="194">
        <v>0</v>
      </c>
      <c r="N33" s="195">
        <v>0</v>
      </c>
      <c r="O33" s="198">
        <v>0</v>
      </c>
      <c r="P33" s="201">
        <v>0</v>
      </c>
      <c r="Q33" s="197">
        <v>1</v>
      </c>
      <c r="R33" s="197">
        <v>0</v>
      </c>
      <c r="S33" s="197">
        <v>0</v>
      </c>
      <c r="T33" s="195">
        <v>0</v>
      </c>
      <c r="U33" s="198">
        <v>1</v>
      </c>
      <c r="V33" s="202">
        <v>1</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2</v>
      </c>
      <c r="J34" s="195">
        <v>0</v>
      </c>
      <c r="K34" s="198">
        <v>2</v>
      </c>
      <c r="L34" s="199">
        <v>2</v>
      </c>
      <c r="M34" s="194">
        <v>0</v>
      </c>
      <c r="N34" s="195">
        <v>0</v>
      </c>
      <c r="O34" s="198">
        <v>0</v>
      </c>
      <c r="P34" s="201">
        <v>0</v>
      </c>
      <c r="Q34" s="197">
        <v>0</v>
      </c>
      <c r="R34" s="197">
        <v>2</v>
      </c>
      <c r="S34" s="197">
        <v>1</v>
      </c>
      <c r="T34" s="195">
        <v>0</v>
      </c>
      <c r="U34" s="198">
        <v>3</v>
      </c>
      <c r="V34" s="202">
        <v>3</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1</v>
      </c>
      <c r="AL35" s="197">
        <v>0</v>
      </c>
      <c r="AM35" s="197">
        <v>0</v>
      </c>
      <c r="AN35" s="195">
        <v>0</v>
      </c>
      <c r="AO35" s="198">
        <v>1</v>
      </c>
      <c r="AP35" s="200">
        <v>1</v>
      </c>
      <c r="AQ35" s="37"/>
    </row>
    <row r="36" spans="2:43" ht="21" customHeight="1" x14ac:dyDescent="0.2">
      <c r="B36" s="62" t="s">
        <v>34</v>
      </c>
      <c r="C36" s="194">
        <v>0</v>
      </c>
      <c r="D36" s="195">
        <v>0</v>
      </c>
      <c r="E36" s="195">
        <v>0</v>
      </c>
      <c r="F36" s="196">
        <v>0</v>
      </c>
      <c r="G36" s="197">
        <v>0</v>
      </c>
      <c r="H36" s="197">
        <v>1</v>
      </c>
      <c r="I36" s="197">
        <v>0</v>
      </c>
      <c r="J36" s="195">
        <v>0</v>
      </c>
      <c r="K36" s="198">
        <v>1</v>
      </c>
      <c r="L36" s="199">
        <v>1</v>
      </c>
      <c r="M36" s="194">
        <v>0</v>
      </c>
      <c r="N36" s="195">
        <v>0</v>
      </c>
      <c r="O36" s="198">
        <v>0</v>
      </c>
      <c r="P36" s="201">
        <v>0</v>
      </c>
      <c r="Q36" s="197">
        <v>0</v>
      </c>
      <c r="R36" s="197">
        <v>1</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2</v>
      </c>
      <c r="J37" s="195">
        <v>1</v>
      </c>
      <c r="K37" s="198">
        <v>3</v>
      </c>
      <c r="L37" s="199">
        <v>3</v>
      </c>
      <c r="M37" s="194">
        <v>0</v>
      </c>
      <c r="N37" s="195">
        <v>0</v>
      </c>
      <c r="O37" s="198">
        <v>0</v>
      </c>
      <c r="P37" s="201">
        <v>1</v>
      </c>
      <c r="Q37" s="197">
        <v>1</v>
      </c>
      <c r="R37" s="197">
        <v>2</v>
      </c>
      <c r="S37" s="197">
        <v>0</v>
      </c>
      <c r="T37" s="195">
        <v>0</v>
      </c>
      <c r="U37" s="198">
        <v>4</v>
      </c>
      <c r="V37" s="202">
        <v>4</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0</v>
      </c>
      <c r="I38" s="197">
        <v>3</v>
      </c>
      <c r="J38" s="195">
        <v>2</v>
      </c>
      <c r="K38" s="198">
        <v>5</v>
      </c>
      <c r="L38" s="199">
        <v>5</v>
      </c>
      <c r="M38" s="194">
        <v>0</v>
      </c>
      <c r="N38" s="195">
        <v>0</v>
      </c>
      <c r="O38" s="198">
        <v>0</v>
      </c>
      <c r="P38" s="201">
        <v>1</v>
      </c>
      <c r="Q38" s="197">
        <v>1</v>
      </c>
      <c r="R38" s="197">
        <v>1</v>
      </c>
      <c r="S38" s="197">
        <v>0</v>
      </c>
      <c r="T38" s="195">
        <v>0</v>
      </c>
      <c r="U38" s="198">
        <v>3</v>
      </c>
      <c r="V38" s="202">
        <v>3</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1</v>
      </c>
      <c r="I39" s="206">
        <v>1</v>
      </c>
      <c r="J39" s="204">
        <v>0</v>
      </c>
      <c r="K39" s="207">
        <v>2</v>
      </c>
      <c r="L39" s="208">
        <v>2</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0</v>
      </c>
      <c r="AO39" s="207">
        <v>0</v>
      </c>
      <c r="AP39" s="209">
        <v>0</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B3:B4"/>
    <mergeCell ref="C3:L3"/>
    <mergeCell ref="M3:V3"/>
    <mergeCell ref="C4:E4"/>
    <mergeCell ref="F4:K4"/>
    <mergeCell ref="L4:L5"/>
    <mergeCell ref="J1:K1"/>
    <mergeCell ref="W3:AF3"/>
    <mergeCell ref="AG3:AP3"/>
    <mergeCell ref="M4:O4"/>
    <mergeCell ref="P4:U4"/>
    <mergeCell ref="V4:V5"/>
    <mergeCell ref="W4:Y4"/>
    <mergeCell ref="Z4:AE4"/>
    <mergeCell ref="AF4:AF5"/>
    <mergeCell ref="AG4:AI4"/>
    <mergeCell ref="AJ4:AO4"/>
    <mergeCell ref="AP4:AP5"/>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AQ218"/>
  <sheetViews>
    <sheetView zoomScaleNormal="100" zoomScaleSheetLayoutView="55" workbookViewId="0">
      <pane xSplit="2" ySplit="6" topLeftCell="C7"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 style="1" customWidth="1"/>
    <col min="3" max="3" width="8.88671875" style="1" customWidth="1"/>
    <col min="4" max="4" width="8.109375" style="1" customWidth="1"/>
    <col min="5" max="5" width="10.109375" style="1" bestFit="1" customWidth="1"/>
    <col min="6" max="11" width="9" style="1"/>
    <col min="12" max="12" width="9.6640625" style="1" customWidth="1"/>
    <col min="13" max="22" width="8.77734375" style="1" customWidth="1"/>
    <col min="23" max="42" width="9.6640625" style="1" customWidth="1"/>
    <col min="43" max="16384" width="9" style="1"/>
  </cols>
  <sheetData>
    <row r="1" spans="2:43" ht="24" customHeight="1" x14ac:dyDescent="0.2">
      <c r="B1" s="20" t="s">
        <v>56</v>
      </c>
      <c r="H1" s="500">
        <f>第１表!F2</f>
        <v>4</v>
      </c>
      <c r="I1" s="246">
        <f>第１表!G2</f>
        <v>12</v>
      </c>
      <c r="J1" s="617">
        <f>IF(I1&lt;3,I1-2+12,I1-2)</f>
        <v>10</v>
      </c>
      <c r="K1" s="617"/>
    </row>
    <row r="2" spans="2:43" ht="24" customHeight="1" thickBot="1" x14ac:dyDescent="0.25">
      <c r="B2" s="20" t="s">
        <v>159</v>
      </c>
      <c r="F2" s="20" t="s">
        <v>140</v>
      </c>
    </row>
    <row r="3" spans="2:43" ht="21" customHeight="1" x14ac:dyDescent="0.2">
      <c r="B3" s="611"/>
      <c r="C3" s="601" t="s">
        <v>57</v>
      </c>
      <c r="D3" s="602"/>
      <c r="E3" s="602"/>
      <c r="F3" s="602"/>
      <c r="G3" s="602"/>
      <c r="H3" s="602"/>
      <c r="I3" s="602"/>
      <c r="J3" s="602"/>
      <c r="K3" s="602"/>
      <c r="L3" s="602"/>
      <c r="M3" s="601" t="s">
        <v>58</v>
      </c>
      <c r="N3" s="614"/>
      <c r="O3" s="614"/>
      <c r="P3" s="614"/>
      <c r="Q3" s="614"/>
      <c r="R3" s="614"/>
      <c r="S3" s="614"/>
      <c r="T3" s="614"/>
      <c r="U3" s="614"/>
      <c r="V3" s="614"/>
      <c r="W3" s="601" t="s">
        <v>59</v>
      </c>
      <c r="X3" s="602"/>
      <c r="Y3" s="602"/>
      <c r="Z3" s="602"/>
      <c r="AA3" s="602"/>
      <c r="AB3" s="602"/>
      <c r="AC3" s="602"/>
      <c r="AD3" s="602"/>
      <c r="AE3" s="602"/>
      <c r="AF3" s="602"/>
      <c r="AG3" s="610" t="s">
        <v>151</v>
      </c>
      <c r="AH3" s="602"/>
      <c r="AI3" s="602"/>
      <c r="AJ3" s="602"/>
      <c r="AK3" s="602"/>
      <c r="AL3" s="602"/>
      <c r="AM3" s="602"/>
      <c r="AN3" s="602"/>
      <c r="AO3" s="602"/>
      <c r="AP3" s="603"/>
    </row>
    <row r="4" spans="2:43" ht="21" customHeight="1" x14ac:dyDescent="0.2">
      <c r="B4" s="613"/>
      <c r="C4" s="583" t="s">
        <v>61</v>
      </c>
      <c r="D4" s="584"/>
      <c r="E4" s="585"/>
      <c r="F4" s="586" t="s">
        <v>62</v>
      </c>
      <c r="G4" s="587"/>
      <c r="H4" s="587"/>
      <c r="I4" s="587"/>
      <c r="J4" s="587"/>
      <c r="K4" s="588"/>
      <c r="L4" s="598" t="s">
        <v>52</v>
      </c>
      <c r="M4" s="583" t="s">
        <v>61</v>
      </c>
      <c r="N4" s="584"/>
      <c r="O4" s="585"/>
      <c r="P4" s="586" t="s">
        <v>62</v>
      </c>
      <c r="Q4" s="587"/>
      <c r="R4" s="587"/>
      <c r="S4" s="587"/>
      <c r="T4" s="587"/>
      <c r="U4" s="588"/>
      <c r="V4" s="589" t="s">
        <v>52</v>
      </c>
      <c r="W4" s="583" t="s">
        <v>61</v>
      </c>
      <c r="X4" s="584"/>
      <c r="Y4" s="585"/>
      <c r="Z4" s="586" t="s">
        <v>62</v>
      </c>
      <c r="AA4" s="587"/>
      <c r="AB4" s="587"/>
      <c r="AC4" s="587"/>
      <c r="AD4" s="587"/>
      <c r="AE4" s="588"/>
      <c r="AF4" s="598" t="s">
        <v>52</v>
      </c>
      <c r="AG4" s="583" t="s">
        <v>61</v>
      </c>
      <c r="AH4" s="584"/>
      <c r="AI4" s="585"/>
      <c r="AJ4" s="586" t="s">
        <v>62</v>
      </c>
      <c r="AK4" s="587"/>
      <c r="AL4" s="587"/>
      <c r="AM4" s="587"/>
      <c r="AN4" s="587"/>
      <c r="AO4" s="588"/>
      <c r="AP4" s="589" t="s">
        <v>52</v>
      </c>
    </row>
    <row r="5" spans="2:43" ht="30" customHeight="1" thickBot="1" x14ac:dyDescent="0.25">
      <c r="B5" s="364" t="s">
        <v>42</v>
      </c>
      <c r="C5" s="31" t="s">
        <v>43</v>
      </c>
      <c r="D5" s="32" t="s">
        <v>44</v>
      </c>
      <c r="E5" s="32" t="s">
        <v>45</v>
      </c>
      <c r="F5" s="33" t="s">
        <v>47</v>
      </c>
      <c r="G5" s="34" t="s">
        <v>48</v>
      </c>
      <c r="H5" s="34" t="s">
        <v>49</v>
      </c>
      <c r="I5" s="35" t="s">
        <v>50</v>
      </c>
      <c r="J5" s="32" t="s">
        <v>51</v>
      </c>
      <c r="K5" s="36" t="s">
        <v>95</v>
      </c>
      <c r="L5" s="599"/>
      <c r="M5" s="31" t="s">
        <v>43</v>
      </c>
      <c r="N5" s="32" t="s">
        <v>44</v>
      </c>
      <c r="O5" s="36" t="s">
        <v>45</v>
      </c>
      <c r="P5" s="15" t="s">
        <v>47</v>
      </c>
      <c r="Q5" s="34" t="s">
        <v>48</v>
      </c>
      <c r="R5" s="34" t="s">
        <v>49</v>
      </c>
      <c r="S5" s="35" t="s">
        <v>50</v>
      </c>
      <c r="T5" s="32" t="s">
        <v>51</v>
      </c>
      <c r="U5" s="36" t="s">
        <v>45</v>
      </c>
      <c r="V5" s="590"/>
      <c r="W5" s="31" t="s">
        <v>43</v>
      </c>
      <c r="X5" s="32" t="s">
        <v>44</v>
      </c>
      <c r="Y5" s="32" t="s">
        <v>45</v>
      </c>
      <c r="Z5" s="33" t="s">
        <v>47</v>
      </c>
      <c r="AA5" s="34" t="s">
        <v>48</v>
      </c>
      <c r="AB5" s="34" t="s">
        <v>49</v>
      </c>
      <c r="AC5" s="35" t="s">
        <v>50</v>
      </c>
      <c r="AD5" s="32" t="s">
        <v>51</v>
      </c>
      <c r="AE5" s="36" t="s">
        <v>45</v>
      </c>
      <c r="AF5" s="599"/>
      <c r="AG5" s="31" t="s">
        <v>43</v>
      </c>
      <c r="AH5" s="32" t="s">
        <v>44</v>
      </c>
      <c r="AI5" s="32" t="s">
        <v>45</v>
      </c>
      <c r="AJ5" s="33" t="s">
        <v>47</v>
      </c>
      <c r="AK5" s="34" t="s">
        <v>48</v>
      </c>
      <c r="AL5" s="34" t="s">
        <v>49</v>
      </c>
      <c r="AM5" s="35" t="s">
        <v>50</v>
      </c>
      <c r="AN5" s="32" t="s">
        <v>51</v>
      </c>
      <c r="AO5" s="36" t="s">
        <v>45</v>
      </c>
      <c r="AP5" s="590"/>
    </row>
    <row r="6" spans="2:43" ht="21" customHeight="1" x14ac:dyDescent="0.2">
      <c r="B6" s="363" t="s">
        <v>4</v>
      </c>
      <c r="C6" s="185">
        <v>0</v>
      </c>
      <c r="D6" s="186">
        <v>0</v>
      </c>
      <c r="E6" s="186">
        <v>0</v>
      </c>
      <c r="F6" s="187">
        <v>4</v>
      </c>
      <c r="G6" s="188">
        <v>30</v>
      </c>
      <c r="H6" s="188">
        <v>242</v>
      </c>
      <c r="I6" s="188">
        <v>413</v>
      </c>
      <c r="J6" s="186">
        <v>295</v>
      </c>
      <c r="K6" s="189">
        <v>984</v>
      </c>
      <c r="L6" s="190">
        <v>984</v>
      </c>
      <c r="M6" s="185">
        <v>0</v>
      </c>
      <c r="N6" s="186">
        <v>0</v>
      </c>
      <c r="O6" s="189">
        <v>0</v>
      </c>
      <c r="P6" s="192">
        <v>49</v>
      </c>
      <c r="Q6" s="188">
        <v>132</v>
      </c>
      <c r="R6" s="188">
        <v>197</v>
      </c>
      <c r="S6" s="188">
        <v>284</v>
      </c>
      <c r="T6" s="186">
        <v>125</v>
      </c>
      <c r="U6" s="189">
        <v>787</v>
      </c>
      <c r="V6" s="193">
        <v>787</v>
      </c>
      <c r="W6" s="192">
        <v>0</v>
      </c>
      <c r="X6" s="186">
        <v>0</v>
      </c>
      <c r="Y6" s="186">
        <v>0</v>
      </c>
      <c r="Z6" s="187">
        <v>0</v>
      </c>
      <c r="AA6" s="188">
        <v>0</v>
      </c>
      <c r="AB6" s="188">
        <v>0</v>
      </c>
      <c r="AC6" s="188">
        <v>11</v>
      </c>
      <c r="AD6" s="186">
        <v>17</v>
      </c>
      <c r="AE6" s="189">
        <v>28</v>
      </c>
      <c r="AF6" s="190">
        <v>28</v>
      </c>
      <c r="AG6" s="185">
        <v>0</v>
      </c>
      <c r="AH6" s="186">
        <v>0</v>
      </c>
      <c r="AI6" s="186">
        <v>0</v>
      </c>
      <c r="AJ6" s="187">
        <v>0</v>
      </c>
      <c r="AK6" s="188">
        <v>1</v>
      </c>
      <c r="AL6" s="188">
        <v>1</v>
      </c>
      <c r="AM6" s="188">
        <v>13</v>
      </c>
      <c r="AN6" s="186">
        <v>17</v>
      </c>
      <c r="AO6" s="189">
        <v>32</v>
      </c>
      <c r="AP6" s="191">
        <v>32</v>
      </c>
      <c r="AQ6" s="37"/>
    </row>
    <row r="7" spans="2:43" ht="21" customHeight="1" x14ac:dyDescent="0.2">
      <c r="B7" s="62" t="s">
        <v>5</v>
      </c>
      <c r="C7" s="194">
        <v>0</v>
      </c>
      <c r="D7" s="195">
        <v>0</v>
      </c>
      <c r="E7" s="195">
        <v>0</v>
      </c>
      <c r="F7" s="196">
        <v>2</v>
      </c>
      <c r="G7" s="197">
        <v>18</v>
      </c>
      <c r="H7" s="197">
        <v>124</v>
      </c>
      <c r="I7" s="197">
        <v>186</v>
      </c>
      <c r="J7" s="195">
        <v>140</v>
      </c>
      <c r="K7" s="198">
        <v>470</v>
      </c>
      <c r="L7" s="199">
        <v>470</v>
      </c>
      <c r="M7" s="194">
        <v>0</v>
      </c>
      <c r="N7" s="195">
        <v>0</v>
      </c>
      <c r="O7" s="198">
        <v>0</v>
      </c>
      <c r="P7" s="201">
        <v>22</v>
      </c>
      <c r="Q7" s="197">
        <v>70</v>
      </c>
      <c r="R7" s="197">
        <v>97</v>
      </c>
      <c r="S7" s="197">
        <v>143</v>
      </c>
      <c r="T7" s="195">
        <v>69</v>
      </c>
      <c r="U7" s="198">
        <v>401</v>
      </c>
      <c r="V7" s="202">
        <v>401</v>
      </c>
      <c r="W7" s="201">
        <v>0</v>
      </c>
      <c r="X7" s="195">
        <v>0</v>
      </c>
      <c r="Y7" s="195">
        <v>0</v>
      </c>
      <c r="Z7" s="196">
        <v>0</v>
      </c>
      <c r="AA7" s="197">
        <v>0</v>
      </c>
      <c r="AB7" s="197">
        <v>0</v>
      </c>
      <c r="AC7" s="197">
        <v>4</v>
      </c>
      <c r="AD7" s="195">
        <v>6</v>
      </c>
      <c r="AE7" s="198">
        <v>10</v>
      </c>
      <c r="AF7" s="199">
        <v>10</v>
      </c>
      <c r="AG7" s="194">
        <v>0</v>
      </c>
      <c r="AH7" s="195">
        <v>0</v>
      </c>
      <c r="AI7" s="195">
        <v>0</v>
      </c>
      <c r="AJ7" s="196">
        <v>0</v>
      </c>
      <c r="AK7" s="197">
        <v>1</v>
      </c>
      <c r="AL7" s="197">
        <v>1</v>
      </c>
      <c r="AM7" s="197">
        <v>4</v>
      </c>
      <c r="AN7" s="195">
        <v>8</v>
      </c>
      <c r="AO7" s="198">
        <v>14</v>
      </c>
      <c r="AP7" s="200">
        <v>14</v>
      </c>
      <c r="AQ7" s="37"/>
    </row>
    <row r="8" spans="2:43" ht="21" customHeight="1" x14ac:dyDescent="0.2">
      <c r="B8" s="62" t="s">
        <v>6</v>
      </c>
      <c r="C8" s="194">
        <v>0</v>
      </c>
      <c r="D8" s="195">
        <v>0</v>
      </c>
      <c r="E8" s="195">
        <v>0</v>
      </c>
      <c r="F8" s="196">
        <v>0</v>
      </c>
      <c r="G8" s="197">
        <v>3</v>
      </c>
      <c r="H8" s="197">
        <v>34</v>
      </c>
      <c r="I8" s="197">
        <v>59</v>
      </c>
      <c r="J8" s="195">
        <v>36</v>
      </c>
      <c r="K8" s="198">
        <v>132</v>
      </c>
      <c r="L8" s="199">
        <v>132</v>
      </c>
      <c r="M8" s="194">
        <v>0</v>
      </c>
      <c r="N8" s="195">
        <v>0</v>
      </c>
      <c r="O8" s="198">
        <v>0</v>
      </c>
      <c r="P8" s="201">
        <v>8</v>
      </c>
      <c r="Q8" s="197">
        <v>15</v>
      </c>
      <c r="R8" s="197">
        <v>24</v>
      </c>
      <c r="S8" s="197">
        <v>41</v>
      </c>
      <c r="T8" s="195">
        <v>15</v>
      </c>
      <c r="U8" s="198">
        <v>103</v>
      </c>
      <c r="V8" s="202">
        <v>103</v>
      </c>
      <c r="W8" s="201">
        <v>0</v>
      </c>
      <c r="X8" s="195">
        <v>0</v>
      </c>
      <c r="Y8" s="195">
        <v>0</v>
      </c>
      <c r="Z8" s="196">
        <v>0</v>
      </c>
      <c r="AA8" s="197">
        <v>0</v>
      </c>
      <c r="AB8" s="197">
        <v>0</v>
      </c>
      <c r="AC8" s="197">
        <v>7</v>
      </c>
      <c r="AD8" s="195">
        <v>8</v>
      </c>
      <c r="AE8" s="198">
        <v>15</v>
      </c>
      <c r="AF8" s="199">
        <v>15</v>
      </c>
      <c r="AG8" s="194">
        <v>0</v>
      </c>
      <c r="AH8" s="195">
        <v>0</v>
      </c>
      <c r="AI8" s="195">
        <v>0</v>
      </c>
      <c r="AJ8" s="196">
        <v>0</v>
      </c>
      <c r="AK8" s="197">
        <v>0</v>
      </c>
      <c r="AL8" s="197">
        <v>0</v>
      </c>
      <c r="AM8" s="197">
        <v>1</v>
      </c>
      <c r="AN8" s="195">
        <v>1</v>
      </c>
      <c r="AO8" s="198">
        <v>2</v>
      </c>
      <c r="AP8" s="200">
        <v>2</v>
      </c>
      <c r="AQ8" s="37"/>
    </row>
    <row r="9" spans="2:43" ht="21" customHeight="1" x14ac:dyDescent="0.2">
      <c r="B9" s="62" t="s">
        <v>14</v>
      </c>
      <c r="C9" s="194">
        <v>0</v>
      </c>
      <c r="D9" s="195">
        <v>0</v>
      </c>
      <c r="E9" s="195">
        <v>0</v>
      </c>
      <c r="F9" s="196">
        <v>0</v>
      </c>
      <c r="G9" s="197">
        <v>0</v>
      </c>
      <c r="H9" s="197">
        <v>13</v>
      </c>
      <c r="I9" s="197">
        <v>27</v>
      </c>
      <c r="J9" s="195">
        <v>21</v>
      </c>
      <c r="K9" s="198">
        <v>61</v>
      </c>
      <c r="L9" s="199">
        <v>61</v>
      </c>
      <c r="M9" s="194">
        <v>0</v>
      </c>
      <c r="N9" s="195">
        <v>0</v>
      </c>
      <c r="O9" s="198">
        <v>0</v>
      </c>
      <c r="P9" s="201">
        <v>1</v>
      </c>
      <c r="Q9" s="197">
        <v>11</v>
      </c>
      <c r="R9" s="197">
        <v>8</v>
      </c>
      <c r="S9" s="197">
        <v>16</v>
      </c>
      <c r="T9" s="195">
        <v>1</v>
      </c>
      <c r="U9" s="198">
        <v>37</v>
      </c>
      <c r="V9" s="202">
        <v>37</v>
      </c>
      <c r="W9" s="201">
        <v>0</v>
      </c>
      <c r="X9" s="195">
        <v>0</v>
      </c>
      <c r="Y9" s="195">
        <v>0</v>
      </c>
      <c r="Z9" s="196">
        <v>0</v>
      </c>
      <c r="AA9" s="197">
        <v>0</v>
      </c>
      <c r="AB9" s="197">
        <v>0</v>
      </c>
      <c r="AC9" s="197">
        <v>0</v>
      </c>
      <c r="AD9" s="195">
        <v>2</v>
      </c>
      <c r="AE9" s="198">
        <v>2</v>
      </c>
      <c r="AF9" s="199">
        <v>2</v>
      </c>
      <c r="AG9" s="194">
        <v>0</v>
      </c>
      <c r="AH9" s="195">
        <v>0</v>
      </c>
      <c r="AI9" s="195">
        <v>0</v>
      </c>
      <c r="AJ9" s="196">
        <v>0</v>
      </c>
      <c r="AK9" s="197">
        <v>0</v>
      </c>
      <c r="AL9" s="197">
        <v>0</v>
      </c>
      <c r="AM9" s="197">
        <v>2</v>
      </c>
      <c r="AN9" s="195">
        <v>1</v>
      </c>
      <c r="AO9" s="198">
        <v>3</v>
      </c>
      <c r="AP9" s="200">
        <v>3</v>
      </c>
      <c r="AQ9" s="37"/>
    </row>
    <row r="10" spans="2:43" ht="21" customHeight="1" x14ac:dyDescent="0.2">
      <c r="B10" s="62" t="s">
        <v>7</v>
      </c>
      <c r="C10" s="194">
        <v>0</v>
      </c>
      <c r="D10" s="195">
        <v>0</v>
      </c>
      <c r="E10" s="195">
        <v>0</v>
      </c>
      <c r="F10" s="196">
        <v>0</v>
      </c>
      <c r="G10" s="197">
        <v>0</v>
      </c>
      <c r="H10" s="197">
        <v>3</v>
      </c>
      <c r="I10" s="197">
        <v>23</v>
      </c>
      <c r="J10" s="195">
        <v>12</v>
      </c>
      <c r="K10" s="198">
        <v>38</v>
      </c>
      <c r="L10" s="199">
        <v>38</v>
      </c>
      <c r="M10" s="194">
        <v>0</v>
      </c>
      <c r="N10" s="195">
        <v>0</v>
      </c>
      <c r="O10" s="198">
        <v>0</v>
      </c>
      <c r="P10" s="201">
        <v>1</v>
      </c>
      <c r="Q10" s="197">
        <v>4</v>
      </c>
      <c r="R10" s="197">
        <v>4</v>
      </c>
      <c r="S10" s="197">
        <v>9</v>
      </c>
      <c r="T10" s="195">
        <v>2</v>
      </c>
      <c r="U10" s="198">
        <v>20</v>
      </c>
      <c r="V10" s="202">
        <v>20</v>
      </c>
      <c r="W10" s="201">
        <v>0</v>
      </c>
      <c r="X10" s="195">
        <v>0</v>
      </c>
      <c r="Y10" s="195">
        <v>0</v>
      </c>
      <c r="Z10" s="196">
        <v>0</v>
      </c>
      <c r="AA10" s="197">
        <v>0</v>
      </c>
      <c r="AB10" s="197">
        <v>0</v>
      </c>
      <c r="AC10" s="197">
        <v>0</v>
      </c>
      <c r="AD10" s="195">
        <v>0</v>
      </c>
      <c r="AE10" s="198">
        <v>0</v>
      </c>
      <c r="AF10" s="199">
        <v>0</v>
      </c>
      <c r="AG10" s="194">
        <v>0</v>
      </c>
      <c r="AH10" s="195">
        <v>0</v>
      </c>
      <c r="AI10" s="195">
        <v>0</v>
      </c>
      <c r="AJ10" s="196">
        <v>0</v>
      </c>
      <c r="AK10" s="197">
        <v>0</v>
      </c>
      <c r="AL10" s="197">
        <v>0</v>
      </c>
      <c r="AM10" s="197">
        <v>0</v>
      </c>
      <c r="AN10" s="195">
        <v>0</v>
      </c>
      <c r="AO10" s="198">
        <v>0</v>
      </c>
      <c r="AP10" s="200">
        <v>0</v>
      </c>
      <c r="AQ10" s="37"/>
    </row>
    <row r="11" spans="2:43" ht="21" customHeight="1" x14ac:dyDescent="0.2">
      <c r="B11" s="62" t="s">
        <v>8</v>
      </c>
      <c r="C11" s="194">
        <v>0</v>
      </c>
      <c r="D11" s="195">
        <v>0</v>
      </c>
      <c r="E11" s="195">
        <v>0</v>
      </c>
      <c r="F11" s="196">
        <v>1</v>
      </c>
      <c r="G11" s="197">
        <v>3</v>
      </c>
      <c r="H11" s="197">
        <v>4</v>
      </c>
      <c r="I11" s="197">
        <v>9</v>
      </c>
      <c r="J11" s="195">
        <v>6</v>
      </c>
      <c r="K11" s="198">
        <v>23</v>
      </c>
      <c r="L11" s="199">
        <v>23</v>
      </c>
      <c r="M11" s="194">
        <v>0</v>
      </c>
      <c r="N11" s="195">
        <v>0</v>
      </c>
      <c r="O11" s="198">
        <v>0</v>
      </c>
      <c r="P11" s="201">
        <v>1</v>
      </c>
      <c r="Q11" s="197">
        <v>3</v>
      </c>
      <c r="R11" s="197">
        <v>6</v>
      </c>
      <c r="S11" s="197">
        <v>7</v>
      </c>
      <c r="T11" s="195">
        <v>2</v>
      </c>
      <c r="U11" s="198">
        <v>19</v>
      </c>
      <c r="V11" s="202">
        <v>19</v>
      </c>
      <c r="W11" s="201">
        <v>0</v>
      </c>
      <c r="X11" s="195">
        <v>0</v>
      </c>
      <c r="Y11" s="195">
        <v>0</v>
      </c>
      <c r="Z11" s="196">
        <v>0</v>
      </c>
      <c r="AA11" s="197">
        <v>0</v>
      </c>
      <c r="AB11" s="197">
        <v>0</v>
      </c>
      <c r="AC11" s="197">
        <v>0</v>
      </c>
      <c r="AD11" s="195">
        <v>0</v>
      </c>
      <c r="AE11" s="198">
        <v>0</v>
      </c>
      <c r="AF11" s="199">
        <v>0</v>
      </c>
      <c r="AG11" s="194">
        <v>0</v>
      </c>
      <c r="AH11" s="195">
        <v>0</v>
      </c>
      <c r="AI11" s="195">
        <v>0</v>
      </c>
      <c r="AJ11" s="196">
        <v>0</v>
      </c>
      <c r="AK11" s="197">
        <v>0</v>
      </c>
      <c r="AL11" s="197">
        <v>0</v>
      </c>
      <c r="AM11" s="197">
        <v>2</v>
      </c>
      <c r="AN11" s="195">
        <v>0</v>
      </c>
      <c r="AO11" s="198">
        <v>2</v>
      </c>
      <c r="AP11" s="200">
        <v>2</v>
      </c>
      <c r="AQ11" s="37"/>
    </row>
    <row r="12" spans="2:43" ht="21" customHeight="1" x14ac:dyDescent="0.2">
      <c r="B12" s="62" t="s">
        <v>9</v>
      </c>
      <c r="C12" s="194">
        <v>0</v>
      </c>
      <c r="D12" s="195">
        <v>0</v>
      </c>
      <c r="E12" s="195">
        <v>0</v>
      </c>
      <c r="F12" s="196">
        <v>1</v>
      </c>
      <c r="G12" s="197">
        <v>0</v>
      </c>
      <c r="H12" s="197">
        <v>3</v>
      </c>
      <c r="I12" s="197">
        <v>16</v>
      </c>
      <c r="J12" s="195">
        <v>9</v>
      </c>
      <c r="K12" s="198">
        <v>29</v>
      </c>
      <c r="L12" s="199">
        <v>29</v>
      </c>
      <c r="M12" s="194">
        <v>0</v>
      </c>
      <c r="N12" s="195">
        <v>0</v>
      </c>
      <c r="O12" s="198">
        <v>0</v>
      </c>
      <c r="P12" s="201">
        <v>0</v>
      </c>
      <c r="Q12" s="197">
        <v>1</v>
      </c>
      <c r="R12" s="197">
        <v>9</v>
      </c>
      <c r="S12" s="197">
        <v>5</v>
      </c>
      <c r="T12" s="195">
        <v>6</v>
      </c>
      <c r="U12" s="198">
        <v>21</v>
      </c>
      <c r="V12" s="202">
        <v>21</v>
      </c>
      <c r="W12" s="201">
        <v>0</v>
      </c>
      <c r="X12" s="195">
        <v>0</v>
      </c>
      <c r="Y12" s="195">
        <v>0</v>
      </c>
      <c r="Z12" s="196">
        <v>0</v>
      </c>
      <c r="AA12" s="197">
        <v>0</v>
      </c>
      <c r="AB12" s="197">
        <v>0</v>
      </c>
      <c r="AC12" s="197">
        <v>0</v>
      </c>
      <c r="AD12" s="195">
        <v>0</v>
      </c>
      <c r="AE12" s="198">
        <v>0</v>
      </c>
      <c r="AF12" s="199">
        <v>0</v>
      </c>
      <c r="AG12" s="194">
        <v>0</v>
      </c>
      <c r="AH12" s="195">
        <v>0</v>
      </c>
      <c r="AI12" s="195">
        <v>0</v>
      </c>
      <c r="AJ12" s="196">
        <v>0</v>
      </c>
      <c r="AK12" s="197">
        <v>0</v>
      </c>
      <c r="AL12" s="197">
        <v>0</v>
      </c>
      <c r="AM12" s="197">
        <v>0</v>
      </c>
      <c r="AN12" s="195">
        <v>0</v>
      </c>
      <c r="AO12" s="198">
        <v>0</v>
      </c>
      <c r="AP12" s="200">
        <v>0</v>
      </c>
      <c r="AQ12" s="37"/>
    </row>
    <row r="13" spans="2:43" ht="21" customHeight="1" x14ac:dyDescent="0.2">
      <c r="B13" s="62" t="s">
        <v>10</v>
      </c>
      <c r="C13" s="194">
        <v>0</v>
      </c>
      <c r="D13" s="195">
        <v>0</v>
      </c>
      <c r="E13" s="195">
        <v>0</v>
      </c>
      <c r="F13" s="196">
        <v>0</v>
      </c>
      <c r="G13" s="197">
        <v>1</v>
      </c>
      <c r="H13" s="197">
        <v>13</v>
      </c>
      <c r="I13" s="197">
        <v>10</v>
      </c>
      <c r="J13" s="195">
        <v>17</v>
      </c>
      <c r="K13" s="198">
        <v>41</v>
      </c>
      <c r="L13" s="199">
        <v>41</v>
      </c>
      <c r="M13" s="194">
        <v>0</v>
      </c>
      <c r="N13" s="195">
        <v>0</v>
      </c>
      <c r="O13" s="198">
        <v>0</v>
      </c>
      <c r="P13" s="201">
        <v>0</v>
      </c>
      <c r="Q13" s="197">
        <v>3</v>
      </c>
      <c r="R13" s="197">
        <v>9</v>
      </c>
      <c r="S13" s="197">
        <v>5</v>
      </c>
      <c r="T13" s="195">
        <v>4</v>
      </c>
      <c r="U13" s="198">
        <v>21</v>
      </c>
      <c r="V13" s="202">
        <v>21</v>
      </c>
      <c r="W13" s="201">
        <v>0</v>
      </c>
      <c r="X13" s="195">
        <v>0</v>
      </c>
      <c r="Y13" s="195">
        <v>0</v>
      </c>
      <c r="Z13" s="196">
        <v>0</v>
      </c>
      <c r="AA13" s="197">
        <v>0</v>
      </c>
      <c r="AB13" s="197">
        <v>0</v>
      </c>
      <c r="AC13" s="197">
        <v>0</v>
      </c>
      <c r="AD13" s="195">
        <v>0</v>
      </c>
      <c r="AE13" s="198">
        <v>0</v>
      </c>
      <c r="AF13" s="199">
        <v>0</v>
      </c>
      <c r="AG13" s="194">
        <v>0</v>
      </c>
      <c r="AH13" s="195">
        <v>0</v>
      </c>
      <c r="AI13" s="195">
        <v>0</v>
      </c>
      <c r="AJ13" s="196">
        <v>0</v>
      </c>
      <c r="AK13" s="197">
        <v>0</v>
      </c>
      <c r="AL13" s="197">
        <v>0</v>
      </c>
      <c r="AM13" s="197">
        <v>0</v>
      </c>
      <c r="AN13" s="195">
        <v>1</v>
      </c>
      <c r="AO13" s="198">
        <v>1</v>
      </c>
      <c r="AP13" s="200">
        <v>1</v>
      </c>
      <c r="AQ13" s="37"/>
    </row>
    <row r="14" spans="2:43" ht="21" customHeight="1" x14ac:dyDescent="0.2">
      <c r="B14" s="62" t="s">
        <v>11</v>
      </c>
      <c r="C14" s="194">
        <v>0</v>
      </c>
      <c r="D14" s="195">
        <v>0</v>
      </c>
      <c r="E14" s="195">
        <v>0</v>
      </c>
      <c r="F14" s="196">
        <v>0</v>
      </c>
      <c r="G14" s="197">
        <v>0</v>
      </c>
      <c r="H14" s="197">
        <v>2</v>
      </c>
      <c r="I14" s="197">
        <v>7</v>
      </c>
      <c r="J14" s="195">
        <v>7</v>
      </c>
      <c r="K14" s="198">
        <v>16</v>
      </c>
      <c r="L14" s="199">
        <v>16</v>
      </c>
      <c r="M14" s="194">
        <v>0</v>
      </c>
      <c r="N14" s="195">
        <v>0</v>
      </c>
      <c r="O14" s="198">
        <v>0</v>
      </c>
      <c r="P14" s="201">
        <v>3</v>
      </c>
      <c r="Q14" s="197">
        <v>1</v>
      </c>
      <c r="R14" s="197">
        <v>3</v>
      </c>
      <c r="S14" s="197">
        <v>6</v>
      </c>
      <c r="T14" s="195">
        <v>1</v>
      </c>
      <c r="U14" s="198">
        <v>14</v>
      </c>
      <c r="V14" s="202">
        <v>14</v>
      </c>
      <c r="W14" s="201">
        <v>0</v>
      </c>
      <c r="X14" s="195">
        <v>0</v>
      </c>
      <c r="Y14" s="195">
        <v>0</v>
      </c>
      <c r="Z14" s="196">
        <v>0</v>
      </c>
      <c r="AA14" s="197">
        <v>0</v>
      </c>
      <c r="AB14" s="197">
        <v>0</v>
      </c>
      <c r="AC14" s="197">
        <v>0</v>
      </c>
      <c r="AD14" s="195">
        <v>0</v>
      </c>
      <c r="AE14" s="198">
        <v>0</v>
      </c>
      <c r="AF14" s="199">
        <v>0</v>
      </c>
      <c r="AG14" s="194">
        <v>0</v>
      </c>
      <c r="AH14" s="195">
        <v>0</v>
      </c>
      <c r="AI14" s="195">
        <v>0</v>
      </c>
      <c r="AJ14" s="196">
        <v>0</v>
      </c>
      <c r="AK14" s="197">
        <v>0</v>
      </c>
      <c r="AL14" s="197">
        <v>0</v>
      </c>
      <c r="AM14" s="197">
        <v>0</v>
      </c>
      <c r="AN14" s="195">
        <v>0</v>
      </c>
      <c r="AO14" s="198">
        <v>0</v>
      </c>
      <c r="AP14" s="200">
        <v>0</v>
      </c>
      <c r="AQ14" s="37"/>
    </row>
    <row r="15" spans="2:43" ht="21" customHeight="1" x14ac:dyDescent="0.2">
      <c r="B15" s="62" t="s">
        <v>12</v>
      </c>
      <c r="C15" s="194">
        <v>0</v>
      </c>
      <c r="D15" s="195">
        <v>0</v>
      </c>
      <c r="E15" s="195">
        <v>0</v>
      </c>
      <c r="F15" s="196">
        <v>0</v>
      </c>
      <c r="G15" s="197">
        <v>1</v>
      </c>
      <c r="H15" s="197">
        <v>4</v>
      </c>
      <c r="I15" s="197">
        <v>10</v>
      </c>
      <c r="J15" s="195">
        <v>4</v>
      </c>
      <c r="K15" s="198">
        <v>19</v>
      </c>
      <c r="L15" s="199">
        <v>19</v>
      </c>
      <c r="M15" s="194">
        <v>0</v>
      </c>
      <c r="N15" s="195">
        <v>0</v>
      </c>
      <c r="O15" s="198">
        <v>0</v>
      </c>
      <c r="P15" s="201">
        <v>0</v>
      </c>
      <c r="Q15" s="197">
        <v>3</v>
      </c>
      <c r="R15" s="197">
        <v>4</v>
      </c>
      <c r="S15" s="197">
        <v>10</v>
      </c>
      <c r="T15" s="195">
        <v>2</v>
      </c>
      <c r="U15" s="198">
        <v>19</v>
      </c>
      <c r="V15" s="202">
        <v>19</v>
      </c>
      <c r="W15" s="201">
        <v>0</v>
      </c>
      <c r="X15" s="195">
        <v>0</v>
      </c>
      <c r="Y15" s="195">
        <v>0</v>
      </c>
      <c r="Z15" s="196">
        <v>0</v>
      </c>
      <c r="AA15" s="197">
        <v>0</v>
      </c>
      <c r="AB15" s="197">
        <v>0</v>
      </c>
      <c r="AC15" s="197">
        <v>0</v>
      </c>
      <c r="AD15" s="195">
        <v>0</v>
      </c>
      <c r="AE15" s="198">
        <v>0</v>
      </c>
      <c r="AF15" s="199">
        <v>0</v>
      </c>
      <c r="AG15" s="194">
        <v>0</v>
      </c>
      <c r="AH15" s="195">
        <v>0</v>
      </c>
      <c r="AI15" s="195">
        <v>0</v>
      </c>
      <c r="AJ15" s="196">
        <v>0</v>
      </c>
      <c r="AK15" s="197">
        <v>0</v>
      </c>
      <c r="AL15" s="197">
        <v>0</v>
      </c>
      <c r="AM15" s="197">
        <v>1</v>
      </c>
      <c r="AN15" s="195">
        <v>0</v>
      </c>
      <c r="AO15" s="198">
        <v>1</v>
      </c>
      <c r="AP15" s="200">
        <v>1</v>
      </c>
      <c r="AQ15" s="37"/>
    </row>
    <row r="16" spans="2:43" ht="21" customHeight="1" x14ac:dyDescent="0.2">
      <c r="B16" s="62" t="s">
        <v>13</v>
      </c>
      <c r="C16" s="194">
        <v>0</v>
      </c>
      <c r="D16" s="195">
        <v>0</v>
      </c>
      <c r="E16" s="195">
        <v>0</v>
      </c>
      <c r="F16" s="196">
        <v>0</v>
      </c>
      <c r="G16" s="197">
        <v>0</v>
      </c>
      <c r="H16" s="197">
        <v>4</v>
      </c>
      <c r="I16" s="197">
        <v>4</v>
      </c>
      <c r="J16" s="195">
        <v>3</v>
      </c>
      <c r="K16" s="198">
        <v>11</v>
      </c>
      <c r="L16" s="199">
        <v>11</v>
      </c>
      <c r="M16" s="194">
        <v>0</v>
      </c>
      <c r="N16" s="195">
        <v>0</v>
      </c>
      <c r="O16" s="198">
        <v>0</v>
      </c>
      <c r="P16" s="201">
        <v>0</v>
      </c>
      <c r="Q16" s="197">
        <v>1</v>
      </c>
      <c r="R16" s="197">
        <v>1</v>
      </c>
      <c r="S16" s="197">
        <v>4</v>
      </c>
      <c r="T16" s="195">
        <v>1</v>
      </c>
      <c r="U16" s="198">
        <v>7</v>
      </c>
      <c r="V16" s="202">
        <v>7</v>
      </c>
      <c r="W16" s="201">
        <v>0</v>
      </c>
      <c r="X16" s="195">
        <v>0</v>
      </c>
      <c r="Y16" s="195">
        <v>0</v>
      </c>
      <c r="Z16" s="196">
        <v>0</v>
      </c>
      <c r="AA16" s="197">
        <v>0</v>
      </c>
      <c r="AB16" s="197">
        <v>0</v>
      </c>
      <c r="AC16" s="197">
        <v>0</v>
      </c>
      <c r="AD16" s="195">
        <v>0</v>
      </c>
      <c r="AE16" s="198">
        <v>0</v>
      </c>
      <c r="AF16" s="199">
        <v>0</v>
      </c>
      <c r="AG16" s="194">
        <v>0</v>
      </c>
      <c r="AH16" s="195">
        <v>0</v>
      </c>
      <c r="AI16" s="195">
        <v>0</v>
      </c>
      <c r="AJ16" s="196">
        <v>0</v>
      </c>
      <c r="AK16" s="197">
        <v>0</v>
      </c>
      <c r="AL16" s="197">
        <v>0</v>
      </c>
      <c r="AM16" s="197">
        <v>0</v>
      </c>
      <c r="AN16" s="195">
        <v>0</v>
      </c>
      <c r="AO16" s="198">
        <v>0</v>
      </c>
      <c r="AP16" s="200">
        <v>0</v>
      </c>
      <c r="AQ16" s="37"/>
    </row>
    <row r="17" spans="2:43" ht="21" customHeight="1" x14ac:dyDescent="0.2">
      <c r="B17" s="62" t="s">
        <v>15</v>
      </c>
      <c r="C17" s="194">
        <v>0</v>
      </c>
      <c r="D17" s="195">
        <v>0</v>
      </c>
      <c r="E17" s="195">
        <v>0</v>
      </c>
      <c r="F17" s="196">
        <v>0</v>
      </c>
      <c r="G17" s="197">
        <v>0</v>
      </c>
      <c r="H17" s="197">
        <v>1</v>
      </c>
      <c r="I17" s="197">
        <v>0</v>
      </c>
      <c r="J17" s="195">
        <v>2</v>
      </c>
      <c r="K17" s="198">
        <v>3</v>
      </c>
      <c r="L17" s="199">
        <v>3</v>
      </c>
      <c r="M17" s="194">
        <v>0</v>
      </c>
      <c r="N17" s="195">
        <v>0</v>
      </c>
      <c r="O17" s="198">
        <v>0</v>
      </c>
      <c r="P17" s="201">
        <v>0</v>
      </c>
      <c r="Q17" s="197">
        <v>0</v>
      </c>
      <c r="R17" s="197">
        <v>1</v>
      </c>
      <c r="S17" s="197">
        <v>2</v>
      </c>
      <c r="T17" s="195">
        <v>0</v>
      </c>
      <c r="U17" s="198">
        <v>3</v>
      </c>
      <c r="V17" s="202">
        <v>3</v>
      </c>
      <c r="W17" s="201">
        <v>0</v>
      </c>
      <c r="X17" s="195">
        <v>0</v>
      </c>
      <c r="Y17" s="195">
        <v>0</v>
      </c>
      <c r="Z17" s="196">
        <v>0</v>
      </c>
      <c r="AA17" s="197">
        <v>0</v>
      </c>
      <c r="AB17" s="197">
        <v>0</v>
      </c>
      <c r="AC17" s="197">
        <v>0</v>
      </c>
      <c r="AD17" s="195">
        <v>0</v>
      </c>
      <c r="AE17" s="198">
        <v>0</v>
      </c>
      <c r="AF17" s="199">
        <v>0</v>
      </c>
      <c r="AG17" s="194">
        <v>0</v>
      </c>
      <c r="AH17" s="195">
        <v>0</v>
      </c>
      <c r="AI17" s="195">
        <v>0</v>
      </c>
      <c r="AJ17" s="196">
        <v>0</v>
      </c>
      <c r="AK17" s="197">
        <v>0</v>
      </c>
      <c r="AL17" s="197">
        <v>0</v>
      </c>
      <c r="AM17" s="197">
        <v>0</v>
      </c>
      <c r="AN17" s="195">
        <v>0</v>
      </c>
      <c r="AO17" s="198">
        <v>0</v>
      </c>
      <c r="AP17" s="200">
        <v>0</v>
      </c>
      <c r="AQ17" s="37"/>
    </row>
    <row r="18" spans="2:43" ht="21" customHeight="1" x14ac:dyDescent="0.2">
      <c r="B18" s="62" t="s">
        <v>16</v>
      </c>
      <c r="C18" s="194">
        <v>0</v>
      </c>
      <c r="D18" s="195">
        <v>0</v>
      </c>
      <c r="E18" s="195">
        <v>0</v>
      </c>
      <c r="F18" s="196">
        <v>0</v>
      </c>
      <c r="G18" s="197">
        <v>0</v>
      </c>
      <c r="H18" s="197">
        <v>6</v>
      </c>
      <c r="I18" s="197">
        <v>7</v>
      </c>
      <c r="J18" s="195">
        <v>7</v>
      </c>
      <c r="K18" s="198">
        <v>20</v>
      </c>
      <c r="L18" s="199">
        <v>20</v>
      </c>
      <c r="M18" s="194">
        <v>0</v>
      </c>
      <c r="N18" s="195">
        <v>0</v>
      </c>
      <c r="O18" s="198">
        <v>0</v>
      </c>
      <c r="P18" s="201">
        <v>1</v>
      </c>
      <c r="Q18" s="197">
        <v>2</v>
      </c>
      <c r="R18" s="197">
        <v>4</v>
      </c>
      <c r="S18" s="197">
        <v>6</v>
      </c>
      <c r="T18" s="195">
        <v>3</v>
      </c>
      <c r="U18" s="198">
        <v>16</v>
      </c>
      <c r="V18" s="202">
        <v>16</v>
      </c>
      <c r="W18" s="201">
        <v>0</v>
      </c>
      <c r="X18" s="195">
        <v>0</v>
      </c>
      <c r="Y18" s="195">
        <v>0</v>
      </c>
      <c r="Z18" s="196">
        <v>0</v>
      </c>
      <c r="AA18" s="197">
        <v>0</v>
      </c>
      <c r="AB18" s="197">
        <v>0</v>
      </c>
      <c r="AC18" s="197">
        <v>0</v>
      </c>
      <c r="AD18" s="195">
        <v>0</v>
      </c>
      <c r="AE18" s="198">
        <v>0</v>
      </c>
      <c r="AF18" s="199">
        <v>0</v>
      </c>
      <c r="AG18" s="194">
        <v>0</v>
      </c>
      <c r="AH18" s="195">
        <v>0</v>
      </c>
      <c r="AI18" s="195">
        <v>0</v>
      </c>
      <c r="AJ18" s="196">
        <v>0</v>
      </c>
      <c r="AK18" s="197">
        <v>0</v>
      </c>
      <c r="AL18" s="197">
        <v>0</v>
      </c>
      <c r="AM18" s="197">
        <v>2</v>
      </c>
      <c r="AN18" s="195">
        <v>0</v>
      </c>
      <c r="AO18" s="198">
        <v>2</v>
      </c>
      <c r="AP18" s="200">
        <v>2</v>
      </c>
      <c r="AQ18" s="37"/>
    </row>
    <row r="19" spans="2:43" ht="21" customHeight="1" x14ac:dyDescent="0.2">
      <c r="B19" s="62" t="s">
        <v>17</v>
      </c>
      <c r="C19" s="194">
        <v>0</v>
      </c>
      <c r="D19" s="195">
        <v>0</v>
      </c>
      <c r="E19" s="195">
        <v>0</v>
      </c>
      <c r="F19" s="196">
        <v>0</v>
      </c>
      <c r="G19" s="197">
        <v>1</v>
      </c>
      <c r="H19" s="197">
        <v>7</v>
      </c>
      <c r="I19" s="197">
        <v>6</v>
      </c>
      <c r="J19" s="195">
        <v>6</v>
      </c>
      <c r="K19" s="198">
        <v>20</v>
      </c>
      <c r="L19" s="199">
        <v>20</v>
      </c>
      <c r="M19" s="194">
        <v>0</v>
      </c>
      <c r="N19" s="195">
        <v>0</v>
      </c>
      <c r="O19" s="198">
        <v>0</v>
      </c>
      <c r="P19" s="201">
        <v>1</v>
      </c>
      <c r="Q19" s="197">
        <v>6</v>
      </c>
      <c r="R19" s="197">
        <v>8</v>
      </c>
      <c r="S19" s="197">
        <v>8</v>
      </c>
      <c r="T19" s="195">
        <v>5</v>
      </c>
      <c r="U19" s="198">
        <v>28</v>
      </c>
      <c r="V19" s="202">
        <v>28</v>
      </c>
      <c r="W19" s="201">
        <v>0</v>
      </c>
      <c r="X19" s="195">
        <v>0</v>
      </c>
      <c r="Y19" s="195">
        <v>0</v>
      </c>
      <c r="Z19" s="196">
        <v>0</v>
      </c>
      <c r="AA19" s="197">
        <v>0</v>
      </c>
      <c r="AB19" s="197">
        <v>0</v>
      </c>
      <c r="AC19" s="197">
        <v>0</v>
      </c>
      <c r="AD19" s="195">
        <v>0</v>
      </c>
      <c r="AE19" s="198">
        <v>0</v>
      </c>
      <c r="AF19" s="199">
        <v>0</v>
      </c>
      <c r="AG19" s="194">
        <v>0</v>
      </c>
      <c r="AH19" s="195">
        <v>0</v>
      </c>
      <c r="AI19" s="195">
        <v>0</v>
      </c>
      <c r="AJ19" s="196">
        <v>0</v>
      </c>
      <c r="AK19" s="197">
        <v>0</v>
      </c>
      <c r="AL19" s="197">
        <v>0</v>
      </c>
      <c r="AM19" s="197">
        <v>0</v>
      </c>
      <c r="AN19" s="195">
        <v>0</v>
      </c>
      <c r="AO19" s="198">
        <v>0</v>
      </c>
      <c r="AP19" s="200">
        <v>0</v>
      </c>
      <c r="AQ19" s="37"/>
    </row>
    <row r="20" spans="2:43" ht="21" customHeight="1" x14ac:dyDescent="0.2">
      <c r="B20" s="62" t="s">
        <v>18</v>
      </c>
      <c r="C20" s="194">
        <v>0</v>
      </c>
      <c r="D20" s="195">
        <v>0</v>
      </c>
      <c r="E20" s="195">
        <v>0</v>
      </c>
      <c r="F20" s="196">
        <v>0</v>
      </c>
      <c r="G20" s="197">
        <v>1</v>
      </c>
      <c r="H20" s="197">
        <v>8</v>
      </c>
      <c r="I20" s="197">
        <v>16</v>
      </c>
      <c r="J20" s="195">
        <v>6</v>
      </c>
      <c r="K20" s="198">
        <v>31</v>
      </c>
      <c r="L20" s="199">
        <v>31</v>
      </c>
      <c r="M20" s="194">
        <v>0</v>
      </c>
      <c r="N20" s="195">
        <v>0</v>
      </c>
      <c r="O20" s="198">
        <v>0</v>
      </c>
      <c r="P20" s="201">
        <v>5</v>
      </c>
      <c r="Q20" s="197">
        <v>2</v>
      </c>
      <c r="R20" s="197">
        <v>4</v>
      </c>
      <c r="S20" s="197">
        <v>5</v>
      </c>
      <c r="T20" s="195">
        <v>2</v>
      </c>
      <c r="U20" s="198">
        <v>18</v>
      </c>
      <c r="V20" s="202">
        <v>18</v>
      </c>
      <c r="W20" s="201">
        <v>0</v>
      </c>
      <c r="X20" s="195">
        <v>0</v>
      </c>
      <c r="Y20" s="195">
        <v>0</v>
      </c>
      <c r="Z20" s="196">
        <v>0</v>
      </c>
      <c r="AA20" s="197">
        <v>0</v>
      </c>
      <c r="AB20" s="197">
        <v>0</v>
      </c>
      <c r="AC20" s="197">
        <v>0</v>
      </c>
      <c r="AD20" s="195">
        <v>1</v>
      </c>
      <c r="AE20" s="198">
        <v>1</v>
      </c>
      <c r="AF20" s="199">
        <v>1</v>
      </c>
      <c r="AG20" s="194">
        <v>0</v>
      </c>
      <c r="AH20" s="195">
        <v>0</v>
      </c>
      <c r="AI20" s="195">
        <v>0</v>
      </c>
      <c r="AJ20" s="196">
        <v>0</v>
      </c>
      <c r="AK20" s="197">
        <v>0</v>
      </c>
      <c r="AL20" s="197">
        <v>0</v>
      </c>
      <c r="AM20" s="197">
        <v>0</v>
      </c>
      <c r="AN20" s="195">
        <v>0</v>
      </c>
      <c r="AO20" s="198">
        <v>0</v>
      </c>
      <c r="AP20" s="200">
        <v>0</v>
      </c>
      <c r="AQ20" s="37"/>
    </row>
    <row r="21" spans="2:43" ht="21" customHeight="1" x14ac:dyDescent="0.2">
      <c r="B21" s="62" t="s">
        <v>19</v>
      </c>
      <c r="C21" s="194">
        <v>0</v>
      </c>
      <c r="D21" s="195">
        <v>0</v>
      </c>
      <c r="E21" s="195">
        <v>0</v>
      </c>
      <c r="F21" s="196">
        <v>0</v>
      </c>
      <c r="G21" s="197">
        <v>0</v>
      </c>
      <c r="H21" s="197">
        <v>2</v>
      </c>
      <c r="I21" s="197">
        <v>4</v>
      </c>
      <c r="J21" s="195">
        <v>3</v>
      </c>
      <c r="K21" s="198">
        <v>9</v>
      </c>
      <c r="L21" s="199">
        <v>9</v>
      </c>
      <c r="M21" s="194">
        <v>0</v>
      </c>
      <c r="N21" s="195">
        <v>0</v>
      </c>
      <c r="O21" s="198">
        <v>0</v>
      </c>
      <c r="P21" s="201">
        <v>0</v>
      </c>
      <c r="Q21" s="197">
        <v>3</v>
      </c>
      <c r="R21" s="197">
        <v>4</v>
      </c>
      <c r="S21" s="197">
        <v>3</v>
      </c>
      <c r="T21" s="195">
        <v>1</v>
      </c>
      <c r="U21" s="198">
        <v>11</v>
      </c>
      <c r="V21" s="202">
        <v>11</v>
      </c>
      <c r="W21" s="201">
        <v>0</v>
      </c>
      <c r="X21" s="195">
        <v>0</v>
      </c>
      <c r="Y21" s="195">
        <v>0</v>
      </c>
      <c r="Z21" s="196">
        <v>0</v>
      </c>
      <c r="AA21" s="197">
        <v>0</v>
      </c>
      <c r="AB21" s="197">
        <v>0</v>
      </c>
      <c r="AC21" s="197">
        <v>0</v>
      </c>
      <c r="AD21" s="195">
        <v>0</v>
      </c>
      <c r="AE21" s="198">
        <v>0</v>
      </c>
      <c r="AF21" s="199">
        <v>0</v>
      </c>
      <c r="AG21" s="194">
        <v>0</v>
      </c>
      <c r="AH21" s="195">
        <v>0</v>
      </c>
      <c r="AI21" s="195">
        <v>0</v>
      </c>
      <c r="AJ21" s="196">
        <v>0</v>
      </c>
      <c r="AK21" s="197">
        <v>0</v>
      </c>
      <c r="AL21" s="197">
        <v>0</v>
      </c>
      <c r="AM21" s="197">
        <v>0</v>
      </c>
      <c r="AN21" s="195">
        <v>0</v>
      </c>
      <c r="AO21" s="198">
        <v>0</v>
      </c>
      <c r="AP21" s="200">
        <v>0</v>
      </c>
      <c r="AQ21" s="37"/>
    </row>
    <row r="22" spans="2:43" ht="21" customHeight="1" x14ac:dyDescent="0.2">
      <c r="B22" s="62" t="s">
        <v>20</v>
      </c>
      <c r="C22" s="194">
        <v>0</v>
      </c>
      <c r="D22" s="195">
        <v>0</v>
      </c>
      <c r="E22" s="195">
        <v>0</v>
      </c>
      <c r="F22" s="196">
        <v>0</v>
      </c>
      <c r="G22" s="197">
        <v>1</v>
      </c>
      <c r="H22" s="197">
        <v>3</v>
      </c>
      <c r="I22" s="197">
        <v>6</v>
      </c>
      <c r="J22" s="195">
        <v>3</v>
      </c>
      <c r="K22" s="198">
        <v>13</v>
      </c>
      <c r="L22" s="199">
        <v>13</v>
      </c>
      <c r="M22" s="194">
        <v>0</v>
      </c>
      <c r="N22" s="195">
        <v>0</v>
      </c>
      <c r="O22" s="198">
        <v>0</v>
      </c>
      <c r="P22" s="201">
        <v>1</v>
      </c>
      <c r="Q22" s="197">
        <v>2</v>
      </c>
      <c r="R22" s="197">
        <v>2</v>
      </c>
      <c r="S22" s="197">
        <v>3</v>
      </c>
      <c r="T22" s="195">
        <v>0</v>
      </c>
      <c r="U22" s="198">
        <v>8</v>
      </c>
      <c r="V22" s="202">
        <v>8</v>
      </c>
      <c r="W22" s="201">
        <v>0</v>
      </c>
      <c r="X22" s="195">
        <v>0</v>
      </c>
      <c r="Y22" s="195">
        <v>0</v>
      </c>
      <c r="Z22" s="196">
        <v>0</v>
      </c>
      <c r="AA22" s="197">
        <v>0</v>
      </c>
      <c r="AB22" s="197">
        <v>0</v>
      </c>
      <c r="AC22" s="197">
        <v>0</v>
      </c>
      <c r="AD22" s="195">
        <v>0</v>
      </c>
      <c r="AE22" s="198">
        <v>0</v>
      </c>
      <c r="AF22" s="199">
        <v>0</v>
      </c>
      <c r="AG22" s="194">
        <v>0</v>
      </c>
      <c r="AH22" s="195">
        <v>0</v>
      </c>
      <c r="AI22" s="195">
        <v>0</v>
      </c>
      <c r="AJ22" s="196">
        <v>0</v>
      </c>
      <c r="AK22" s="197">
        <v>0</v>
      </c>
      <c r="AL22" s="197">
        <v>0</v>
      </c>
      <c r="AM22" s="197">
        <v>0</v>
      </c>
      <c r="AN22" s="195">
        <v>0</v>
      </c>
      <c r="AO22" s="198">
        <v>0</v>
      </c>
      <c r="AP22" s="200">
        <v>0</v>
      </c>
      <c r="AQ22" s="37"/>
    </row>
    <row r="23" spans="2:43" ht="21" customHeight="1" x14ac:dyDescent="0.2">
      <c r="B23" s="62" t="s">
        <v>21</v>
      </c>
      <c r="C23" s="194">
        <v>0</v>
      </c>
      <c r="D23" s="195">
        <v>0</v>
      </c>
      <c r="E23" s="195">
        <v>0</v>
      </c>
      <c r="F23" s="196">
        <v>0</v>
      </c>
      <c r="G23" s="197">
        <v>0</v>
      </c>
      <c r="H23" s="197">
        <v>2</v>
      </c>
      <c r="I23" s="197">
        <v>3</v>
      </c>
      <c r="J23" s="195">
        <v>6</v>
      </c>
      <c r="K23" s="198">
        <v>11</v>
      </c>
      <c r="L23" s="199">
        <v>11</v>
      </c>
      <c r="M23" s="194">
        <v>0</v>
      </c>
      <c r="N23" s="195">
        <v>0</v>
      </c>
      <c r="O23" s="198">
        <v>0</v>
      </c>
      <c r="P23" s="201">
        <v>0</v>
      </c>
      <c r="Q23" s="197">
        <v>3</v>
      </c>
      <c r="R23" s="197">
        <v>1</v>
      </c>
      <c r="S23" s="197">
        <v>2</v>
      </c>
      <c r="T23" s="195">
        <v>2</v>
      </c>
      <c r="U23" s="198">
        <v>8</v>
      </c>
      <c r="V23" s="202">
        <v>8</v>
      </c>
      <c r="W23" s="201">
        <v>0</v>
      </c>
      <c r="X23" s="195">
        <v>0</v>
      </c>
      <c r="Y23" s="195">
        <v>0</v>
      </c>
      <c r="Z23" s="196">
        <v>0</v>
      </c>
      <c r="AA23" s="197">
        <v>0</v>
      </c>
      <c r="AB23" s="197">
        <v>0</v>
      </c>
      <c r="AC23" s="197">
        <v>0</v>
      </c>
      <c r="AD23" s="195">
        <v>0</v>
      </c>
      <c r="AE23" s="198">
        <v>0</v>
      </c>
      <c r="AF23" s="199">
        <v>0</v>
      </c>
      <c r="AG23" s="194">
        <v>0</v>
      </c>
      <c r="AH23" s="195">
        <v>0</v>
      </c>
      <c r="AI23" s="195">
        <v>0</v>
      </c>
      <c r="AJ23" s="196">
        <v>0</v>
      </c>
      <c r="AK23" s="197">
        <v>0</v>
      </c>
      <c r="AL23" s="197">
        <v>0</v>
      </c>
      <c r="AM23" s="197">
        <v>0</v>
      </c>
      <c r="AN23" s="195">
        <v>2</v>
      </c>
      <c r="AO23" s="198">
        <v>2</v>
      </c>
      <c r="AP23" s="200">
        <v>2</v>
      </c>
      <c r="AQ23" s="37"/>
    </row>
    <row r="24" spans="2:43" ht="21" customHeight="1" x14ac:dyDescent="0.2">
      <c r="B24" s="62" t="s">
        <v>22</v>
      </c>
      <c r="C24" s="194">
        <v>0</v>
      </c>
      <c r="D24" s="195">
        <v>0</v>
      </c>
      <c r="E24" s="195">
        <v>0</v>
      </c>
      <c r="F24" s="196">
        <v>0</v>
      </c>
      <c r="G24" s="197">
        <v>0</v>
      </c>
      <c r="H24" s="197">
        <v>0</v>
      </c>
      <c r="I24" s="197">
        <v>1</v>
      </c>
      <c r="J24" s="195">
        <v>0</v>
      </c>
      <c r="K24" s="198">
        <v>1</v>
      </c>
      <c r="L24" s="199">
        <v>1</v>
      </c>
      <c r="M24" s="194">
        <v>0</v>
      </c>
      <c r="N24" s="195">
        <v>0</v>
      </c>
      <c r="O24" s="198">
        <v>0</v>
      </c>
      <c r="P24" s="201">
        <v>0</v>
      </c>
      <c r="Q24" s="197">
        <v>0</v>
      </c>
      <c r="R24" s="197">
        <v>3</v>
      </c>
      <c r="S24" s="197">
        <v>0</v>
      </c>
      <c r="T24" s="195">
        <v>0</v>
      </c>
      <c r="U24" s="198">
        <v>3</v>
      </c>
      <c r="V24" s="202">
        <v>3</v>
      </c>
      <c r="W24" s="201">
        <v>0</v>
      </c>
      <c r="X24" s="195">
        <v>0</v>
      </c>
      <c r="Y24" s="195">
        <v>0</v>
      </c>
      <c r="Z24" s="196">
        <v>0</v>
      </c>
      <c r="AA24" s="197">
        <v>0</v>
      </c>
      <c r="AB24" s="197">
        <v>0</v>
      </c>
      <c r="AC24" s="197">
        <v>0</v>
      </c>
      <c r="AD24" s="195">
        <v>0</v>
      </c>
      <c r="AE24" s="198">
        <v>0</v>
      </c>
      <c r="AF24" s="199">
        <v>0</v>
      </c>
      <c r="AG24" s="194">
        <v>0</v>
      </c>
      <c r="AH24" s="195">
        <v>0</v>
      </c>
      <c r="AI24" s="195">
        <v>0</v>
      </c>
      <c r="AJ24" s="196">
        <v>0</v>
      </c>
      <c r="AK24" s="197">
        <v>0</v>
      </c>
      <c r="AL24" s="197">
        <v>0</v>
      </c>
      <c r="AM24" s="197">
        <v>0</v>
      </c>
      <c r="AN24" s="195">
        <v>0</v>
      </c>
      <c r="AO24" s="198">
        <v>0</v>
      </c>
      <c r="AP24" s="200">
        <v>0</v>
      </c>
      <c r="AQ24" s="37"/>
    </row>
    <row r="25" spans="2:43" ht="21" customHeight="1" x14ac:dyDescent="0.2">
      <c r="B25" s="62" t="s">
        <v>23</v>
      </c>
      <c r="C25" s="194">
        <v>0</v>
      </c>
      <c r="D25" s="195">
        <v>0</v>
      </c>
      <c r="E25" s="195">
        <v>0</v>
      </c>
      <c r="F25" s="196">
        <v>0</v>
      </c>
      <c r="G25" s="197">
        <v>1</v>
      </c>
      <c r="H25" s="197">
        <v>1</v>
      </c>
      <c r="I25" s="197">
        <v>5</v>
      </c>
      <c r="J25" s="195">
        <v>1</v>
      </c>
      <c r="K25" s="198">
        <v>8</v>
      </c>
      <c r="L25" s="199">
        <v>8</v>
      </c>
      <c r="M25" s="194">
        <v>0</v>
      </c>
      <c r="N25" s="195">
        <v>0</v>
      </c>
      <c r="O25" s="198">
        <v>0</v>
      </c>
      <c r="P25" s="201">
        <v>0</v>
      </c>
      <c r="Q25" s="197">
        <v>0</v>
      </c>
      <c r="R25" s="197">
        <v>1</v>
      </c>
      <c r="S25" s="197">
        <v>3</v>
      </c>
      <c r="T25" s="195">
        <v>4</v>
      </c>
      <c r="U25" s="198">
        <v>8</v>
      </c>
      <c r="V25" s="202">
        <v>8</v>
      </c>
      <c r="W25" s="201">
        <v>0</v>
      </c>
      <c r="X25" s="195">
        <v>0</v>
      </c>
      <c r="Y25" s="195">
        <v>0</v>
      </c>
      <c r="Z25" s="196">
        <v>0</v>
      </c>
      <c r="AA25" s="197">
        <v>0</v>
      </c>
      <c r="AB25" s="197">
        <v>0</v>
      </c>
      <c r="AC25" s="197">
        <v>0</v>
      </c>
      <c r="AD25" s="195">
        <v>0</v>
      </c>
      <c r="AE25" s="198">
        <v>0</v>
      </c>
      <c r="AF25" s="199">
        <v>0</v>
      </c>
      <c r="AG25" s="194">
        <v>0</v>
      </c>
      <c r="AH25" s="195">
        <v>0</v>
      </c>
      <c r="AI25" s="195">
        <v>0</v>
      </c>
      <c r="AJ25" s="196">
        <v>0</v>
      </c>
      <c r="AK25" s="197">
        <v>0</v>
      </c>
      <c r="AL25" s="197">
        <v>0</v>
      </c>
      <c r="AM25" s="197">
        <v>0</v>
      </c>
      <c r="AN25" s="195">
        <v>1</v>
      </c>
      <c r="AO25" s="198">
        <v>1</v>
      </c>
      <c r="AP25" s="200">
        <v>1</v>
      </c>
      <c r="AQ25" s="37"/>
    </row>
    <row r="26" spans="2:43" ht="21" customHeight="1" x14ac:dyDescent="0.2">
      <c r="B26" s="62" t="s">
        <v>24</v>
      </c>
      <c r="C26" s="194">
        <v>0</v>
      </c>
      <c r="D26" s="195">
        <v>0</v>
      </c>
      <c r="E26" s="195">
        <v>0</v>
      </c>
      <c r="F26" s="196">
        <v>0</v>
      </c>
      <c r="G26" s="197">
        <v>0</v>
      </c>
      <c r="H26" s="197">
        <v>1</v>
      </c>
      <c r="I26" s="197">
        <v>3</v>
      </c>
      <c r="J26" s="195">
        <v>2</v>
      </c>
      <c r="K26" s="198">
        <v>6</v>
      </c>
      <c r="L26" s="199">
        <v>6</v>
      </c>
      <c r="M26" s="194">
        <v>0</v>
      </c>
      <c r="N26" s="195">
        <v>0</v>
      </c>
      <c r="O26" s="198">
        <v>0</v>
      </c>
      <c r="P26" s="201">
        <v>0</v>
      </c>
      <c r="Q26" s="197">
        <v>0</v>
      </c>
      <c r="R26" s="197">
        <v>2</v>
      </c>
      <c r="S26" s="197">
        <v>1</v>
      </c>
      <c r="T26" s="195">
        <v>1</v>
      </c>
      <c r="U26" s="198">
        <v>4</v>
      </c>
      <c r="V26" s="202">
        <v>4</v>
      </c>
      <c r="W26" s="201">
        <v>0</v>
      </c>
      <c r="X26" s="195">
        <v>0</v>
      </c>
      <c r="Y26" s="195">
        <v>0</v>
      </c>
      <c r="Z26" s="196">
        <v>0</v>
      </c>
      <c r="AA26" s="197">
        <v>0</v>
      </c>
      <c r="AB26" s="197">
        <v>0</v>
      </c>
      <c r="AC26" s="197">
        <v>0</v>
      </c>
      <c r="AD26" s="195">
        <v>0</v>
      </c>
      <c r="AE26" s="198">
        <v>0</v>
      </c>
      <c r="AF26" s="199">
        <v>0</v>
      </c>
      <c r="AG26" s="194">
        <v>0</v>
      </c>
      <c r="AH26" s="195">
        <v>0</v>
      </c>
      <c r="AI26" s="195">
        <v>0</v>
      </c>
      <c r="AJ26" s="196">
        <v>0</v>
      </c>
      <c r="AK26" s="197">
        <v>0</v>
      </c>
      <c r="AL26" s="197">
        <v>0</v>
      </c>
      <c r="AM26" s="197">
        <v>0</v>
      </c>
      <c r="AN26" s="195">
        <v>0</v>
      </c>
      <c r="AO26" s="198">
        <v>0</v>
      </c>
      <c r="AP26" s="200">
        <v>0</v>
      </c>
      <c r="AQ26" s="37"/>
    </row>
    <row r="27" spans="2:43" ht="21" customHeight="1" x14ac:dyDescent="0.2">
      <c r="B27" s="62" t="s">
        <v>25</v>
      </c>
      <c r="C27" s="194">
        <v>0</v>
      </c>
      <c r="D27" s="195">
        <v>0</v>
      </c>
      <c r="E27" s="195">
        <v>0</v>
      </c>
      <c r="F27" s="196">
        <v>0</v>
      </c>
      <c r="G27" s="197">
        <v>0</v>
      </c>
      <c r="H27" s="197">
        <v>2</v>
      </c>
      <c r="I27" s="197">
        <v>1</v>
      </c>
      <c r="J27" s="195">
        <v>0</v>
      </c>
      <c r="K27" s="198">
        <v>3</v>
      </c>
      <c r="L27" s="199">
        <v>3</v>
      </c>
      <c r="M27" s="194">
        <v>0</v>
      </c>
      <c r="N27" s="195">
        <v>0</v>
      </c>
      <c r="O27" s="198">
        <v>0</v>
      </c>
      <c r="P27" s="201">
        <v>0</v>
      </c>
      <c r="Q27" s="197">
        <v>0</v>
      </c>
      <c r="R27" s="197">
        <v>0</v>
      </c>
      <c r="S27" s="197">
        <v>1</v>
      </c>
      <c r="T27" s="195">
        <v>0</v>
      </c>
      <c r="U27" s="198">
        <v>1</v>
      </c>
      <c r="V27" s="202">
        <v>1</v>
      </c>
      <c r="W27" s="201">
        <v>0</v>
      </c>
      <c r="X27" s="195">
        <v>0</v>
      </c>
      <c r="Y27" s="195">
        <v>0</v>
      </c>
      <c r="Z27" s="196">
        <v>0</v>
      </c>
      <c r="AA27" s="197">
        <v>0</v>
      </c>
      <c r="AB27" s="197">
        <v>0</v>
      </c>
      <c r="AC27" s="197">
        <v>0</v>
      </c>
      <c r="AD27" s="195">
        <v>0</v>
      </c>
      <c r="AE27" s="198">
        <v>0</v>
      </c>
      <c r="AF27" s="199">
        <v>0</v>
      </c>
      <c r="AG27" s="194">
        <v>0</v>
      </c>
      <c r="AH27" s="195">
        <v>0</v>
      </c>
      <c r="AI27" s="195">
        <v>0</v>
      </c>
      <c r="AJ27" s="196">
        <v>0</v>
      </c>
      <c r="AK27" s="197">
        <v>0</v>
      </c>
      <c r="AL27" s="197">
        <v>0</v>
      </c>
      <c r="AM27" s="197">
        <v>0</v>
      </c>
      <c r="AN27" s="195">
        <v>0</v>
      </c>
      <c r="AO27" s="198">
        <v>0</v>
      </c>
      <c r="AP27" s="200">
        <v>0</v>
      </c>
      <c r="AQ27" s="37"/>
    </row>
    <row r="28" spans="2:43" ht="21" customHeight="1" x14ac:dyDescent="0.2">
      <c r="B28" s="62" t="s">
        <v>26</v>
      </c>
      <c r="C28" s="194">
        <v>0</v>
      </c>
      <c r="D28" s="195">
        <v>0</v>
      </c>
      <c r="E28" s="195">
        <v>0</v>
      </c>
      <c r="F28" s="196">
        <v>0</v>
      </c>
      <c r="G28" s="197">
        <v>0</v>
      </c>
      <c r="H28" s="197">
        <v>0</v>
      </c>
      <c r="I28" s="197">
        <v>2</v>
      </c>
      <c r="J28" s="195">
        <v>1</v>
      </c>
      <c r="K28" s="198">
        <v>3</v>
      </c>
      <c r="L28" s="199">
        <v>3</v>
      </c>
      <c r="M28" s="194">
        <v>0</v>
      </c>
      <c r="N28" s="195">
        <v>0</v>
      </c>
      <c r="O28" s="198">
        <v>0</v>
      </c>
      <c r="P28" s="201">
        <v>1</v>
      </c>
      <c r="Q28" s="197">
        <v>0</v>
      </c>
      <c r="R28" s="197">
        <v>0</v>
      </c>
      <c r="S28" s="197">
        <v>0</v>
      </c>
      <c r="T28" s="195">
        <v>0</v>
      </c>
      <c r="U28" s="198">
        <v>1</v>
      </c>
      <c r="V28" s="202">
        <v>1</v>
      </c>
      <c r="W28" s="201">
        <v>0</v>
      </c>
      <c r="X28" s="195">
        <v>0</v>
      </c>
      <c r="Y28" s="195">
        <v>0</v>
      </c>
      <c r="Z28" s="196">
        <v>0</v>
      </c>
      <c r="AA28" s="197">
        <v>0</v>
      </c>
      <c r="AB28" s="197">
        <v>0</v>
      </c>
      <c r="AC28" s="197">
        <v>0</v>
      </c>
      <c r="AD28" s="195">
        <v>0</v>
      </c>
      <c r="AE28" s="198">
        <v>0</v>
      </c>
      <c r="AF28" s="199">
        <v>0</v>
      </c>
      <c r="AG28" s="194">
        <v>0</v>
      </c>
      <c r="AH28" s="195">
        <v>0</v>
      </c>
      <c r="AI28" s="195">
        <v>0</v>
      </c>
      <c r="AJ28" s="196">
        <v>0</v>
      </c>
      <c r="AK28" s="197">
        <v>0</v>
      </c>
      <c r="AL28" s="197">
        <v>0</v>
      </c>
      <c r="AM28" s="197">
        <v>0</v>
      </c>
      <c r="AN28" s="195">
        <v>0</v>
      </c>
      <c r="AO28" s="198">
        <v>0</v>
      </c>
      <c r="AP28" s="200">
        <v>0</v>
      </c>
      <c r="AQ28" s="37"/>
    </row>
    <row r="29" spans="2:43" ht="21" customHeight="1" x14ac:dyDescent="0.2">
      <c r="B29" s="62" t="s">
        <v>27</v>
      </c>
      <c r="C29" s="194">
        <v>0</v>
      </c>
      <c r="D29" s="195">
        <v>0</v>
      </c>
      <c r="E29" s="195">
        <v>0</v>
      </c>
      <c r="F29" s="196">
        <v>0</v>
      </c>
      <c r="G29" s="197">
        <v>0</v>
      </c>
      <c r="H29" s="197">
        <v>1</v>
      </c>
      <c r="I29" s="197">
        <v>2</v>
      </c>
      <c r="J29" s="195">
        <v>0</v>
      </c>
      <c r="K29" s="198">
        <v>3</v>
      </c>
      <c r="L29" s="199">
        <v>3</v>
      </c>
      <c r="M29" s="194">
        <v>0</v>
      </c>
      <c r="N29" s="195">
        <v>0</v>
      </c>
      <c r="O29" s="198">
        <v>0</v>
      </c>
      <c r="P29" s="201">
        <v>1</v>
      </c>
      <c r="Q29" s="197">
        <v>0</v>
      </c>
      <c r="R29" s="197">
        <v>0</v>
      </c>
      <c r="S29" s="197">
        <v>0</v>
      </c>
      <c r="T29" s="195">
        <v>0</v>
      </c>
      <c r="U29" s="198">
        <v>1</v>
      </c>
      <c r="V29" s="202">
        <v>1</v>
      </c>
      <c r="W29" s="201">
        <v>0</v>
      </c>
      <c r="X29" s="195">
        <v>0</v>
      </c>
      <c r="Y29" s="195">
        <v>0</v>
      </c>
      <c r="Z29" s="196">
        <v>0</v>
      </c>
      <c r="AA29" s="197">
        <v>0</v>
      </c>
      <c r="AB29" s="197">
        <v>0</v>
      </c>
      <c r="AC29" s="197">
        <v>0</v>
      </c>
      <c r="AD29" s="195">
        <v>0</v>
      </c>
      <c r="AE29" s="198">
        <v>0</v>
      </c>
      <c r="AF29" s="199">
        <v>0</v>
      </c>
      <c r="AG29" s="194">
        <v>0</v>
      </c>
      <c r="AH29" s="195">
        <v>0</v>
      </c>
      <c r="AI29" s="195">
        <v>0</v>
      </c>
      <c r="AJ29" s="196">
        <v>0</v>
      </c>
      <c r="AK29" s="197">
        <v>0</v>
      </c>
      <c r="AL29" s="197">
        <v>0</v>
      </c>
      <c r="AM29" s="197">
        <v>0</v>
      </c>
      <c r="AN29" s="195">
        <v>0</v>
      </c>
      <c r="AO29" s="198">
        <v>0</v>
      </c>
      <c r="AP29" s="200">
        <v>0</v>
      </c>
      <c r="AQ29" s="37"/>
    </row>
    <row r="30" spans="2:43" ht="21" customHeight="1" x14ac:dyDescent="0.2">
      <c r="B30" s="62" t="s">
        <v>28</v>
      </c>
      <c r="C30" s="194">
        <v>0</v>
      </c>
      <c r="D30" s="195">
        <v>0</v>
      </c>
      <c r="E30" s="195">
        <v>0</v>
      </c>
      <c r="F30" s="196">
        <v>0</v>
      </c>
      <c r="G30" s="197">
        <v>0</v>
      </c>
      <c r="H30" s="197">
        <v>0</v>
      </c>
      <c r="I30" s="197">
        <v>0</v>
      </c>
      <c r="J30" s="195">
        <v>0</v>
      </c>
      <c r="K30" s="198">
        <v>0</v>
      </c>
      <c r="L30" s="199">
        <v>0</v>
      </c>
      <c r="M30" s="194">
        <v>0</v>
      </c>
      <c r="N30" s="195">
        <v>0</v>
      </c>
      <c r="O30" s="198">
        <v>0</v>
      </c>
      <c r="P30" s="201">
        <v>0</v>
      </c>
      <c r="Q30" s="197">
        <v>0</v>
      </c>
      <c r="R30" s="197">
        <v>0</v>
      </c>
      <c r="S30" s="197">
        <v>0</v>
      </c>
      <c r="T30" s="195">
        <v>1</v>
      </c>
      <c r="U30" s="198">
        <v>1</v>
      </c>
      <c r="V30" s="202">
        <v>1</v>
      </c>
      <c r="W30" s="201">
        <v>0</v>
      </c>
      <c r="X30" s="195">
        <v>0</v>
      </c>
      <c r="Y30" s="195">
        <v>0</v>
      </c>
      <c r="Z30" s="196">
        <v>0</v>
      </c>
      <c r="AA30" s="197">
        <v>0</v>
      </c>
      <c r="AB30" s="197">
        <v>0</v>
      </c>
      <c r="AC30" s="197">
        <v>0</v>
      </c>
      <c r="AD30" s="195">
        <v>0</v>
      </c>
      <c r="AE30" s="198">
        <v>0</v>
      </c>
      <c r="AF30" s="199">
        <v>0</v>
      </c>
      <c r="AG30" s="194">
        <v>0</v>
      </c>
      <c r="AH30" s="195">
        <v>0</v>
      </c>
      <c r="AI30" s="195">
        <v>0</v>
      </c>
      <c r="AJ30" s="196">
        <v>0</v>
      </c>
      <c r="AK30" s="197">
        <v>0</v>
      </c>
      <c r="AL30" s="197">
        <v>0</v>
      </c>
      <c r="AM30" s="197">
        <v>0</v>
      </c>
      <c r="AN30" s="195">
        <v>0</v>
      </c>
      <c r="AO30" s="198">
        <v>0</v>
      </c>
      <c r="AP30" s="200">
        <v>0</v>
      </c>
      <c r="AQ30" s="37"/>
    </row>
    <row r="31" spans="2:43" ht="21" customHeight="1" x14ac:dyDescent="0.2">
      <c r="B31" s="62" t="s">
        <v>29</v>
      </c>
      <c r="C31" s="194">
        <v>0</v>
      </c>
      <c r="D31" s="195">
        <v>0</v>
      </c>
      <c r="E31" s="195">
        <v>0</v>
      </c>
      <c r="F31" s="196">
        <v>0</v>
      </c>
      <c r="G31" s="197">
        <v>0</v>
      </c>
      <c r="H31" s="197">
        <v>0</v>
      </c>
      <c r="I31" s="197">
        <v>0</v>
      </c>
      <c r="J31" s="195">
        <v>0</v>
      </c>
      <c r="K31" s="198">
        <v>0</v>
      </c>
      <c r="L31" s="199">
        <v>0</v>
      </c>
      <c r="M31" s="194">
        <v>0</v>
      </c>
      <c r="N31" s="195">
        <v>0</v>
      </c>
      <c r="O31" s="198">
        <v>0</v>
      </c>
      <c r="P31" s="201">
        <v>0</v>
      </c>
      <c r="Q31" s="197">
        <v>0</v>
      </c>
      <c r="R31" s="197">
        <v>1</v>
      </c>
      <c r="S31" s="197">
        <v>1</v>
      </c>
      <c r="T31" s="195">
        <v>0</v>
      </c>
      <c r="U31" s="198">
        <v>2</v>
      </c>
      <c r="V31" s="202">
        <v>2</v>
      </c>
      <c r="W31" s="201">
        <v>0</v>
      </c>
      <c r="X31" s="195">
        <v>0</v>
      </c>
      <c r="Y31" s="195">
        <v>0</v>
      </c>
      <c r="Z31" s="196">
        <v>0</v>
      </c>
      <c r="AA31" s="197">
        <v>0</v>
      </c>
      <c r="AB31" s="197">
        <v>0</v>
      </c>
      <c r="AC31" s="197">
        <v>0</v>
      </c>
      <c r="AD31" s="195">
        <v>0</v>
      </c>
      <c r="AE31" s="198">
        <v>0</v>
      </c>
      <c r="AF31" s="199">
        <v>0</v>
      </c>
      <c r="AG31" s="194">
        <v>0</v>
      </c>
      <c r="AH31" s="195">
        <v>0</v>
      </c>
      <c r="AI31" s="195">
        <v>0</v>
      </c>
      <c r="AJ31" s="196">
        <v>0</v>
      </c>
      <c r="AK31" s="197">
        <v>0</v>
      </c>
      <c r="AL31" s="197">
        <v>0</v>
      </c>
      <c r="AM31" s="197">
        <v>0</v>
      </c>
      <c r="AN31" s="195">
        <v>0</v>
      </c>
      <c r="AO31" s="198">
        <v>0</v>
      </c>
      <c r="AP31" s="200">
        <v>0</v>
      </c>
      <c r="AQ31" s="37"/>
    </row>
    <row r="32" spans="2:43" ht="21" customHeight="1" x14ac:dyDescent="0.2">
      <c r="B32" s="62" t="s">
        <v>30</v>
      </c>
      <c r="C32" s="194">
        <v>0</v>
      </c>
      <c r="D32" s="195">
        <v>0</v>
      </c>
      <c r="E32" s="195">
        <v>0</v>
      </c>
      <c r="F32" s="196">
        <v>0</v>
      </c>
      <c r="G32" s="197">
        <v>0</v>
      </c>
      <c r="H32" s="197">
        <v>1</v>
      </c>
      <c r="I32" s="197">
        <v>1</v>
      </c>
      <c r="J32" s="195">
        <v>0</v>
      </c>
      <c r="K32" s="198">
        <v>2</v>
      </c>
      <c r="L32" s="199">
        <v>2</v>
      </c>
      <c r="M32" s="194">
        <v>0</v>
      </c>
      <c r="N32" s="195">
        <v>0</v>
      </c>
      <c r="O32" s="198">
        <v>0</v>
      </c>
      <c r="P32" s="201">
        <v>1</v>
      </c>
      <c r="Q32" s="197">
        <v>0</v>
      </c>
      <c r="R32" s="197">
        <v>0</v>
      </c>
      <c r="S32" s="197">
        <v>1</v>
      </c>
      <c r="T32" s="195">
        <v>1</v>
      </c>
      <c r="U32" s="198">
        <v>3</v>
      </c>
      <c r="V32" s="202">
        <v>3</v>
      </c>
      <c r="W32" s="201">
        <v>0</v>
      </c>
      <c r="X32" s="195">
        <v>0</v>
      </c>
      <c r="Y32" s="195">
        <v>0</v>
      </c>
      <c r="Z32" s="196">
        <v>0</v>
      </c>
      <c r="AA32" s="197">
        <v>0</v>
      </c>
      <c r="AB32" s="197">
        <v>0</v>
      </c>
      <c r="AC32" s="197">
        <v>0</v>
      </c>
      <c r="AD32" s="195">
        <v>0</v>
      </c>
      <c r="AE32" s="198">
        <v>0</v>
      </c>
      <c r="AF32" s="199">
        <v>0</v>
      </c>
      <c r="AG32" s="194">
        <v>0</v>
      </c>
      <c r="AH32" s="195">
        <v>0</v>
      </c>
      <c r="AI32" s="195">
        <v>0</v>
      </c>
      <c r="AJ32" s="196">
        <v>0</v>
      </c>
      <c r="AK32" s="197">
        <v>0</v>
      </c>
      <c r="AL32" s="197">
        <v>0</v>
      </c>
      <c r="AM32" s="197">
        <v>0</v>
      </c>
      <c r="AN32" s="195">
        <v>0</v>
      </c>
      <c r="AO32" s="198">
        <v>0</v>
      </c>
      <c r="AP32" s="200">
        <v>0</v>
      </c>
      <c r="AQ32" s="37"/>
    </row>
    <row r="33" spans="2:43" ht="21" customHeight="1" x14ac:dyDescent="0.2">
      <c r="B33" s="62" t="s">
        <v>31</v>
      </c>
      <c r="C33" s="194">
        <v>0</v>
      </c>
      <c r="D33" s="195">
        <v>0</v>
      </c>
      <c r="E33" s="195">
        <v>0</v>
      </c>
      <c r="F33" s="196">
        <v>0</v>
      </c>
      <c r="G33" s="197">
        <v>0</v>
      </c>
      <c r="H33" s="197">
        <v>2</v>
      </c>
      <c r="I33" s="197">
        <v>1</v>
      </c>
      <c r="J33" s="195">
        <v>0</v>
      </c>
      <c r="K33" s="198">
        <v>3</v>
      </c>
      <c r="L33" s="199">
        <v>3</v>
      </c>
      <c r="M33" s="194">
        <v>0</v>
      </c>
      <c r="N33" s="195">
        <v>0</v>
      </c>
      <c r="O33" s="198">
        <v>0</v>
      </c>
      <c r="P33" s="201">
        <v>0</v>
      </c>
      <c r="Q33" s="197">
        <v>1</v>
      </c>
      <c r="R33" s="197">
        <v>0</v>
      </c>
      <c r="S33" s="197">
        <v>0</v>
      </c>
      <c r="T33" s="195">
        <v>1</v>
      </c>
      <c r="U33" s="198">
        <v>2</v>
      </c>
      <c r="V33" s="202">
        <v>2</v>
      </c>
      <c r="W33" s="201">
        <v>0</v>
      </c>
      <c r="X33" s="195">
        <v>0</v>
      </c>
      <c r="Y33" s="195">
        <v>0</v>
      </c>
      <c r="Z33" s="196">
        <v>0</v>
      </c>
      <c r="AA33" s="197">
        <v>0</v>
      </c>
      <c r="AB33" s="197">
        <v>0</v>
      </c>
      <c r="AC33" s="197">
        <v>0</v>
      </c>
      <c r="AD33" s="195">
        <v>0</v>
      </c>
      <c r="AE33" s="198">
        <v>0</v>
      </c>
      <c r="AF33" s="199">
        <v>0</v>
      </c>
      <c r="AG33" s="194">
        <v>0</v>
      </c>
      <c r="AH33" s="195">
        <v>0</v>
      </c>
      <c r="AI33" s="195">
        <v>0</v>
      </c>
      <c r="AJ33" s="196">
        <v>0</v>
      </c>
      <c r="AK33" s="197">
        <v>0</v>
      </c>
      <c r="AL33" s="197">
        <v>0</v>
      </c>
      <c r="AM33" s="197">
        <v>0</v>
      </c>
      <c r="AN33" s="195">
        <v>0</v>
      </c>
      <c r="AO33" s="198">
        <v>0</v>
      </c>
      <c r="AP33" s="200">
        <v>0</v>
      </c>
      <c r="AQ33" s="37"/>
    </row>
    <row r="34" spans="2:43" ht="21" customHeight="1" x14ac:dyDescent="0.2">
      <c r="B34" s="62" t="s">
        <v>32</v>
      </c>
      <c r="C34" s="194">
        <v>0</v>
      </c>
      <c r="D34" s="195">
        <v>0</v>
      </c>
      <c r="E34" s="195">
        <v>0</v>
      </c>
      <c r="F34" s="196">
        <v>0</v>
      </c>
      <c r="G34" s="197">
        <v>0</v>
      </c>
      <c r="H34" s="197">
        <v>0</v>
      </c>
      <c r="I34" s="197">
        <v>1</v>
      </c>
      <c r="J34" s="195">
        <v>1</v>
      </c>
      <c r="K34" s="198">
        <v>2</v>
      </c>
      <c r="L34" s="199">
        <v>2</v>
      </c>
      <c r="M34" s="194">
        <v>0</v>
      </c>
      <c r="N34" s="195">
        <v>0</v>
      </c>
      <c r="O34" s="198">
        <v>0</v>
      </c>
      <c r="P34" s="201">
        <v>0</v>
      </c>
      <c r="Q34" s="197">
        <v>0</v>
      </c>
      <c r="R34" s="197">
        <v>0</v>
      </c>
      <c r="S34" s="197">
        <v>0</v>
      </c>
      <c r="T34" s="195">
        <v>1</v>
      </c>
      <c r="U34" s="198">
        <v>1</v>
      </c>
      <c r="V34" s="202">
        <v>1</v>
      </c>
      <c r="W34" s="201">
        <v>0</v>
      </c>
      <c r="X34" s="195">
        <v>0</v>
      </c>
      <c r="Y34" s="195">
        <v>0</v>
      </c>
      <c r="Z34" s="196">
        <v>0</v>
      </c>
      <c r="AA34" s="197">
        <v>0</v>
      </c>
      <c r="AB34" s="197">
        <v>0</v>
      </c>
      <c r="AC34" s="197">
        <v>0</v>
      </c>
      <c r="AD34" s="195">
        <v>0</v>
      </c>
      <c r="AE34" s="198">
        <v>0</v>
      </c>
      <c r="AF34" s="199">
        <v>0</v>
      </c>
      <c r="AG34" s="194">
        <v>0</v>
      </c>
      <c r="AH34" s="195">
        <v>0</v>
      </c>
      <c r="AI34" s="195">
        <v>0</v>
      </c>
      <c r="AJ34" s="196">
        <v>0</v>
      </c>
      <c r="AK34" s="197">
        <v>0</v>
      </c>
      <c r="AL34" s="197">
        <v>0</v>
      </c>
      <c r="AM34" s="197">
        <v>0</v>
      </c>
      <c r="AN34" s="195">
        <v>0</v>
      </c>
      <c r="AO34" s="198">
        <v>0</v>
      </c>
      <c r="AP34" s="200">
        <v>0</v>
      </c>
      <c r="AQ34" s="37"/>
    </row>
    <row r="35" spans="2:43" ht="21" customHeight="1" x14ac:dyDescent="0.2">
      <c r="B35" s="62" t="s">
        <v>33</v>
      </c>
      <c r="C35" s="194">
        <v>0</v>
      </c>
      <c r="D35" s="195">
        <v>0</v>
      </c>
      <c r="E35" s="195">
        <v>0</v>
      </c>
      <c r="F35" s="196">
        <v>0</v>
      </c>
      <c r="G35" s="197">
        <v>0</v>
      </c>
      <c r="H35" s="197">
        <v>0</v>
      </c>
      <c r="I35" s="197">
        <v>0</v>
      </c>
      <c r="J35" s="195">
        <v>0</v>
      </c>
      <c r="K35" s="198">
        <v>0</v>
      </c>
      <c r="L35" s="199">
        <v>0</v>
      </c>
      <c r="M35" s="194">
        <v>0</v>
      </c>
      <c r="N35" s="195">
        <v>0</v>
      </c>
      <c r="O35" s="198">
        <v>0</v>
      </c>
      <c r="P35" s="201">
        <v>0</v>
      </c>
      <c r="Q35" s="197">
        <v>0</v>
      </c>
      <c r="R35" s="197">
        <v>0</v>
      </c>
      <c r="S35" s="197">
        <v>0</v>
      </c>
      <c r="T35" s="195">
        <v>0</v>
      </c>
      <c r="U35" s="198">
        <v>0</v>
      </c>
      <c r="V35" s="202">
        <v>0</v>
      </c>
      <c r="W35" s="201">
        <v>0</v>
      </c>
      <c r="X35" s="195">
        <v>0</v>
      </c>
      <c r="Y35" s="195">
        <v>0</v>
      </c>
      <c r="Z35" s="196">
        <v>0</v>
      </c>
      <c r="AA35" s="197">
        <v>0</v>
      </c>
      <c r="AB35" s="197">
        <v>0</v>
      </c>
      <c r="AC35" s="197">
        <v>0</v>
      </c>
      <c r="AD35" s="195">
        <v>0</v>
      </c>
      <c r="AE35" s="198">
        <v>0</v>
      </c>
      <c r="AF35" s="199">
        <v>0</v>
      </c>
      <c r="AG35" s="194">
        <v>0</v>
      </c>
      <c r="AH35" s="195">
        <v>0</v>
      </c>
      <c r="AI35" s="195">
        <v>0</v>
      </c>
      <c r="AJ35" s="196">
        <v>0</v>
      </c>
      <c r="AK35" s="197">
        <v>0</v>
      </c>
      <c r="AL35" s="197">
        <v>0</v>
      </c>
      <c r="AM35" s="197">
        <v>1</v>
      </c>
      <c r="AN35" s="195">
        <v>2</v>
      </c>
      <c r="AO35" s="198">
        <v>3</v>
      </c>
      <c r="AP35" s="200">
        <v>3</v>
      </c>
      <c r="AQ35" s="37"/>
    </row>
    <row r="36" spans="2:43" ht="21" customHeight="1" x14ac:dyDescent="0.2">
      <c r="B36" s="62" t="s">
        <v>34</v>
      </c>
      <c r="C36" s="194">
        <v>0</v>
      </c>
      <c r="D36" s="195">
        <v>0</v>
      </c>
      <c r="E36" s="195">
        <v>0</v>
      </c>
      <c r="F36" s="196">
        <v>0</v>
      </c>
      <c r="G36" s="197">
        <v>0</v>
      </c>
      <c r="H36" s="197">
        <v>0</v>
      </c>
      <c r="I36" s="197">
        <v>0</v>
      </c>
      <c r="J36" s="195">
        <v>0</v>
      </c>
      <c r="K36" s="198">
        <v>0</v>
      </c>
      <c r="L36" s="199">
        <v>0</v>
      </c>
      <c r="M36" s="194">
        <v>0</v>
      </c>
      <c r="N36" s="195">
        <v>0</v>
      </c>
      <c r="O36" s="198">
        <v>0</v>
      </c>
      <c r="P36" s="201">
        <v>0</v>
      </c>
      <c r="Q36" s="197">
        <v>1</v>
      </c>
      <c r="R36" s="197">
        <v>0</v>
      </c>
      <c r="S36" s="197">
        <v>0</v>
      </c>
      <c r="T36" s="195">
        <v>0</v>
      </c>
      <c r="U36" s="198">
        <v>1</v>
      </c>
      <c r="V36" s="202">
        <v>1</v>
      </c>
      <c r="W36" s="201">
        <v>0</v>
      </c>
      <c r="X36" s="195">
        <v>0</v>
      </c>
      <c r="Y36" s="195">
        <v>0</v>
      </c>
      <c r="Z36" s="196">
        <v>0</v>
      </c>
      <c r="AA36" s="197">
        <v>0</v>
      </c>
      <c r="AB36" s="197">
        <v>0</v>
      </c>
      <c r="AC36" s="197">
        <v>0</v>
      </c>
      <c r="AD36" s="195">
        <v>0</v>
      </c>
      <c r="AE36" s="198">
        <v>0</v>
      </c>
      <c r="AF36" s="199">
        <v>0</v>
      </c>
      <c r="AG36" s="194">
        <v>0</v>
      </c>
      <c r="AH36" s="195">
        <v>0</v>
      </c>
      <c r="AI36" s="195">
        <v>0</v>
      </c>
      <c r="AJ36" s="196">
        <v>0</v>
      </c>
      <c r="AK36" s="197">
        <v>0</v>
      </c>
      <c r="AL36" s="197">
        <v>0</v>
      </c>
      <c r="AM36" s="197">
        <v>0</v>
      </c>
      <c r="AN36" s="195">
        <v>0</v>
      </c>
      <c r="AO36" s="198">
        <v>0</v>
      </c>
      <c r="AP36" s="200">
        <v>0</v>
      </c>
      <c r="AQ36" s="37"/>
    </row>
    <row r="37" spans="2:43" ht="21" customHeight="1" x14ac:dyDescent="0.2">
      <c r="B37" s="62" t="s">
        <v>35</v>
      </c>
      <c r="C37" s="194">
        <v>0</v>
      </c>
      <c r="D37" s="195">
        <v>0</v>
      </c>
      <c r="E37" s="195">
        <v>0</v>
      </c>
      <c r="F37" s="196">
        <v>0</v>
      </c>
      <c r="G37" s="197">
        <v>0</v>
      </c>
      <c r="H37" s="197">
        <v>0</v>
      </c>
      <c r="I37" s="197">
        <v>2</v>
      </c>
      <c r="J37" s="195">
        <v>0</v>
      </c>
      <c r="K37" s="198">
        <v>2</v>
      </c>
      <c r="L37" s="199">
        <v>2</v>
      </c>
      <c r="M37" s="194">
        <v>0</v>
      </c>
      <c r="N37" s="195">
        <v>0</v>
      </c>
      <c r="O37" s="198">
        <v>0</v>
      </c>
      <c r="P37" s="201">
        <v>0</v>
      </c>
      <c r="Q37" s="197">
        <v>0</v>
      </c>
      <c r="R37" s="197">
        <v>0</v>
      </c>
      <c r="S37" s="197">
        <v>0</v>
      </c>
      <c r="T37" s="195">
        <v>0</v>
      </c>
      <c r="U37" s="198">
        <v>0</v>
      </c>
      <c r="V37" s="202">
        <v>0</v>
      </c>
      <c r="W37" s="201">
        <v>0</v>
      </c>
      <c r="X37" s="195">
        <v>0</v>
      </c>
      <c r="Y37" s="195">
        <v>0</v>
      </c>
      <c r="Z37" s="196">
        <v>0</v>
      </c>
      <c r="AA37" s="197">
        <v>0</v>
      </c>
      <c r="AB37" s="197">
        <v>0</v>
      </c>
      <c r="AC37" s="197">
        <v>0</v>
      </c>
      <c r="AD37" s="195">
        <v>0</v>
      </c>
      <c r="AE37" s="198">
        <v>0</v>
      </c>
      <c r="AF37" s="199">
        <v>0</v>
      </c>
      <c r="AG37" s="194">
        <v>0</v>
      </c>
      <c r="AH37" s="195">
        <v>0</v>
      </c>
      <c r="AI37" s="195">
        <v>0</v>
      </c>
      <c r="AJ37" s="196">
        <v>0</v>
      </c>
      <c r="AK37" s="197">
        <v>0</v>
      </c>
      <c r="AL37" s="197">
        <v>0</v>
      </c>
      <c r="AM37" s="197">
        <v>0</v>
      </c>
      <c r="AN37" s="195">
        <v>0</v>
      </c>
      <c r="AO37" s="198">
        <v>0</v>
      </c>
      <c r="AP37" s="200">
        <v>0</v>
      </c>
      <c r="AQ37" s="37"/>
    </row>
    <row r="38" spans="2:43" ht="21" customHeight="1" x14ac:dyDescent="0.2">
      <c r="B38" s="62" t="s">
        <v>36</v>
      </c>
      <c r="C38" s="194">
        <v>0</v>
      </c>
      <c r="D38" s="195">
        <v>0</v>
      </c>
      <c r="E38" s="195">
        <v>0</v>
      </c>
      <c r="F38" s="196">
        <v>0</v>
      </c>
      <c r="G38" s="197">
        <v>0</v>
      </c>
      <c r="H38" s="197">
        <v>1</v>
      </c>
      <c r="I38" s="197">
        <v>1</v>
      </c>
      <c r="J38" s="195">
        <v>2</v>
      </c>
      <c r="K38" s="198">
        <v>4</v>
      </c>
      <c r="L38" s="199">
        <v>4</v>
      </c>
      <c r="M38" s="194">
        <v>0</v>
      </c>
      <c r="N38" s="195">
        <v>0</v>
      </c>
      <c r="O38" s="198">
        <v>0</v>
      </c>
      <c r="P38" s="201">
        <v>2</v>
      </c>
      <c r="Q38" s="197">
        <v>0</v>
      </c>
      <c r="R38" s="197">
        <v>1</v>
      </c>
      <c r="S38" s="197">
        <v>2</v>
      </c>
      <c r="T38" s="195">
        <v>0</v>
      </c>
      <c r="U38" s="198">
        <v>5</v>
      </c>
      <c r="V38" s="202">
        <v>5</v>
      </c>
      <c r="W38" s="201">
        <v>0</v>
      </c>
      <c r="X38" s="195">
        <v>0</v>
      </c>
      <c r="Y38" s="195">
        <v>0</v>
      </c>
      <c r="Z38" s="196">
        <v>0</v>
      </c>
      <c r="AA38" s="197">
        <v>0</v>
      </c>
      <c r="AB38" s="197">
        <v>0</v>
      </c>
      <c r="AC38" s="197">
        <v>0</v>
      </c>
      <c r="AD38" s="195">
        <v>0</v>
      </c>
      <c r="AE38" s="198">
        <v>0</v>
      </c>
      <c r="AF38" s="199">
        <v>0</v>
      </c>
      <c r="AG38" s="194">
        <v>0</v>
      </c>
      <c r="AH38" s="195">
        <v>0</v>
      </c>
      <c r="AI38" s="195">
        <v>0</v>
      </c>
      <c r="AJ38" s="196">
        <v>0</v>
      </c>
      <c r="AK38" s="197">
        <v>0</v>
      </c>
      <c r="AL38" s="197">
        <v>0</v>
      </c>
      <c r="AM38" s="197">
        <v>0</v>
      </c>
      <c r="AN38" s="195">
        <v>0</v>
      </c>
      <c r="AO38" s="198">
        <v>0</v>
      </c>
      <c r="AP38" s="200">
        <v>0</v>
      </c>
      <c r="AQ38" s="37"/>
    </row>
    <row r="39" spans="2:43" ht="21" customHeight="1" thickBot="1" x14ac:dyDescent="0.25">
      <c r="B39" s="63" t="s">
        <v>37</v>
      </c>
      <c r="C39" s="203">
        <v>0</v>
      </c>
      <c r="D39" s="204">
        <v>0</v>
      </c>
      <c r="E39" s="204">
        <v>0</v>
      </c>
      <c r="F39" s="205">
        <v>0</v>
      </c>
      <c r="G39" s="206">
        <v>0</v>
      </c>
      <c r="H39" s="206">
        <v>0</v>
      </c>
      <c r="I39" s="206">
        <v>0</v>
      </c>
      <c r="J39" s="204">
        <v>0</v>
      </c>
      <c r="K39" s="207">
        <v>0</v>
      </c>
      <c r="L39" s="208">
        <v>0</v>
      </c>
      <c r="M39" s="203">
        <v>0</v>
      </c>
      <c r="N39" s="204">
        <v>0</v>
      </c>
      <c r="O39" s="207">
        <v>0</v>
      </c>
      <c r="P39" s="210">
        <v>0</v>
      </c>
      <c r="Q39" s="206">
        <v>0</v>
      </c>
      <c r="R39" s="206">
        <v>0</v>
      </c>
      <c r="S39" s="206">
        <v>0</v>
      </c>
      <c r="T39" s="204">
        <v>0</v>
      </c>
      <c r="U39" s="207">
        <v>0</v>
      </c>
      <c r="V39" s="211">
        <v>0</v>
      </c>
      <c r="W39" s="210">
        <v>0</v>
      </c>
      <c r="X39" s="204">
        <v>0</v>
      </c>
      <c r="Y39" s="204">
        <v>0</v>
      </c>
      <c r="Z39" s="205">
        <v>0</v>
      </c>
      <c r="AA39" s="206">
        <v>0</v>
      </c>
      <c r="AB39" s="206">
        <v>0</v>
      </c>
      <c r="AC39" s="206">
        <v>0</v>
      </c>
      <c r="AD39" s="204">
        <v>0</v>
      </c>
      <c r="AE39" s="207">
        <v>0</v>
      </c>
      <c r="AF39" s="208">
        <v>0</v>
      </c>
      <c r="AG39" s="203">
        <v>0</v>
      </c>
      <c r="AH39" s="204">
        <v>0</v>
      </c>
      <c r="AI39" s="204">
        <v>0</v>
      </c>
      <c r="AJ39" s="205">
        <v>0</v>
      </c>
      <c r="AK39" s="206">
        <v>0</v>
      </c>
      <c r="AL39" s="206">
        <v>0</v>
      </c>
      <c r="AM39" s="206">
        <v>0</v>
      </c>
      <c r="AN39" s="204">
        <v>1</v>
      </c>
      <c r="AO39" s="207">
        <v>1</v>
      </c>
      <c r="AP39" s="209">
        <v>1</v>
      </c>
      <c r="AQ39" s="37"/>
    </row>
    <row r="40" spans="2:43" x14ac:dyDescent="0.2">
      <c r="C40" s="38"/>
      <c r="D40" s="38"/>
      <c r="E40" s="38"/>
      <c r="F40" s="38"/>
      <c r="G40" s="38"/>
      <c r="H40" s="38"/>
      <c r="I40" s="38"/>
      <c r="J40" s="38"/>
      <c r="K40" s="38"/>
      <c r="L40" s="38"/>
      <c r="M40" s="37"/>
      <c r="N40" s="37"/>
      <c r="O40" s="37"/>
      <c r="P40" s="37"/>
      <c r="Q40" s="37"/>
      <c r="R40" s="37"/>
      <c r="S40" s="37"/>
      <c r="T40" s="37"/>
      <c r="U40" s="37"/>
      <c r="V40" s="37"/>
      <c r="W40" s="37"/>
      <c r="X40" s="37"/>
      <c r="Y40" s="37"/>
      <c r="Z40" s="37"/>
      <c r="AA40" s="37"/>
      <c r="AB40" s="37"/>
      <c r="AC40" s="37"/>
      <c r="AD40" s="37"/>
      <c r="AE40" s="37"/>
      <c r="AF40" s="37"/>
      <c r="AG40" s="37"/>
      <c r="AH40" s="37"/>
      <c r="AI40" s="37"/>
      <c r="AJ40" s="37"/>
      <c r="AK40" s="37"/>
      <c r="AL40" s="37"/>
      <c r="AM40" s="37"/>
      <c r="AN40" s="37"/>
      <c r="AO40" s="37"/>
      <c r="AP40" s="37"/>
      <c r="AQ40" s="37"/>
    </row>
    <row r="41" spans="2:43" x14ac:dyDescent="0.2">
      <c r="C41" s="38"/>
      <c r="D41" s="38"/>
      <c r="E41" s="38"/>
      <c r="F41" s="38"/>
      <c r="G41" s="38"/>
      <c r="H41" s="38"/>
      <c r="I41" s="38"/>
      <c r="J41" s="38"/>
      <c r="K41" s="38"/>
      <c r="L41" s="38"/>
      <c r="M41" s="37"/>
      <c r="N41" s="37"/>
      <c r="O41" s="37"/>
      <c r="P41" s="37"/>
      <c r="Q41" s="37"/>
      <c r="R41" s="37"/>
      <c r="S41" s="37"/>
      <c r="T41" s="37"/>
      <c r="U41" s="37"/>
      <c r="V41" s="37"/>
      <c r="W41" s="37"/>
      <c r="X41" s="37"/>
      <c r="Y41" s="37"/>
      <c r="Z41" s="37"/>
      <c r="AA41" s="37"/>
      <c r="AB41" s="37"/>
      <c r="AC41" s="37"/>
      <c r="AD41" s="37"/>
      <c r="AE41" s="37"/>
      <c r="AF41" s="37"/>
      <c r="AG41" s="37"/>
      <c r="AH41" s="37"/>
      <c r="AI41" s="37"/>
      <c r="AJ41" s="37"/>
      <c r="AK41" s="37"/>
      <c r="AL41" s="37"/>
      <c r="AM41" s="37"/>
      <c r="AN41" s="37"/>
      <c r="AO41" s="37"/>
      <c r="AP41" s="37"/>
      <c r="AQ41" s="37"/>
    </row>
    <row r="42" spans="2:43" x14ac:dyDescent="0.2">
      <c r="C42" s="38"/>
      <c r="D42" s="38"/>
      <c r="E42" s="38"/>
      <c r="F42" s="38"/>
      <c r="G42" s="38"/>
      <c r="H42" s="38"/>
      <c r="I42" s="38"/>
      <c r="J42" s="38"/>
      <c r="K42" s="38"/>
      <c r="L42" s="38"/>
      <c r="M42" s="37"/>
      <c r="N42" s="37"/>
      <c r="O42" s="37"/>
      <c r="P42" s="37"/>
      <c r="Q42" s="37"/>
      <c r="R42" s="37"/>
      <c r="S42" s="37"/>
      <c r="T42" s="37"/>
      <c r="U42" s="37"/>
      <c r="V42" s="37"/>
      <c r="W42" s="37"/>
      <c r="X42" s="37"/>
      <c r="Y42" s="37"/>
      <c r="Z42" s="37"/>
      <c r="AA42" s="37"/>
      <c r="AB42" s="37"/>
      <c r="AC42" s="37"/>
      <c r="AD42" s="37"/>
      <c r="AE42" s="37"/>
      <c r="AF42" s="37"/>
      <c r="AG42" s="37"/>
      <c r="AH42" s="37"/>
      <c r="AI42" s="37"/>
      <c r="AJ42" s="37"/>
      <c r="AK42" s="37"/>
      <c r="AL42" s="37"/>
      <c r="AM42" s="37"/>
      <c r="AN42" s="37"/>
      <c r="AO42" s="37"/>
      <c r="AP42" s="37"/>
      <c r="AQ42" s="37"/>
    </row>
    <row r="43" spans="2:43" x14ac:dyDescent="0.2">
      <c r="C43" s="38"/>
      <c r="D43" s="38"/>
      <c r="E43" s="38"/>
      <c r="F43" s="38"/>
      <c r="G43" s="38"/>
      <c r="H43" s="38"/>
      <c r="I43" s="38"/>
      <c r="J43" s="38"/>
      <c r="K43" s="38"/>
      <c r="L43" s="38"/>
      <c r="M43" s="37"/>
      <c r="N43" s="37"/>
      <c r="O43" s="37"/>
      <c r="P43" s="37"/>
      <c r="Q43" s="37"/>
      <c r="R43" s="37"/>
      <c r="S43" s="37"/>
      <c r="T43" s="37"/>
      <c r="U43" s="37"/>
      <c r="V43" s="37"/>
      <c r="W43" s="37"/>
      <c r="X43" s="37"/>
      <c r="Y43" s="37"/>
      <c r="Z43" s="37"/>
      <c r="AA43" s="37"/>
      <c r="AB43" s="37"/>
      <c r="AC43" s="37"/>
      <c r="AD43" s="37"/>
      <c r="AE43" s="37"/>
      <c r="AF43" s="37"/>
      <c r="AG43" s="37"/>
      <c r="AH43" s="37"/>
      <c r="AI43" s="37"/>
      <c r="AJ43" s="37"/>
      <c r="AK43" s="37"/>
      <c r="AL43" s="37"/>
      <c r="AM43" s="37"/>
      <c r="AN43" s="37"/>
      <c r="AO43" s="37"/>
      <c r="AP43" s="37"/>
      <c r="AQ43" s="37"/>
    </row>
    <row r="44" spans="2:43" x14ac:dyDescent="0.2">
      <c r="C44" s="38"/>
      <c r="D44" s="38"/>
      <c r="E44" s="38"/>
      <c r="F44" s="38"/>
      <c r="G44" s="38"/>
      <c r="H44" s="38"/>
      <c r="I44" s="38"/>
      <c r="J44" s="38"/>
      <c r="K44" s="38"/>
      <c r="L44" s="38"/>
      <c r="M44" s="37"/>
      <c r="N44" s="37"/>
      <c r="O44" s="37"/>
      <c r="P44" s="37"/>
      <c r="Q44" s="37"/>
      <c r="R44" s="37"/>
      <c r="S44" s="37"/>
      <c r="T44" s="37"/>
      <c r="U44" s="37"/>
      <c r="V44" s="37"/>
      <c r="W44" s="37"/>
      <c r="X44" s="37"/>
      <c r="Y44" s="37"/>
      <c r="Z44" s="37"/>
      <c r="AA44" s="37"/>
      <c r="AB44" s="37"/>
      <c r="AC44" s="37"/>
      <c r="AD44" s="37"/>
      <c r="AE44" s="37"/>
      <c r="AF44" s="37"/>
      <c r="AG44" s="37"/>
      <c r="AH44" s="37"/>
      <c r="AI44" s="37"/>
      <c r="AJ44" s="37"/>
      <c r="AK44" s="37"/>
      <c r="AL44" s="37"/>
      <c r="AM44" s="37"/>
      <c r="AN44" s="37"/>
      <c r="AO44" s="37"/>
      <c r="AP44" s="37"/>
      <c r="AQ44" s="37"/>
    </row>
    <row r="45" spans="2:43" x14ac:dyDescent="0.2">
      <c r="C45" s="3"/>
      <c r="D45" s="3"/>
      <c r="E45" s="3"/>
      <c r="F45" s="3"/>
      <c r="G45" s="3"/>
      <c r="H45" s="3"/>
      <c r="I45" s="3"/>
      <c r="J45" s="3"/>
      <c r="K45" s="3"/>
      <c r="L45" s="3"/>
    </row>
    <row r="46" spans="2:43" x14ac:dyDescent="0.2">
      <c r="C46" s="3"/>
      <c r="D46" s="3"/>
      <c r="E46" s="3"/>
      <c r="F46" s="3"/>
      <c r="G46" s="3"/>
      <c r="H46" s="3"/>
      <c r="I46" s="3"/>
      <c r="J46" s="3"/>
      <c r="K46" s="3"/>
      <c r="L46" s="3"/>
    </row>
    <row r="47" spans="2:43" x14ac:dyDescent="0.2">
      <c r="C47" s="3"/>
      <c r="D47" s="3"/>
      <c r="E47" s="3"/>
      <c r="F47" s="3"/>
      <c r="G47" s="3"/>
      <c r="H47" s="3"/>
      <c r="I47" s="3"/>
      <c r="J47" s="3"/>
      <c r="K47" s="3"/>
      <c r="L47" s="3"/>
    </row>
    <row r="48" spans="2:43" x14ac:dyDescent="0.2">
      <c r="C48" s="3"/>
      <c r="D48" s="3"/>
      <c r="E48" s="3"/>
      <c r="F48" s="3"/>
      <c r="G48" s="3"/>
      <c r="H48" s="3"/>
      <c r="I48" s="3"/>
      <c r="J48" s="3"/>
      <c r="K48" s="3"/>
      <c r="L48" s="3"/>
    </row>
    <row r="49" spans="3:12" x14ac:dyDescent="0.2">
      <c r="C49" s="3"/>
      <c r="D49" s="3"/>
      <c r="E49" s="3"/>
      <c r="F49" s="3"/>
      <c r="G49" s="3"/>
      <c r="H49" s="3"/>
      <c r="I49" s="3"/>
      <c r="J49" s="3"/>
      <c r="K49" s="3"/>
      <c r="L49" s="3"/>
    </row>
    <row r="50" spans="3:12" x14ac:dyDescent="0.2">
      <c r="C50" s="3"/>
      <c r="D50" s="3"/>
      <c r="E50" s="3"/>
      <c r="F50" s="3"/>
      <c r="G50" s="3"/>
      <c r="H50" s="3"/>
      <c r="I50" s="3"/>
      <c r="J50" s="3"/>
      <c r="K50" s="3"/>
      <c r="L50" s="3"/>
    </row>
    <row r="51" spans="3:12" x14ac:dyDescent="0.2">
      <c r="C51" s="3"/>
      <c r="D51" s="3"/>
      <c r="E51" s="3"/>
      <c r="F51" s="3"/>
      <c r="G51" s="3"/>
      <c r="H51" s="3"/>
      <c r="I51" s="3"/>
      <c r="J51" s="3"/>
      <c r="K51" s="3"/>
      <c r="L51" s="3"/>
    </row>
    <row r="52" spans="3:12" x14ac:dyDescent="0.2">
      <c r="C52" s="3"/>
      <c r="D52" s="3"/>
      <c r="E52" s="3"/>
      <c r="F52" s="3"/>
      <c r="G52" s="3"/>
      <c r="H52" s="3"/>
      <c r="I52" s="3"/>
      <c r="J52" s="3"/>
      <c r="K52" s="3"/>
      <c r="L52" s="3"/>
    </row>
    <row r="53" spans="3:12" x14ac:dyDescent="0.2">
      <c r="C53" s="3"/>
      <c r="D53" s="3"/>
      <c r="E53" s="3"/>
      <c r="F53" s="3"/>
      <c r="G53" s="3"/>
      <c r="H53" s="3"/>
      <c r="I53" s="3"/>
      <c r="J53" s="3"/>
      <c r="K53" s="3"/>
      <c r="L53" s="3"/>
    </row>
    <row r="54" spans="3:12" x14ac:dyDescent="0.2">
      <c r="C54" s="3"/>
      <c r="D54" s="3"/>
      <c r="E54" s="3"/>
      <c r="F54" s="3"/>
      <c r="G54" s="3"/>
      <c r="H54" s="3"/>
      <c r="I54" s="3"/>
      <c r="J54" s="3"/>
      <c r="K54" s="3"/>
      <c r="L54" s="3"/>
    </row>
    <row r="55" spans="3:12" x14ac:dyDescent="0.2">
      <c r="C55" s="3"/>
      <c r="D55" s="3"/>
      <c r="E55" s="3"/>
      <c r="F55" s="3"/>
      <c r="G55" s="3"/>
      <c r="H55" s="3"/>
      <c r="I55" s="3"/>
      <c r="J55" s="3"/>
      <c r="K55" s="3"/>
      <c r="L55" s="3"/>
    </row>
    <row r="56" spans="3:12" x14ac:dyDescent="0.2">
      <c r="C56" s="3"/>
      <c r="D56" s="3"/>
      <c r="E56" s="3"/>
      <c r="F56" s="3"/>
      <c r="G56" s="3"/>
      <c r="H56" s="3"/>
      <c r="I56" s="3"/>
      <c r="J56" s="3"/>
      <c r="K56" s="3"/>
      <c r="L56" s="3"/>
    </row>
    <row r="57" spans="3:12" x14ac:dyDescent="0.2">
      <c r="C57" s="3"/>
      <c r="D57" s="3"/>
      <c r="E57" s="3"/>
      <c r="F57" s="3"/>
      <c r="G57" s="3"/>
      <c r="H57" s="3"/>
      <c r="I57" s="3"/>
      <c r="J57" s="3"/>
      <c r="K57" s="3"/>
      <c r="L57" s="3"/>
    </row>
    <row r="58" spans="3:12" x14ac:dyDescent="0.2">
      <c r="C58" s="3"/>
      <c r="D58" s="3"/>
      <c r="E58" s="3"/>
      <c r="F58" s="3"/>
      <c r="G58" s="3"/>
      <c r="H58" s="3"/>
      <c r="I58" s="3"/>
      <c r="J58" s="3"/>
      <c r="K58" s="3"/>
      <c r="L58" s="3"/>
    </row>
    <row r="59" spans="3:12" x14ac:dyDescent="0.2">
      <c r="C59" s="3"/>
      <c r="D59" s="3"/>
      <c r="E59" s="3"/>
      <c r="F59" s="3"/>
      <c r="G59" s="3"/>
      <c r="H59" s="3"/>
      <c r="I59" s="3"/>
      <c r="J59" s="3"/>
      <c r="K59" s="3"/>
      <c r="L59" s="3"/>
    </row>
    <row r="60" spans="3:12" x14ac:dyDescent="0.2">
      <c r="C60" s="3"/>
      <c r="D60" s="3"/>
      <c r="E60" s="3"/>
      <c r="F60" s="3"/>
      <c r="G60" s="3"/>
      <c r="H60" s="3"/>
      <c r="I60" s="3"/>
      <c r="J60" s="3"/>
      <c r="K60" s="3"/>
      <c r="L60" s="3"/>
    </row>
    <row r="61" spans="3:12" x14ac:dyDescent="0.2">
      <c r="C61" s="3"/>
      <c r="D61" s="3"/>
      <c r="E61" s="3"/>
      <c r="F61" s="3"/>
      <c r="G61" s="3"/>
      <c r="H61" s="3"/>
      <c r="I61" s="3"/>
      <c r="J61" s="3"/>
      <c r="K61" s="3"/>
      <c r="L61" s="3"/>
    </row>
    <row r="62" spans="3:12" x14ac:dyDescent="0.2">
      <c r="C62" s="3"/>
      <c r="D62" s="3"/>
      <c r="E62" s="3"/>
      <c r="F62" s="3"/>
      <c r="G62" s="3"/>
      <c r="H62" s="3"/>
      <c r="I62" s="3"/>
      <c r="J62" s="3"/>
      <c r="K62" s="3"/>
      <c r="L62" s="3"/>
    </row>
    <row r="63" spans="3:12" x14ac:dyDescent="0.2">
      <c r="C63" s="3"/>
      <c r="D63" s="3"/>
      <c r="E63" s="3"/>
      <c r="F63" s="3"/>
      <c r="G63" s="3"/>
      <c r="H63" s="3"/>
      <c r="I63" s="3"/>
      <c r="J63" s="3"/>
      <c r="K63" s="3"/>
      <c r="L63" s="3"/>
    </row>
    <row r="64" spans="3:12" x14ac:dyDescent="0.2">
      <c r="C64" s="3"/>
      <c r="D64" s="3"/>
      <c r="E64" s="3"/>
      <c r="F64" s="3"/>
      <c r="G64" s="3"/>
      <c r="H64" s="3"/>
      <c r="I64" s="3"/>
      <c r="J64" s="3"/>
      <c r="K64" s="3"/>
      <c r="L64" s="3"/>
    </row>
    <row r="65" spans="3:12" x14ac:dyDescent="0.2">
      <c r="C65" s="3"/>
      <c r="D65" s="3"/>
      <c r="E65" s="3"/>
      <c r="F65" s="3"/>
      <c r="G65" s="3"/>
      <c r="H65" s="3"/>
      <c r="I65" s="3"/>
      <c r="J65" s="3"/>
      <c r="K65" s="3"/>
      <c r="L65" s="3"/>
    </row>
    <row r="66" spans="3:12" x14ac:dyDescent="0.2">
      <c r="C66" s="3"/>
      <c r="D66" s="3"/>
      <c r="E66" s="3"/>
      <c r="F66" s="3"/>
      <c r="G66" s="3"/>
      <c r="H66" s="3"/>
      <c r="I66" s="3"/>
      <c r="J66" s="3"/>
      <c r="K66" s="3"/>
      <c r="L66" s="3"/>
    </row>
    <row r="67" spans="3:12" x14ac:dyDescent="0.2">
      <c r="C67" s="3"/>
      <c r="D67" s="3"/>
      <c r="E67" s="3"/>
      <c r="F67" s="3"/>
      <c r="G67" s="3"/>
      <c r="H67" s="3"/>
      <c r="I67" s="3"/>
      <c r="J67" s="3"/>
      <c r="K67" s="3"/>
      <c r="L67" s="3"/>
    </row>
    <row r="68" spans="3:12" x14ac:dyDescent="0.2">
      <c r="C68" s="3"/>
      <c r="D68" s="3"/>
      <c r="E68" s="3"/>
      <c r="F68" s="3"/>
      <c r="G68" s="3"/>
      <c r="H68" s="3"/>
      <c r="I68" s="3"/>
      <c r="J68" s="3"/>
      <c r="K68" s="3"/>
      <c r="L68" s="3"/>
    </row>
    <row r="69" spans="3:12" x14ac:dyDescent="0.2">
      <c r="C69" s="3"/>
      <c r="D69" s="3"/>
      <c r="E69" s="3"/>
      <c r="F69" s="3"/>
      <c r="G69" s="3"/>
      <c r="H69" s="3"/>
      <c r="I69" s="3"/>
      <c r="J69" s="3"/>
      <c r="K69" s="3"/>
      <c r="L69" s="3"/>
    </row>
    <row r="70" spans="3:12" x14ac:dyDescent="0.2">
      <c r="C70" s="3"/>
      <c r="D70" s="3"/>
      <c r="E70" s="3"/>
      <c r="F70" s="3"/>
      <c r="G70" s="3"/>
      <c r="H70" s="3"/>
      <c r="I70" s="3"/>
      <c r="J70" s="3"/>
      <c r="K70" s="3"/>
      <c r="L70" s="3"/>
    </row>
    <row r="71" spans="3:12" x14ac:dyDescent="0.2">
      <c r="C71" s="3"/>
      <c r="D71" s="3"/>
      <c r="E71" s="3"/>
      <c r="F71" s="3"/>
      <c r="G71" s="3"/>
      <c r="H71" s="3"/>
      <c r="I71" s="3"/>
      <c r="J71" s="3"/>
      <c r="K71" s="3"/>
      <c r="L71" s="3"/>
    </row>
    <row r="72" spans="3:12" x14ac:dyDescent="0.2">
      <c r="C72" s="3"/>
      <c r="D72" s="3"/>
      <c r="E72" s="3"/>
      <c r="F72" s="3"/>
      <c r="G72" s="3"/>
      <c r="H72" s="3"/>
      <c r="I72" s="3"/>
      <c r="J72" s="3"/>
      <c r="K72" s="3"/>
      <c r="L72" s="3"/>
    </row>
    <row r="73" spans="3:12" x14ac:dyDescent="0.2">
      <c r="C73" s="3"/>
      <c r="D73" s="3"/>
      <c r="E73" s="3"/>
      <c r="F73" s="3"/>
      <c r="G73" s="3"/>
      <c r="H73" s="3"/>
      <c r="I73" s="3"/>
      <c r="J73" s="3"/>
      <c r="K73" s="3"/>
      <c r="L73" s="3"/>
    </row>
    <row r="74" spans="3:12" x14ac:dyDescent="0.2">
      <c r="C74" s="3"/>
      <c r="D74" s="3"/>
      <c r="E74" s="3"/>
      <c r="F74" s="3"/>
      <c r="G74" s="3"/>
      <c r="H74" s="3"/>
      <c r="I74" s="3"/>
      <c r="J74" s="3"/>
      <c r="K74" s="3"/>
      <c r="L74" s="3"/>
    </row>
    <row r="75" spans="3:12" x14ac:dyDescent="0.2">
      <c r="C75" s="3"/>
      <c r="D75" s="3"/>
      <c r="E75" s="3"/>
      <c r="F75" s="3"/>
      <c r="G75" s="3"/>
      <c r="H75" s="3"/>
      <c r="I75" s="3"/>
      <c r="J75" s="3"/>
      <c r="K75" s="3"/>
      <c r="L75" s="3"/>
    </row>
    <row r="76" spans="3:12" x14ac:dyDescent="0.2">
      <c r="C76" s="3"/>
      <c r="D76" s="3"/>
      <c r="E76" s="3"/>
      <c r="F76" s="3"/>
      <c r="G76" s="3"/>
      <c r="H76" s="3"/>
      <c r="I76" s="3"/>
      <c r="J76" s="3"/>
      <c r="K76" s="3"/>
      <c r="L76" s="3"/>
    </row>
    <row r="77" spans="3:12" x14ac:dyDescent="0.2">
      <c r="C77" s="3"/>
      <c r="D77" s="3"/>
      <c r="E77" s="3"/>
      <c r="F77" s="3"/>
      <c r="G77" s="3"/>
      <c r="H77" s="3"/>
      <c r="I77" s="3"/>
      <c r="J77" s="3"/>
      <c r="K77" s="3"/>
      <c r="L77" s="3"/>
    </row>
    <row r="78" spans="3:12" x14ac:dyDescent="0.2">
      <c r="C78" s="3"/>
      <c r="D78" s="3"/>
      <c r="E78" s="3"/>
      <c r="F78" s="3"/>
      <c r="G78" s="3"/>
      <c r="H78" s="3"/>
      <c r="I78" s="3"/>
      <c r="J78" s="3"/>
      <c r="K78" s="3"/>
      <c r="L78" s="3"/>
    </row>
    <row r="79" spans="3:12" x14ac:dyDescent="0.2">
      <c r="C79" s="3"/>
      <c r="D79" s="3"/>
      <c r="E79" s="3"/>
      <c r="F79" s="3"/>
      <c r="G79" s="3"/>
      <c r="H79" s="3"/>
      <c r="I79" s="3"/>
      <c r="J79" s="3"/>
      <c r="K79" s="3"/>
      <c r="L79" s="3"/>
    </row>
    <row r="80" spans="3:12" x14ac:dyDescent="0.2">
      <c r="C80" s="3"/>
      <c r="D80" s="3"/>
      <c r="E80" s="3"/>
      <c r="F80" s="3"/>
      <c r="G80" s="3"/>
      <c r="H80" s="3"/>
      <c r="I80" s="3"/>
      <c r="J80" s="3"/>
      <c r="K80" s="3"/>
      <c r="L80" s="3"/>
    </row>
    <row r="81" spans="3:12" x14ac:dyDescent="0.2">
      <c r="C81" s="3"/>
      <c r="D81" s="3"/>
      <c r="E81" s="3"/>
      <c r="F81" s="3"/>
      <c r="G81" s="3"/>
      <c r="H81" s="3"/>
      <c r="I81" s="3"/>
      <c r="J81" s="3"/>
      <c r="K81" s="3"/>
      <c r="L81" s="3"/>
    </row>
    <row r="82" spans="3:12" x14ac:dyDescent="0.2">
      <c r="C82" s="3"/>
      <c r="D82" s="3"/>
      <c r="E82" s="3"/>
      <c r="F82" s="3"/>
      <c r="G82" s="3"/>
      <c r="H82" s="3"/>
      <c r="I82" s="3"/>
      <c r="J82" s="3"/>
      <c r="K82" s="3"/>
      <c r="L82" s="3"/>
    </row>
    <row r="83" spans="3:12" x14ac:dyDescent="0.2">
      <c r="C83" s="3"/>
      <c r="D83" s="3"/>
      <c r="E83" s="3"/>
      <c r="F83" s="3"/>
      <c r="G83" s="3"/>
      <c r="H83" s="3"/>
      <c r="I83" s="3"/>
      <c r="J83" s="3"/>
      <c r="K83" s="3"/>
      <c r="L83" s="3"/>
    </row>
    <row r="84" spans="3:12" x14ac:dyDescent="0.2">
      <c r="C84" s="3"/>
      <c r="D84" s="3"/>
      <c r="E84" s="3"/>
      <c r="F84" s="3"/>
      <c r="G84" s="3"/>
      <c r="H84" s="3"/>
      <c r="I84" s="3"/>
      <c r="J84" s="3"/>
      <c r="K84" s="3"/>
      <c r="L84" s="3"/>
    </row>
    <row r="85" spans="3:12" x14ac:dyDescent="0.2">
      <c r="C85" s="3"/>
      <c r="D85" s="3"/>
      <c r="E85" s="3"/>
      <c r="F85" s="3"/>
      <c r="G85" s="3"/>
      <c r="H85" s="3"/>
      <c r="I85" s="3"/>
      <c r="J85" s="3"/>
      <c r="K85" s="3"/>
      <c r="L85" s="3"/>
    </row>
    <row r="86" spans="3:12" x14ac:dyDescent="0.2">
      <c r="C86" s="3"/>
      <c r="D86" s="3"/>
      <c r="E86" s="3"/>
      <c r="F86" s="3"/>
      <c r="G86" s="3"/>
      <c r="H86" s="3"/>
      <c r="I86" s="3"/>
      <c r="J86" s="3"/>
      <c r="K86" s="3"/>
      <c r="L86" s="3"/>
    </row>
    <row r="87" spans="3:12" x14ac:dyDescent="0.2">
      <c r="C87" s="3"/>
      <c r="D87" s="3"/>
      <c r="E87" s="3"/>
      <c r="F87" s="3"/>
      <c r="G87" s="3"/>
      <c r="H87" s="3"/>
      <c r="I87" s="3"/>
      <c r="J87" s="3"/>
      <c r="K87" s="3"/>
      <c r="L87" s="3"/>
    </row>
    <row r="88" spans="3:12" x14ac:dyDescent="0.2">
      <c r="C88" s="3"/>
      <c r="D88" s="3"/>
      <c r="E88" s="3"/>
      <c r="F88" s="3"/>
      <c r="G88" s="3"/>
      <c r="H88" s="3"/>
      <c r="I88" s="3"/>
      <c r="J88" s="3"/>
      <c r="K88" s="3"/>
      <c r="L88" s="3"/>
    </row>
    <row r="89" spans="3:12" x14ac:dyDescent="0.2">
      <c r="C89" s="3"/>
      <c r="D89" s="3"/>
      <c r="E89" s="3"/>
      <c r="F89" s="3"/>
      <c r="G89" s="3"/>
      <c r="H89" s="3"/>
      <c r="I89" s="3"/>
      <c r="J89" s="3"/>
      <c r="K89" s="3"/>
      <c r="L89" s="3"/>
    </row>
    <row r="90" spans="3:12" x14ac:dyDescent="0.2">
      <c r="C90" s="3"/>
      <c r="D90" s="3"/>
      <c r="E90" s="3"/>
      <c r="F90" s="3"/>
      <c r="G90" s="3"/>
      <c r="H90" s="3"/>
      <c r="I90" s="3"/>
      <c r="J90" s="3"/>
      <c r="K90" s="3"/>
      <c r="L90" s="3"/>
    </row>
    <row r="91" spans="3:12" x14ac:dyDescent="0.2">
      <c r="C91" s="3"/>
      <c r="D91" s="3"/>
      <c r="E91" s="3"/>
      <c r="F91" s="3"/>
      <c r="G91" s="3"/>
      <c r="H91" s="3"/>
      <c r="I91" s="3"/>
      <c r="J91" s="3"/>
      <c r="K91" s="3"/>
      <c r="L91" s="3"/>
    </row>
    <row r="92" spans="3:12" x14ac:dyDescent="0.2">
      <c r="C92" s="3"/>
      <c r="D92" s="3"/>
      <c r="E92" s="3"/>
      <c r="F92" s="3"/>
      <c r="G92" s="3"/>
      <c r="H92" s="3"/>
      <c r="I92" s="3"/>
      <c r="J92" s="3"/>
      <c r="K92" s="3"/>
      <c r="L92" s="3"/>
    </row>
    <row r="93" spans="3:12" x14ac:dyDescent="0.2">
      <c r="C93" s="3"/>
      <c r="D93" s="3"/>
      <c r="E93" s="3"/>
      <c r="F93" s="3"/>
      <c r="G93" s="3"/>
      <c r="H93" s="3"/>
      <c r="I93" s="3"/>
      <c r="J93" s="3"/>
      <c r="K93" s="3"/>
      <c r="L93" s="3"/>
    </row>
    <row r="94" spans="3:12" x14ac:dyDescent="0.2">
      <c r="C94" s="3"/>
      <c r="D94" s="3"/>
      <c r="E94" s="3"/>
      <c r="F94" s="3"/>
      <c r="G94" s="3"/>
      <c r="H94" s="3"/>
      <c r="I94" s="3"/>
      <c r="J94" s="3"/>
      <c r="K94" s="3"/>
      <c r="L94" s="3"/>
    </row>
    <row r="95" spans="3:12" x14ac:dyDescent="0.2">
      <c r="C95" s="3"/>
      <c r="D95" s="3"/>
      <c r="E95" s="3"/>
      <c r="F95" s="3"/>
      <c r="G95" s="3"/>
      <c r="H95" s="3"/>
      <c r="I95" s="3"/>
      <c r="J95" s="3"/>
      <c r="K95" s="3"/>
      <c r="L95" s="3"/>
    </row>
    <row r="96" spans="3:12" x14ac:dyDescent="0.2">
      <c r="C96" s="3"/>
      <c r="D96" s="3"/>
      <c r="E96" s="3"/>
      <c r="F96" s="3"/>
      <c r="G96" s="3"/>
      <c r="H96" s="3"/>
      <c r="I96" s="3"/>
      <c r="J96" s="3"/>
      <c r="K96" s="3"/>
      <c r="L96" s="3"/>
    </row>
    <row r="97" spans="3:12" x14ac:dyDescent="0.2">
      <c r="C97" s="3"/>
      <c r="D97" s="3"/>
      <c r="E97" s="3"/>
      <c r="F97" s="3"/>
      <c r="G97" s="3"/>
      <c r="H97" s="3"/>
      <c r="I97" s="3"/>
      <c r="J97" s="3"/>
      <c r="K97" s="3"/>
      <c r="L97" s="3"/>
    </row>
    <row r="98" spans="3:12" x14ac:dyDescent="0.2">
      <c r="C98" s="3"/>
      <c r="D98" s="3"/>
      <c r="E98" s="3"/>
      <c r="F98" s="3"/>
      <c r="G98" s="3"/>
      <c r="H98" s="3"/>
      <c r="I98" s="3"/>
      <c r="J98" s="3"/>
      <c r="K98" s="3"/>
      <c r="L98" s="3"/>
    </row>
    <row r="99" spans="3:12" x14ac:dyDescent="0.2">
      <c r="C99" s="3"/>
      <c r="D99" s="3"/>
      <c r="E99" s="3"/>
      <c r="F99" s="3"/>
      <c r="G99" s="3"/>
      <c r="H99" s="3"/>
      <c r="I99" s="3"/>
      <c r="J99" s="3"/>
      <c r="K99" s="3"/>
      <c r="L99" s="3"/>
    </row>
    <row r="100" spans="3:12" x14ac:dyDescent="0.2">
      <c r="C100" s="3"/>
      <c r="D100" s="3"/>
      <c r="E100" s="3"/>
      <c r="F100" s="3"/>
      <c r="G100" s="3"/>
      <c r="H100" s="3"/>
      <c r="I100" s="3"/>
      <c r="J100" s="3"/>
      <c r="K100" s="3"/>
      <c r="L100" s="3"/>
    </row>
    <row r="101" spans="3:12" x14ac:dyDescent="0.2">
      <c r="C101" s="3"/>
      <c r="D101" s="3"/>
      <c r="E101" s="3"/>
      <c r="F101" s="3"/>
      <c r="G101" s="3"/>
      <c r="H101" s="3"/>
      <c r="I101" s="3"/>
      <c r="J101" s="3"/>
      <c r="K101" s="3"/>
      <c r="L101" s="3"/>
    </row>
    <row r="102" spans="3:12" x14ac:dyDescent="0.2">
      <c r="C102" s="3"/>
      <c r="D102" s="3"/>
      <c r="E102" s="3"/>
      <c r="F102" s="3"/>
      <c r="G102" s="3"/>
      <c r="H102" s="3"/>
      <c r="I102" s="3"/>
      <c r="J102" s="3"/>
      <c r="K102" s="3"/>
      <c r="L102" s="3"/>
    </row>
    <row r="103" spans="3:12" x14ac:dyDescent="0.2">
      <c r="C103" s="3"/>
      <c r="D103" s="3"/>
      <c r="E103" s="3"/>
      <c r="F103" s="3"/>
      <c r="G103" s="3"/>
      <c r="H103" s="3"/>
      <c r="I103" s="3"/>
      <c r="J103" s="3"/>
      <c r="K103" s="3"/>
      <c r="L103" s="3"/>
    </row>
    <row r="104" spans="3:12" x14ac:dyDescent="0.2">
      <c r="C104" s="3"/>
      <c r="D104" s="3"/>
      <c r="E104" s="3"/>
      <c r="F104" s="3"/>
      <c r="G104" s="3"/>
      <c r="H104" s="3"/>
      <c r="I104" s="3"/>
      <c r="J104" s="3"/>
      <c r="K104" s="3"/>
      <c r="L104" s="3"/>
    </row>
    <row r="105" spans="3:12" x14ac:dyDescent="0.2">
      <c r="C105" s="3"/>
      <c r="D105" s="3"/>
      <c r="E105" s="3"/>
      <c r="F105" s="3"/>
      <c r="G105" s="3"/>
      <c r="H105" s="3"/>
      <c r="I105" s="3"/>
      <c r="J105" s="3"/>
      <c r="K105" s="3"/>
      <c r="L105" s="3"/>
    </row>
    <row r="106" spans="3:12" x14ac:dyDescent="0.2">
      <c r="C106" s="3"/>
      <c r="D106" s="3"/>
      <c r="E106" s="3"/>
      <c r="F106" s="3"/>
      <c r="G106" s="3"/>
      <c r="H106" s="3"/>
      <c r="I106" s="3"/>
      <c r="J106" s="3"/>
      <c r="K106" s="3"/>
      <c r="L106" s="3"/>
    </row>
    <row r="107" spans="3:12" x14ac:dyDescent="0.2">
      <c r="C107" s="3"/>
      <c r="D107" s="3"/>
      <c r="E107" s="3"/>
      <c r="F107" s="3"/>
      <c r="G107" s="3"/>
      <c r="H107" s="3"/>
      <c r="I107" s="3"/>
      <c r="J107" s="3"/>
      <c r="K107" s="3"/>
      <c r="L107" s="3"/>
    </row>
    <row r="108" spans="3:12" x14ac:dyDescent="0.2">
      <c r="C108" s="3"/>
      <c r="D108" s="3"/>
      <c r="E108" s="3"/>
      <c r="F108" s="3"/>
      <c r="G108" s="3"/>
      <c r="H108" s="3"/>
      <c r="I108" s="3"/>
      <c r="J108" s="3"/>
      <c r="K108" s="3"/>
      <c r="L108" s="3"/>
    </row>
    <row r="109" spans="3:12" x14ac:dyDescent="0.2">
      <c r="C109" s="3"/>
      <c r="D109" s="3"/>
      <c r="E109" s="3"/>
      <c r="F109" s="3"/>
      <c r="G109" s="3"/>
      <c r="H109" s="3"/>
      <c r="I109" s="3"/>
      <c r="J109" s="3"/>
      <c r="K109" s="3"/>
      <c r="L109" s="3"/>
    </row>
    <row r="110" spans="3:12" x14ac:dyDescent="0.2">
      <c r="C110" s="3"/>
      <c r="D110" s="3"/>
      <c r="E110" s="3"/>
      <c r="F110" s="3"/>
      <c r="G110" s="3"/>
      <c r="H110" s="3"/>
      <c r="I110" s="3"/>
      <c r="J110" s="3"/>
      <c r="K110" s="3"/>
      <c r="L110" s="3"/>
    </row>
    <row r="111" spans="3:12" x14ac:dyDescent="0.2">
      <c r="C111" s="3"/>
      <c r="D111" s="3"/>
      <c r="E111" s="3"/>
      <c r="F111" s="3"/>
      <c r="G111" s="3"/>
      <c r="H111" s="3"/>
      <c r="I111" s="3"/>
      <c r="J111" s="3"/>
      <c r="K111" s="3"/>
      <c r="L111" s="3"/>
    </row>
    <row r="112" spans="3:12" x14ac:dyDescent="0.2">
      <c r="C112" s="3"/>
      <c r="D112" s="3"/>
      <c r="E112" s="3"/>
      <c r="F112" s="3"/>
      <c r="G112" s="3"/>
      <c r="H112" s="3"/>
      <c r="I112" s="3"/>
      <c r="J112" s="3"/>
      <c r="K112" s="3"/>
      <c r="L112" s="3"/>
    </row>
    <row r="113" spans="3:12" x14ac:dyDescent="0.2">
      <c r="C113" s="3"/>
      <c r="D113" s="3"/>
      <c r="E113" s="3"/>
      <c r="F113" s="3"/>
      <c r="G113" s="3"/>
      <c r="H113" s="3"/>
      <c r="I113" s="3"/>
      <c r="J113" s="3"/>
      <c r="K113" s="3"/>
      <c r="L113" s="3"/>
    </row>
    <row r="114" spans="3:12" x14ac:dyDescent="0.2">
      <c r="C114" s="3"/>
      <c r="D114" s="3"/>
      <c r="E114" s="3"/>
      <c r="F114" s="3"/>
      <c r="G114" s="3"/>
      <c r="H114" s="3"/>
      <c r="I114" s="3"/>
      <c r="J114" s="3"/>
      <c r="K114" s="3"/>
      <c r="L114" s="3"/>
    </row>
    <row r="115" spans="3:12" x14ac:dyDescent="0.2">
      <c r="C115" s="3"/>
      <c r="D115" s="3"/>
      <c r="E115" s="3"/>
      <c r="F115" s="3"/>
      <c r="G115" s="3"/>
      <c r="H115" s="3"/>
      <c r="I115" s="3"/>
      <c r="J115" s="3"/>
      <c r="K115" s="3"/>
      <c r="L115" s="3"/>
    </row>
    <row r="116" spans="3:12" x14ac:dyDescent="0.2">
      <c r="C116" s="3"/>
      <c r="D116" s="3"/>
      <c r="E116" s="3"/>
      <c r="F116" s="3"/>
      <c r="G116" s="3"/>
      <c r="H116" s="3"/>
      <c r="I116" s="3"/>
      <c r="J116" s="3"/>
      <c r="K116" s="3"/>
      <c r="L116" s="3"/>
    </row>
    <row r="117" spans="3:12" x14ac:dyDescent="0.2">
      <c r="C117" s="3"/>
      <c r="D117" s="3"/>
      <c r="E117" s="3"/>
      <c r="F117" s="3"/>
      <c r="G117" s="3"/>
      <c r="H117" s="3"/>
      <c r="I117" s="3"/>
      <c r="J117" s="3"/>
      <c r="K117" s="3"/>
      <c r="L117" s="3"/>
    </row>
    <row r="118" spans="3:12" x14ac:dyDescent="0.2">
      <c r="C118" s="3"/>
      <c r="D118" s="3"/>
      <c r="E118" s="3"/>
      <c r="F118" s="3"/>
      <c r="G118" s="3"/>
      <c r="H118" s="3"/>
      <c r="I118" s="3"/>
      <c r="J118" s="3"/>
      <c r="K118" s="3"/>
      <c r="L118" s="3"/>
    </row>
    <row r="119" spans="3:12" x14ac:dyDescent="0.2">
      <c r="C119" s="3"/>
      <c r="D119" s="3"/>
      <c r="E119" s="3"/>
      <c r="F119" s="3"/>
      <c r="G119" s="3"/>
      <c r="H119" s="3"/>
      <c r="I119" s="3"/>
      <c r="J119" s="3"/>
      <c r="K119" s="3"/>
      <c r="L119" s="3"/>
    </row>
    <row r="120" spans="3:12" x14ac:dyDescent="0.2">
      <c r="C120" s="3"/>
      <c r="D120" s="3"/>
      <c r="E120" s="3"/>
      <c r="F120" s="3"/>
      <c r="G120" s="3"/>
      <c r="H120" s="3"/>
      <c r="I120" s="3"/>
      <c r="J120" s="3"/>
      <c r="K120" s="3"/>
      <c r="L120" s="3"/>
    </row>
    <row r="121" spans="3:12" x14ac:dyDescent="0.2">
      <c r="C121" s="3"/>
      <c r="D121" s="3"/>
      <c r="E121" s="3"/>
      <c r="F121" s="3"/>
      <c r="G121" s="3"/>
      <c r="H121" s="3"/>
      <c r="I121" s="3"/>
      <c r="J121" s="3"/>
      <c r="K121" s="3"/>
      <c r="L121" s="3"/>
    </row>
    <row r="122" spans="3:12" x14ac:dyDescent="0.2">
      <c r="C122" s="3"/>
      <c r="D122" s="3"/>
      <c r="E122" s="3"/>
      <c r="F122" s="3"/>
      <c r="G122" s="3"/>
      <c r="H122" s="3"/>
      <c r="I122" s="3"/>
      <c r="J122" s="3"/>
      <c r="K122" s="3"/>
      <c r="L122" s="3"/>
    </row>
    <row r="123" spans="3:12" x14ac:dyDescent="0.2">
      <c r="C123" s="3"/>
      <c r="D123" s="3"/>
      <c r="E123" s="3"/>
      <c r="F123" s="3"/>
      <c r="G123" s="3"/>
      <c r="H123" s="3"/>
      <c r="I123" s="3"/>
      <c r="J123" s="3"/>
      <c r="K123" s="3"/>
      <c r="L123" s="3"/>
    </row>
    <row r="124" spans="3:12" x14ac:dyDescent="0.2">
      <c r="C124" s="3"/>
      <c r="D124" s="3"/>
      <c r="E124" s="3"/>
      <c r="F124" s="3"/>
      <c r="G124" s="3"/>
      <c r="H124" s="3"/>
      <c r="I124" s="3"/>
      <c r="J124" s="3"/>
      <c r="K124" s="3"/>
      <c r="L124" s="3"/>
    </row>
    <row r="125" spans="3:12" x14ac:dyDescent="0.2">
      <c r="C125" s="3"/>
      <c r="D125" s="3"/>
      <c r="E125" s="3"/>
      <c r="F125" s="3"/>
      <c r="G125" s="3"/>
      <c r="H125" s="3"/>
      <c r="I125" s="3"/>
      <c r="J125" s="3"/>
      <c r="K125" s="3"/>
      <c r="L125" s="3"/>
    </row>
    <row r="126" spans="3:12" x14ac:dyDescent="0.2">
      <c r="C126" s="3"/>
      <c r="D126" s="3"/>
      <c r="E126" s="3"/>
      <c r="F126" s="3"/>
      <c r="G126" s="3"/>
      <c r="H126" s="3"/>
      <c r="I126" s="3"/>
      <c r="J126" s="3"/>
      <c r="K126" s="3"/>
      <c r="L126" s="3"/>
    </row>
    <row r="127" spans="3:12" x14ac:dyDescent="0.2">
      <c r="C127" s="3"/>
      <c r="D127" s="3"/>
      <c r="E127" s="3"/>
      <c r="F127" s="3"/>
      <c r="G127" s="3"/>
      <c r="H127" s="3"/>
      <c r="I127" s="3"/>
      <c r="J127" s="3"/>
      <c r="K127" s="3"/>
      <c r="L127" s="3"/>
    </row>
    <row r="128" spans="3:12" x14ac:dyDescent="0.2">
      <c r="C128" s="3"/>
      <c r="D128" s="3"/>
      <c r="E128" s="3"/>
      <c r="F128" s="3"/>
      <c r="G128" s="3"/>
      <c r="H128" s="3"/>
      <c r="I128" s="3"/>
      <c r="J128" s="3"/>
      <c r="K128" s="3"/>
      <c r="L128" s="3"/>
    </row>
    <row r="129" spans="3:12" x14ac:dyDescent="0.2">
      <c r="C129" s="3"/>
      <c r="D129" s="3"/>
      <c r="E129" s="3"/>
      <c r="F129" s="3"/>
      <c r="G129" s="3"/>
      <c r="H129" s="3"/>
      <c r="I129" s="3"/>
      <c r="J129" s="3"/>
      <c r="K129" s="3"/>
      <c r="L129" s="3"/>
    </row>
    <row r="130" spans="3:12" x14ac:dyDescent="0.2">
      <c r="C130" s="3"/>
      <c r="D130" s="3"/>
      <c r="E130" s="3"/>
      <c r="F130" s="3"/>
      <c r="G130" s="3"/>
      <c r="H130" s="3"/>
      <c r="I130" s="3"/>
      <c r="J130" s="3"/>
      <c r="K130" s="3"/>
      <c r="L130" s="3"/>
    </row>
    <row r="131" spans="3:12" x14ac:dyDescent="0.2">
      <c r="C131" s="3"/>
      <c r="D131" s="3"/>
      <c r="E131" s="3"/>
      <c r="F131" s="3"/>
      <c r="G131" s="3"/>
      <c r="H131" s="3"/>
      <c r="I131" s="3"/>
      <c r="J131" s="3"/>
      <c r="K131" s="3"/>
      <c r="L131" s="3"/>
    </row>
    <row r="132" spans="3:12" x14ac:dyDescent="0.2">
      <c r="C132" s="3"/>
      <c r="D132" s="3"/>
      <c r="E132" s="3"/>
      <c r="F132" s="3"/>
      <c r="G132" s="3"/>
      <c r="H132" s="3"/>
      <c r="I132" s="3"/>
      <c r="J132" s="3"/>
      <c r="K132" s="3"/>
      <c r="L132" s="3"/>
    </row>
    <row r="133" spans="3:12" x14ac:dyDescent="0.2">
      <c r="C133" s="3"/>
      <c r="D133" s="3"/>
      <c r="E133" s="3"/>
      <c r="F133" s="3"/>
      <c r="G133" s="3"/>
      <c r="H133" s="3"/>
      <c r="I133" s="3"/>
      <c r="J133" s="3"/>
      <c r="K133" s="3"/>
      <c r="L133" s="3"/>
    </row>
    <row r="134" spans="3:12" x14ac:dyDescent="0.2">
      <c r="C134" s="3"/>
      <c r="D134" s="3"/>
      <c r="E134" s="3"/>
      <c r="F134" s="3"/>
      <c r="G134" s="3"/>
      <c r="H134" s="3"/>
      <c r="I134" s="3"/>
      <c r="J134" s="3"/>
      <c r="K134" s="3"/>
      <c r="L134" s="3"/>
    </row>
    <row r="135" spans="3:12" x14ac:dyDescent="0.2">
      <c r="C135" s="3"/>
      <c r="D135" s="3"/>
      <c r="E135" s="3"/>
      <c r="F135" s="3"/>
      <c r="G135" s="3"/>
      <c r="H135" s="3"/>
      <c r="I135" s="3"/>
      <c r="J135" s="3"/>
      <c r="K135" s="3"/>
      <c r="L135" s="3"/>
    </row>
    <row r="136" spans="3:12" x14ac:dyDescent="0.2">
      <c r="C136" s="3"/>
      <c r="D136" s="3"/>
      <c r="E136" s="3"/>
      <c r="F136" s="3"/>
      <c r="G136" s="3"/>
      <c r="H136" s="3"/>
      <c r="I136" s="3"/>
      <c r="J136" s="3"/>
      <c r="K136" s="3"/>
      <c r="L136" s="3"/>
    </row>
    <row r="137" spans="3:12" x14ac:dyDescent="0.2">
      <c r="C137" s="3"/>
      <c r="D137" s="3"/>
      <c r="E137" s="3"/>
      <c r="F137" s="3"/>
      <c r="G137" s="3"/>
      <c r="H137" s="3"/>
      <c r="I137" s="3"/>
      <c r="J137" s="3"/>
      <c r="K137" s="3"/>
      <c r="L137" s="3"/>
    </row>
    <row r="138" spans="3:12" x14ac:dyDescent="0.2">
      <c r="C138" s="3"/>
      <c r="D138" s="3"/>
      <c r="E138" s="3"/>
      <c r="F138" s="3"/>
      <c r="G138" s="3"/>
      <c r="H138" s="3"/>
      <c r="I138" s="3"/>
      <c r="J138" s="3"/>
      <c r="K138" s="3"/>
      <c r="L138" s="3"/>
    </row>
    <row r="139" spans="3:12" x14ac:dyDescent="0.2">
      <c r="C139" s="3"/>
      <c r="D139" s="3"/>
      <c r="E139" s="3"/>
      <c r="F139" s="3"/>
      <c r="G139" s="3"/>
      <c r="H139" s="3"/>
      <c r="I139" s="3"/>
      <c r="J139" s="3"/>
      <c r="K139" s="3"/>
      <c r="L139" s="3"/>
    </row>
    <row r="140" spans="3:12" x14ac:dyDescent="0.2">
      <c r="C140" s="3"/>
      <c r="D140" s="3"/>
      <c r="E140" s="3"/>
      <c r="F140" s="3"/>
      <c r="G140" s="3"/>
      <c r="H140" s="3"/>
      <c r="I140" s="3"/>
      <c r="J140" s="3"/>
      <c r="K140" s="3"/>
      <c r="L140" s="3"/>
    </row>
    <row r="141" spans="3:12" x14ac:dyDescent="0.2">
      <c r="C141" s="3"/>
      <c r="D141" s="3"/>
      <c r="E141" s="3"/>
      <c r="F141" s="3"/>
      <c r="G141" s="3"/>
      <c r="H141" s="3"/>
      <c r="I141" s="3"/>
      <c r="J141" s="3"/>
      <c r="K141" s="3"/>
      <c r="L141" s="3"/>
    </row>
    <row r="142" spans="3:12" x14ac:dyDescent="0.2">
      <c r="C142" s="3"/>
      <c r="D142" s="3"/>
      <c r="E142" s="3"/>
      <c r="F142" s="3"/>
      <c r="G142" s="3"/>
      <c r="H142" s="3"/>
      <c r="I142" s="3"/>
      <c r="J142" s="3"/>
      <c r="K142" s="3"/>
      <c r="L142" s="3"/>
    </row>
    <row r="143" spans="3:12" x14ac:dyDescent="0.2">
      <c r="C143" s="3"/>
      <c r="D143" s="3"/>
      <c r="E143" s="3"/>
      <c r="F143" s="3"/>
      <c r="G143" s="3"/>
      <c r="H143" s="3"/>
      <c r="I143" s="3"/>
      <c r="J143" s="3"/>
      <c r="K143" s="3"/>
      <c r="L143" s="3"/>
    </row>
    <row r="144" spans="3:12" x14ac:dyDescent="0.2">
      <c r="C144" s="3"/>
      <c r="D144" s="3"/>
      <c r="E144" s="3"/>
      <c r="F144" s="3"/>
      <c r="G144" s="3"/>
      <c r="H144" s="3"/>
      <c r="I144" s="3"/>
      <c r="J144" s="3"/>
      <c r="K144" s="3"/>
      <c r="L144" s="3"/>
    </row>
    <row r="145" spans="3:12" x14ac:dyDescent="0.2">
      <c r="C145" s="3"/>
      <c r="D145" s="3"/>
      <c r="E145" s="3"/>
      <c r="F145" s="3"/>
      <c r="G145" s="3"/>
      <c r="H145" s="3"/>
      <c r="I145" s="3"/>
      <c r="J145" s="3"/>
      <c r="K145" s="3"/>
      <c r="L145" s="3"/>
    </row>
    <row r="146" spans="3:12" x14ac:dyDescent="0.2">
      <c r="C146" s="3"/>
      <c r="D146" s="3"/>
      <c r="E146" s="3"/>
      <c r="F146" s="3"/>
      <c r="G146" s="3"/>
      <c r="H146" s="3"/>
      <c r="I146" s="3"/>
      <c r="J146" s="3"/>
      <c r="K146" s="3"/>
      <c r="L146" s="3"/>
    </row>
    <row r="147" spans="3:12" x14ac:dyDescent="0.2">
      <c r="C147" s="3"/>
      <c r="D147" s="3"/>
      <c r="E147" s="3"/>
      <c r="F147" s="3"/>
      <c r="G147" s="3"/>
      <c r="H147" s="3"/>
      <c r="I147" s="3"/>
      <c r="J147" s="3"/>
      <c r="K147" s="3"/>
      <c r="L147" s="3"/>
    </row>
    <row r="148" spans="3:12" x14ac:dyDescent="0.2">
      <c r="C148" s="3"/>
      <c r="D148" s="3"/>
      <c r="E148" s="3"/>
      <c r="F148" s="3"/>
      <c r="G148" s="3"/>
      <c r="H148" s="3"/>
      <c r="I148" s="3"/>
      <c r="J148" s="3"/>
      <c r="K148" s="3"/>
      <c r="L148" s="3"/>
    </row>
    <row r="149" spans="3:12" x14ac:dyDescent="0.2">
      <c r="C149" s="3"/>
      <c r="D149" s="3"/>
      <c r="E149" s="3"/>
      <c r="F149" s="3"/>
      <c r="G149" s="3"/>
      <c r="H149" s="3"/>
      <c r="I149" s="3"/>
      <c r="J149" s="3"/>
      <c r="K149" s="3"/>
      <c r="L149" s="3"/>
    </row>
    <row r="150" spans="3:12" x14ac:dyDescent="0.2">
      <c r="C150" s="3"/>
      <c r="D150" s="3"/>
      <c r="E150" s="3"/>
      <c r="F150" s="3"/>
      <c r="G150" s="3"/>
      <c r="H150" s="3"/>
      <c r="I150" s="3"/>
      <c r="J150" s="3"/>
      <c r="K150" s="3"/>
      <c r="L150" s="3"/>
    </row>
    <row r="151" spans="3:12" x14ac:dyDescent="0.2">
      <c r="C151" s="3"/>
      <c r="D151" s="3"/>
      <c r="E151" s="3"/>
      <c r="F151" s="3"/>
      <c r="G151" s="3"/>
      <c r="H151" s="3"/>
      <c r="I151" s="3"/>
      <c r="J151" s="3"/>
      <c r="K151" s="3"/>
      <c r="L151" s="3"/>
    </row>
    <row r="152" spans="3:12" x14ac:dyDescent="0.2">
      <c r="C152" s="3"/>
      <c r="D152" s="3"/>
      <c r="E152" s="3"/>
      <c r="F152" s="3"/>
      <c r="G152" s="3"/>
      <c r="H152" s="3"/>
      <c r="I152" s="3"/>
      <c r="J152" s="3"/>
      <c r="K152" s="3"/>
      <c r="L152" s="3"/>
    </row>
    <row r="153" spans="3:12" x14ac:dyDescent="0.2">
      <c r="C153" s="3"/>
      <c r="D153" s="3"/>
      <c r="E153" s="3"/>
      <c r="F153" s="3"/>
      <c r="G153" s="3"/>
      <c r="H153" s="3"/>
      <c r="I153" s="3"/>
      <c r="J153" s="3"/>
      <c r="K153" s="3"/>
      <c r="L153" s="3"/>
    </row>
    <row r="154" spans="3:12" x14ac:dyDescent="0.2">
      <c r="C154" s="3"/>
      <c r="D154" s="3"/>
      <c r="E154" s="3"/>
      <c r="F154" s="3"/>
      <c r="G154" s="3"/>
      <c r="H154" s="3"/>
      <c r="I154" s="3"/>
      <c r="J154" s="3"/>
      <c r="K154" s="3"/>
      <c r="L154" s="3"/>
    </row>
    <row r="155" spans="3:12" x14ac:dyDescent="0.2">
      <c r="C155" s="3"/>
      <c r="D155" s="3"/>
      <c r="E155" s="3"/>
      <c r="F155" s="3"/>
      <c r="G155" s="3"/>
      <c r="H155" s="3"/>
      <c r="I155" s="3"/>
      <c r="J155" s="3"/>
      <c r="K155" s="3"/>
      <c r="L155" s="3"/>
    </row>
    <row r="156" spans="3:12" x14ac:dyDescent="0.2">
      <c r="C156" s="3"/>
      <c r="D156" s="3"/>
      <c r="E156" s="3"/>
      <c r="F156" s="3"/>
      <c r="G156" s="3"/>
      <c r="H156" s="3"/>
      <c r="I156" s="3"/>
      <c r="J156" s="3"/>
      <c r="K156" s="3"/>
      <c r="L156" s="3"/>
    </row>
    <row r="157" spans="3:12" x14ac:dyDescent="0.2">
      <c r="C157" s="3"/>
      <c r="D157" s="3"/>
      <c r="E157" s="3"/>
      <c r="F157" s="3"/>
      <c r="G157" s="3"/>
      <c r="H157" s="3"/>
      <c r="I157" s="3"/>
      <c r="J157" s="3"/>
      <c r="K157" s="3"/>
      <c r="L157" s="3"/>
    </row>
    <row r="158" spans="3:12" x14ac:dyDescent="0.2">
      <c r="C158" s="3"/>
      <c r="D158" s="3"/>
      <c r="E158" s="3"/>
      <c r="F158" s="3"/>
      <c r="G158" s="3"/>
      <c r="H158" s="3"/>
      <c r="I158" s="3"/>
      <c r="J158" s="3"/>
      <c r="K158" s="3"/>
      <c r="L158" s="3"/>
    </row>
    <row r="159" spans="3:12" x14ac:dyDescent="0.2">
      <c r="C159" s="3"/>
      <c r="D159" s="3"/>
      <c r="E159" s="3"/>
      <c r="F159" s="3"/>
      <c r="G159" s="3"/>
      <c r="H159" s="3"/>
      <c r="I159" s="3"/>
      <c r="J159" s="3"/>
      <c r="K159" s="3"/>
      <c r="L159" s="3"/>
    </row>
    <row r="160" spans="3:12" x14ac:dyDescent="0.2">
      <c r="C160" s="3"/>
      <c r="D160" s="3"/>
      <c r="E160" s="3"/>
      <c r="F160" s="3"/>
      <c r="G160" s="3"/>
      <c r="H160" s="3"/>
      <c r="I160" s="3"/>
      <c r="J160" s="3"/>
      <c r="K160" s="3"/>
      <c r="L160" s="3"/>
    </row>
    <row r="161" spans="3:12" x14ac:dyDescent="0.2">
      <c r="C161" s="3"/>
      <c r="D161" s="3"/>
      <c r="E161" s="3"/>
      <c r="F161" s="3"/>
      <c r="G161" s="3"/>
      <c r="H161" s="3"/>
      <c r="I161" s="3"/>
      <c r="J161" s="3"/>
      <c r="K161" s="3"/>
      <c r="L161" s="3"/>
    </row>
    <row r="162" spans="3:12" x14ac:dyDescent="0.2">
      <c r="C162" s="3"/>
      <c r="D162" s="3"/>
      <c r="E162" s="3"/>
      <c r="F162" s="3"/>
      <c r="G162" s="3"/>
      <c r="H162" s="3"/>
      <c r="I162" s="3"/>
      <c r="J162" s="3"/>
      <c r="K162" s="3"/>
      <c r="L162" s="3"/>
    </row>
    <row r="163" spans="3:12" x14ac:dyDescent="0.2">
      <c r="C163" s="3"/>
      <c r="D163" s="3"/>
      <c r="E163" s="3"/>
      <c r="F163" s="3"/>
      <c r="G163" s="3"/>
      <c r="H163" s="3"/>
      <c r="I163" s="3"/>
      <c r="J163" s="3"/>
      <c r="K163" s="3"/>
      <c r="L163" s="3"/>
    </row>
    <row r="164" spans="3:12" x14ac:dyDescent="0.2">
      <c r="C164" s="3"/>
      <c r="D164" s="3"/>
      <c r="E164" s="3"/>
      <c r="F164" s="3"/>
      <c r="G164" s="3"/>
      <c r="H164" s="3"/>
      <c r="I164" s="3"/>
      <c r="J164" s="3"/>
      <c r="K164" s="3"/>
      <c r="L164" s="3"/>
    </row>
    <row r="165" spans="3:12" x14ac:dyDescent="0.2">
      <c r="C165" s="3"/>
      <c r="D165" s="3"/>
      <c r="E165" s="3"/>
      <c r="F165" s="3"/>
      <c r="G165" s="3"/>
      <c r="H165" s="3"/>
      <c r="I165" s="3"/>
      <c r="J165" s="3"/>
      <c r="K165" s="3"/>
      <c r="L165" s="3"/>
    </row>
    <row r="166" spans="3:12" x14ac:dyDescent="0.2">
      <c r="C166" s="3"/>
      <c r="D166" s="3"/>
      <c r="E166" s="3"/>
      <c r="F166" s="3"/>
      <c r="G166" s="3"/>
      <c r="H166" s="3"/>
      <c r="I166" s="3"/>
      <c r="J166" s="3"/>
      <c r="K166" s="3"/>
      <c r="L166" s="3"/>
    </row>
    <row r="167" spans="3:12" x14ac:dyDescent="0.2">
      <c r="C167" s="3"/>
      <c r="D167" s="3"/>
      <c r="E167" s="3"/>
      <c r="F167" s="3"/>
      <c r="G167" s="3"/>
      <c r="H167" s="3"/>
      <c r="I167" s="3"/>
      <c r="J167" s="3"/>
      <c r="K167" s="3"/>
      <c r="L167" s="3"/>
    </row>
    <row r="168" spans="3:12" x14ac:dyDescent="0.2">
      <c r="C168" s="3"/>
      <c r="D168" s="3"/>
      <c r="E168" s="3"/>
      <c r="F168" s="3"/>
      <c r="G168" s="3"/>
      <c r="H168" s="3"/>
      <c r="I168" s="3"/>
      <c r="J168" s="3"/>
      <c r="K168" s="3"/>
      <c r="L168" s="3"/>
    </row>
    <row r="169" spans="3:12" x14ac:dyDescent="0.2">
      <c r="C169" s="3"/>
      <c r="D169" s="3"/>
      <c r="E169" s="3"/>
      <c r="F169" s="3"/>
      <c r="G169" s="3"/>
      <c r="H169" s="3"/>
      <c r="I169" s="3"/>
      <c r="J169" s="3"/>
      <c r="K169" s="3"/>
      <c r="L169" s="3"/>
    </row>
    <row r="170" spans="3:12" x14ac:dyDescent="0.2">
      <c r="C170" s="3"/>
      <c r="D170" s="3"/>
      <c r="E170" s="3"/>
      <c r="F170" s="3"/>
      <c r="G170" s="3"/>
      <c r="H170" s="3"/>
      <c r="I170" s="3"/>
      <c r="J170" s="3"/>
      <c r="K170" s="3"/>
      <c r="L170" s="3"/>
    </row>
    <row r="171" spans="3:12" x14ac:dyDescent="0.2">
      <c r="C171" s="3"/>
      <c r="D171" s="3"/>
      <c r="E171" s="3"/>
      <c r="F171" s="3"/>
      <c r="G171" s="3"/>
      <c r="H171" s="3"/>
      <c r="I171" s="3"/>
      <c r="J171" s="3"/>
      <c r="K171" s="3"/>
      <c r="L171" s="3"/>
    </row>
    <row r="172" spans="3:12" x14ac:dyDescent="0.2">
      <c r="C172" s="3"/>
      <c r="D172" s="3"/>
      <c r="E172" s="3"/>
      <c r="F172" s="3"/>
      <c r="G172" s="3"/>
      <c r="H172" s="3"/>
      <c r="I172" s="3"/>
      <c r="J172" s="3"/>
      <c r="K172" s="3"/>
      <c r="L172" s="3"/>
    </row>
    <row r="173" spans="3:12" x14ac:dyDescent="0.2">
      <c r="C173" s="3"/>
      <c r="D173" s="3"/>
      <c r="E173" s="3"/>
      <c r="F173" s="3"/>
      <c r="G173" s="3"/>
      <c r="H173" s="3"/>
      <c r="I173" s="3"/>
      <c r="J173" s="3"/>
      <c r="K173" s="3"/>
      <c r="L173" s="3"/>
    </row>
    <row r="174" spans="3:12" x14ac:dyDescent="0.2">
      <c r="C174" s="3"/>
      <c r="D174" s="3"/>
      <c r="E174" s="3"/>
      <c r="F174" s="3"/>
      <c r="G174" s="3"/>
      <c r="H174" s="3"/>
      <c r="I174" s="3"/>
      <c r="J174" s="3"/>
      <c r="K174" s="3"/>
      <c r="L174" s="3"/>
    </row>
    <row r="175" spans="3:12" x14ac:dyDescent="0.2">
      <c r="C175" s="3"/>
      <c r="D175" s="3"/>
      <c r="E175" s="3"/>
      <c r="F175" s="3"/>
      <c r="G175" s="3"/>
      <c r="H175" s="3"/>
      <c r="I175" s="3"/>
      <c r="J175" s="3"/>
      <c r="K175" s="3"/>
      <c r="L175" s="3"/>
    </row>
    <row r="176" spans="3:12" x14ac:dyDescent="0.2">
      <c r="C176" s="3"/>
      <c r="D176" s="3"/>
      <c r="E176" s="3"/>
      <c r="F176" s="3"/>
      <c r="G176" s="3"/>
      <c r="H176" s="3"/>
      <c r="I176" s="3"/>
      <c r="J176" s="3"/>
      <c r="K176" s="3"/>
      <c r="L176" s="3"/>
    </row>
    <row r="177" spans="3:12" x14ac:dyDescent="0.2">
      <c r="C177" s="3"/>
      <c r="D177" s="3"/>
      <c r="E177" s="3"/>
      <c r="F177" s="3"/>
      <c r="G177" s="3"/>
      <c r="H177" s="3"/>
      <c r="I177" s="3"/>
      <c r="J177" s="3"/>
      <c r="K177" s="3"/>
      <c r="L177" s="3"/>
    </row>
    <row r="178" spans="3:12" x14ac:dyDescent="0.2">
      <c r="C178" s="3"/>
      <c r="D178" s="3"/>
      <c r="E178" s="3"/>
      <c r="F178" s="3"/>
      <c r="G178" s="3"/>
      <c r="H178" s="3"/>
      <c r="I178" s="3"/>
      <c r="J178" s="3"/>
      <c r="K178" s="3"/>
      <c r="L178" s="3"/>
    </row>
    <row r="179" spans="3:12" x14ac:dyDescent="0.2">
      <c r="C179" s="3"/>
      <c r="D179" s="3"/>
      <c r="E179" s="3"/>
      <c r="F179" s="3"/>
      <c r="G179" s="3"/>
      <c r="H179" s="3"/>
      <c r="I179" s="3"/>
      <c r="J179" s="3"/>
      <c r="K179" s="3"/>
      <c r="L179" s="3"/>
    </row>
    <row r="180" spans="3:12" x14ac:dyDescent="0.2">
      <c r="C180" s="3"/>
      <c r="D180" s="3"/>
      <c r="E180" s="3"/>
      <c r="F180" s="3"/>
      <c r="G180" s="3"/>
      <c r="H180" s="3"/>
      <c r="I180" s="3"/>
      <c r="J180" s="3"/>
      <c r="K180" s="3"/>
      <c r="L180" s="3"/>
    </row>
    <row r="181" spans="3:12" x14ac:dyDescent="0.2">
      <c r="C181" s="3"/>
      <c r="D181" s="3"/>
      <c r="E181" s="3"/>
      <c r="F181" s="3"/>
      <c r="G181" s="3"/>
      <c r="H181" s="3"/>
      <c r="I181" s="3"/>
      <c r="J181" s="3"/>
      <c r="K181" s="3"/>
      <c r="L181" s="3"/>
    </row>
    <row r="182" spans="3:12" x14ac:dyDescent="0.2">
      <c r="C182" s="3"/>
      <c r="D182" s="3"/>
      <c r="E182" s="3"/>
      <c r="F182" s="3"/>
      <c r="G182" s="3"/>
      <c r="H182" s="3"/>
      <c r="I182" s="3"/>
      <c r="J182" s="3"/>
      <c r="K182" s="3"/>
      <c r="L182" s="3"/>
    </row>
    <row r="183" spans="3:12" x14ac:dyDescent="0.2">
      <c r="C183" s="3"/>
      <c r="D183" s="3"/>
      <c r="E183" s="3"/>
      <c r="F183" s="3"/>
      <c r="G183" s="3"/>
      <c r="H183" s="3"/>
      <c r="I183" s="3"/>
      <c r="J183" s="3"/>
      <c r="K183" s="3"/>
      <c r="L183" s="3"/>
    </row>
    <row r="184" spans="3:12" x14ac:dyDescent="0.2">
      <c r="C184" s="3"/>
      <c r="D184" s="3"/>
      <c r="E184" s="3"/>
      <c r="F184" s="3"/>
      <c r="G184" s="3"/>
      <c r="H184" s="3"/>
      <c r="I184" s="3"/>
      <c r="J184" s="3"/>
      <c r="K184" s="3"/>
      <c r="L184" s="3"/>
    </row>
    <row r="185" spans="3:12" x14ac:dyDescent="0.2">
      <c r="C185" s="3"/>
      <c r="D185" s="3"/>
      <c r="E185" s="3"/>
      <c r="F185" s="3"/>
      <c r="G185" s="3"/>
      <c r="H185" s="3"/>
      <c r="I185" s="3"/>
      <c r="J185" s="3"/>
      <c r="K185" s="3"/>
      <c r="L185" s="3"/>
    </row>
    <row r="186" spans="3:12" x14ac:dyDescent="0.2">
      <c r="C186" s="3"/>
      <c r="D186" s="3"/>
      <c r="E186" s="3"/>
      <c r="F186" s="3"/>
      <c r="G186" s="3"/>
      <c r="H186" s="3"/>
      <c r="I186" s="3"/>
      <c r="J186" s="3"/>
      <c r="K186" s="3"/>
      <c r="L186" s="3"/>
    </row>
    <row r="187" spans="3:12" x14ac:dyDescent="0.2">
      <c r="C187" s="3"/>
      <c r="D187" s="3"/>
      <c r="E187" s="3"/>
      <c r="F187" s="3"/>
      <c r="G187" s="3"/>
      <c r="H187" s="3"/>
      <c r="I187" s="3"/>
      <c r="J187" s="3"/>
      <c r="K187" s="3"/>
      <c r="L187" s="3"/>
    </row>
    <row r="188" spans="3:12" x14ac:dyDescent="0.2">
      <c r="C188" s="3"/>
      <c r="D188" s="3"/>
      <c r="E188" s="3"/>
      <c r="F188" s="3"/>
      <c r="G188" s="3"/>
      <c r="H188" s="3"/>
      <c r="I188" s="3"/>
      <c r="J188" s="3"/>
      <c r="K188" s="3"/>
      <c r="L188" s="3"/>
    </row>
    <row r="189" spans="3:12" x14ac:dyDescent="0.2">
      <c r="C189" s="3"/>
      <c r="D189" s="3"/>
      <c r="E189" s="3"/>
      <c r="F189" s="3"/>
      <c r="G189" s="3"/>
      <c r="H189" s="3"/>
      <c r="I189" s="3"/>
      <c r="J189" s="3"/>
      <c r="K189" s="3"/>
      <c r="L189" s="3"/>
    </row>
    <row r="190" spans="3:12" x14ac:dyDescent="0.2">
      <c r="C190" s="3"/>
      <c r="D190" s="3"/>
      <c r="E190" s="3"/>
      <c r="F190" s="3"/>
      <c r="G190" s="3"/>
      <c r="H190" s="3"/>
      <c r="I190" s="3"/>
      <c r="J190" s="3"/>
      <c r="K190" s="3"/>
      <c r="L190" s="3"/>
    </row>
    <row r="191" spans="3:12" x14ac:dyDescent="0.2">
      <c r="C191" s="3"/>
      <c r="D191" s="3"/>
      <c r="E191" s="3"/>
      <c r="F191" s="3"/>
      <c r="G191" s="3"/>
      <c r="H191" s="3"/>
      <c r="I191" s="3"/>
      <c r="J191" s="3"/>
      <c r="K191" s="3"/>
      <c r="L191" s="3"/>
    </row>
    <row r="192" spans="3:12" x14ac:dyDescent="0.2">
      <c r="C192" s="3"/>
      <c r="D192" s="3"/>
      <c r="E192" s="3"/>
      <c r="F192" s="3"/>
      <c r="G192" s="3"/>
      <c r="H192" s="3"/>
      <c r="I192" s="3"/>
      <c r="J192" s="3"/>
      <c r="K192" s="3"/>
      <c r="L192" s="3"/>
    </row>
    <row r="193" spans="3:12" x14ac:dyDescent="0.2">
      <c r="C193" s="3"/>
      <c r="D193" s="3"/>
      <c r="E193" s="3"/>
      <c r="F193" s="3"/>
      <c r="G193" s="3"/>
      <c r="H193" s="3"/>
      <c r="I193" s="3"/>
      <c r="J193" s="3"/>
      <c r="K193" s="3"/>
      <c r="L193" s="3"/>
    </row>
    <row r="194" spans="3:12" x14ac:dyDescent="0.2">
      <c r="C194" s="3"/>
      <c r="D194" s="3"/>
      <c r="E194" s="3"/>
      <c r="F194" s="3"/>
      <c r="G194" s="3"/>
      <c r="H194" s="3"/>
      <c r="I194" s="3"/>
      <c r="J194" s="3"/>
      <c r="K194" s="3"/>
      <c r="L194" s="3"/>
    </row>
    <row r="195" spans="3:12" x14ac:dyDescent="0.2">
      <c r="C195" s="3"/>
      <c r="D195" s="3"/>
      <c r="E195" s="3"/>
      <c r="F195" s="3"/>
      <c r="G195" s="3"/>
      <c r="H195" s="3"/>
      <c r="I195" s="3"/>
      <c r="J195" s="3"/>
      <c r="K195" s="3"/>
      <c r="L195" s="3"/>
    </row>
    <row r="196" spans="3:12" x14ac:dyDescent="0.2">
      <c r="C196" s="3"/>
      <c r="D196" s="3"/>
      <c r="E196" s="3"/>
      <c r="F196" s="3"/>
      <c r="G196" s="3"/>
      <c r="H196" s="3"/>
      <c r="I196" s="3"/>
      <c r="J196" s="3"/>
      <c r="K196" s="3"/>
      <c r="L196" s="3"/>
    </row>
    <row r="197" spans="3:12" x14ac:dyDescent="0.2">
      <c r="C197" s="3"/>
      <c r="D197" s="3"/>
      <c r="E197" s="3"/>
      <c r="F197" s="3"/>
      <c r="G197" s="3"/>
      <c r="H197" s="3"/>
      <c r="I197" s="3"/>
      <c r="J197" s="3"/>
      <c r="K197" s="3"/>
      <c r="L197" s="3"/>
    </row>
    <row r="198" spans="3:12" x14ac:dyDescent="0.2">
      <c r="C198" s="3"/>
      <c r="D198" s="3"/>
      <c r="E198" s="3"/>
      <c r="F198" s="3"/>
      <c r="G198" s="3"/>
      <c r="H198" s="3"/>
      <c r="I198" s="3"/>
      <c r="J198" s="3"/>
      <c r="K198" s="3"/>
      <c r="L198" s="3"/>
    </row>
    <row r="199" spans="3:12" x14ac:dyDescent="0.2">
      <c r="C199" s="3"/>
      <c r="D199" s="3"/>
      <c r="E199" s="3"/>
      <c r="F199" s="3"/>
      <c r="G199" s="3"/>
      <c r="H199" s="3"/>
      <c r="I199" s="3"/>
      <c r="J199" s="3"/>
      <c r="K199" s="3"/>
      <c r="L199" s="3"/>
    </row>
    <row r="200" spans="3:12" x14ac:dyDescent="0.2">
      <c r="C200" s="3"/>
      <c r="D200" s="3"/>
      <c r="E200" s="3"/>
      <c r="F200" s="3"/>
      <c r="G200" s="3"/>
      <c r="H200" s="3"/>
      <c r="I200" s="3"/>
      <c r="J200" s="3"/>
      <c r="K200" s="3"/>
      <c r="L200" s="3"/>
    </row>
    <row r="201" spans="3:12" x14ac:dyDescent="0.2">
      <c r="C201" s="3"/>
      <c r="D201" s="3"/>
      <c r="E201" s="3"/>
      <c r="F201" s="3"/>
      <c r="G201" s="3"/>
      <c r="H201" s="3"/>
      <c r="I201" s="3"/>
      <c r="J201" s="3"/>
      <c r="K201" s="3"/>
      <c r="L201" s="3"/>
    </row>
    <row r="202" spans="3:12" x14ac:dyDescent="0.2">
      <c r="C202" s="3"/>
      <c r="D202" s="3"/>
      <c r="E202" s="3"/>
      <c r="F202" s="3"/>
      <c r="G202" s="3"/>
      <c r="H202" s="3"/>
      <c r="I202" s="3"/>
      <c r="J202" s="3"/>
      <c r="K202" s="3"/>
      <c r="L202" s="3"/>
    </row>
    <row r="203" spans="3:12" x14ac:dyDescent="0.2">
      <c r="C203" s="3"/>
      <c r="D203" s="3"/>
      <c r="E203" s="3"/>
      <c r="F203" s="3"/>
      <c r="G203" s="3"/>
      <c r="H203" s="3"/>
      <c r="I203" s="3"/>
      <c r="J203" s="3"/>
      <c r="K203" s="3"/>
      <c r="L203" s="3"/>
    </row>
    <row r="204" spans="3:12" x14ac:dyDescent="0.2">
      <c r="C204" s="3"/>
      <c r="D204" s="3"/>
      <c r="E204" s="3"/>
      <c r="F204" s="3"/>
      <c r="G204" s="3"/>
      <c r="H204" s="3"/>
      <c r="I204" s="3"/>
      <c r="J204" s="3"/>
      <c r="K204" s="3"/>
      <c r="L204" s="3"/>
    </row>
    <row r="205" spans="3:12" x14ac:dyDescent="0.2">
      <c r="C205" s="3"/>
      <c r="D205" s="3"/>
      <c r="E205" s="3"/>
      <c r="F205" s="3"/>
      <c r="G205" s="3"/>
      <c r="H205" s="3"/>
      <c r="I205" s="3"/>
      <c r="J205" s="3"/>
      <c r="K205" s="3"/>
      <c r="L205" s="3"/>
    </row>
    <row r="206" spans="3:12" x14ac:dyDescent="0.2">
      <c r="C206" s="3"/>
      <c r="D206" s="3"/>
      <c r="E206" s="3"/>
      <c r="F206" s="3"/>
      <c r="G206" s="3"/>
      <c r="H206" s="3"/>
      <c r="I206" s="3"/>
      <c r="J206" s="3"/>
      <c r="K206" s="3"/>
      <c r="L206" s="3"/>
    </row>
    <row r="207" spans="3:12" x14ac:dyDescent="0.2">
      <c r="C207" s="3"/>
      <c r="D207" s="3"/>
      <c r="E207" s="3"/>
      <c r="F207" s="3"/>
      <c r="G207" s="3"/>
      <c r="H207" s="3"/>
      <c r="I207" s="3"/>
      <c r="J207" s="3"/>
      <c r="K207" s="3"/>
      <c r="L207" s="3"/>
    </row>
    <row r="208" spans="3:12" x14ac:dyDescent="0.2">
      <c r="C208" s="3"/>
      <c r="D208" s="3"/>
      <c r="E208" s="3"/>
      <c r="F208" s="3"/>
      <c r="G208" s="3"/>
      <c r="H208" s="3"/>
      <c r="I208" s="3"/>
      <c r="J208" s="3"/>
      <c r="K208" s="3"/>
      <c r="L208" s="3"/>
    </row>
    <row r="209" spans="3:12" x14ac:dyDescent="0.2">
      <c r="C209" s="3"/>
      <c r="D209" s="3"/>
      <c r="E209" s="3"/>
      <c r="F209" s="3"/>
      <c r="G209" s="3"/>
      <c r="H209" s="3"/>
      <c r="I209" s="3"/>
      <c r="J209" s="3"/>
      <c r="K209" s="3"/>
      <c r="L209" s="3"/>
    </row>
    <row r="210" spans="3:12" x14ac:dyDescent="0.2">
      <c r="C210" s="3"/>
      <c r="D210" s="3"/>
      <c r="E210" s="3"/>
      <c r="F210" s="3"/>
      <c r="G210" s="3"/>
      <c r="H210" s="3"/>
      <c r="I210" s="3"/>
      <c r="J210" s="3"/>
      <c r="K210" s="3"/>
      <c r="L210" s="3"/>
    </row>
    <row r="211" spans="3:12" x14ac:dyDescent="0.2">
      <c r="C211" s="3"/>
      <c r="D211" s="3"/>
      <c r="E211" s="3"/>
      <c r="F211" s="3"/>
      <c r="G211" s="3"/>
      <c r="H211" s="3"/>
      <c r="I211" s="3"/>
      <c r="J211" s="3"/>
      <c r="K211" s="3"/>
      <c r="L211" s="3"/>
    </row>
    <row r="212" spans="3:12" x14ac:dyDescent="0.2">
      <c r="C212" s="3"/>
      <c r="D212" s="3"/>
      <c r="E212" s="3"/>
      <c r="F212" s="3"/>
      <c r="G212" s="3"/>
      <c r="H212" s="3"/>
      <c r="I212" s="3"/>
      <c r="J212" s="3"/>
      <c r="K212" s="3"/>
      <c r="L212" s="3"/>
    </row>
    <row r="213" spans="3:12" x14ac:dyDescent="0.2">
      <c r="C213" s="3"/>
      <c r="D213" s="3"/>
      <c r="E213" s="3"/>
      <c r="F213" s="3"/>
      <c r="G213" s="3"/>
      <c r="H213" s="3"/>
      <c r="I213" s="3"/>
      <c r="J213" s="3"/>
      <c r="K213" s="3"/>
      <c r="L213" s="3"/>
    </row>
    <row r="214" spans="3:12" x14ac:dyDescent="0.2">
      <c r="C214" s="3"/>
      <c r="D214" s="3"/>
      <c r="E214" s="3"/>
      <c r="F214" s="3"/>
      <c r="G214" s="3"/>
      <c r="H214" s="3"/>
      <c r="I214" s="3"/>
      <c r="J214" s="3"/>
      <c r="K214" s="3"/>
      <c r="L214" s="3"/>
    </row>
    <row r="215" spans="3:12" x14ac:dyDescent="0.2">
      <c r="C215" s="3"/>
      <c r="D215" s="3"/>
      <c r="E215" s="3"/>
      <c r="F215" s="3"/>
      <c r="G215" s="3"/>
      <c r="H215" s="3"/>
      <c r="I215" s="3"/>
      <c r="J215" s="3"/>
      <c r="K215" s="3"/>
      <c r="L215" s="3"/>
    </row>
    <row r="216" spans="3:12" x14ac:dyDescent="0.2">
      <c r="C216" s="3"/>
      <c r="D216" s="3"/>
      <c r="E216" s="3"/>
      <c r="F216" s="3"/>
      <c r="G216" s="3"/>
      <c r="H216" s="3"/>
      <c r="I216" s="3"/>
      <c r="J216" s="3"/>
      <c r="K216" s="3"/>
      <c r="L216" s="3"/>
    </row>
    <row r="217" spans="3:12" x14ac:dyDescent="0.2">
      <c r="C217" s="3"/>
      <c r="D217" s="3"/>
      <c r="E217" s="3"/>
      <c r="F217" s="3"/>
      <c r="G217" s="3"/>
      <c r="H217" s="3"/>
      <c r="I217" s="3"/>
      <c r="J217" s="3"/>
      <c r="K217" s="3"/>
      <c r="L217" s="3"/>
    </row>
    <row r="218" spans="3:12" x14ac:dyDescent="0.2">
      <c r="C218" s="3"/>
      <c r="D218" s="3"/>
      <c r="E218" s="3"/>
      <c r="F218" s="3"/>
      <c r="G218" s="3"/>
      <c r="H218" s="3"/>
      <c r="I218" s="3"/>
      <c r="J218" s="3"/>
      <c r="K218" s="3"/>
      <c r="L218" s="3"/>
    </row>
  </sheetData>
  <mergeCells count="18">
    <mergeCell ref="Z4:AE4"/>
    <mergeCell ref="AF4:AF5"/>
    <mergeCell ref="J1:K1"/>
    <mergeCell ref="AG4:AI4"/>
    <mergeCell ref="AJ4:AO4"/>
    <mergeCell ref="AP4:AP5"/>
    <mergeCell ref="B3:B4"/>
    <mergeCell ref="C3:L3"/>
    <mergeCell ref="M3:V3"/>
    <mergeCell ref="W3:AF3"/>
    <mergeCell ref="AG3:AP3"/>
    <mergeCell ref="C4:E4"/>
    <mergeCell ref="F4:K4"/>
    <mergeCell ref="L4:L5"/>
    <mergeCell ref="M4:O4"/>
    <mergeCell ref="P4:U4"/>
    <mergeCell ref="V4:V5"/>
    <mergeCell ref="W4:Y4"/>
  </mergeCells>
  <phoneticPr fontId="4"/>
  <pageMargins left="0.78740157480314965" right="0.31496062992125984" top="0.27559055118110237" bottom="0.39370078740157483" header="0.19685039370078741" footer="0.19685039370078741"/>
  <pageSetup paperSize="9" scale="45" orientation="landscape" r:id="rId1"/>
  <headerFooter alignWithMargins="0">
    <oddFooter>&amp;L&amp;20&amp;A&amp;C&amp;P/&amp;N</oddFooter>
  </headerFooter>
  <colBreaks count="2" manualBreakCount="2">
    <brk id="12" max="1048575" man="1"/>
    <brk id="22" max="1048575" man="1"/>
  </col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1" customWidth="1"/>
    <col min="3" max="3" width="8.21875" style="1" customWidth="1"/>
    <col min="4" max="5" width="10" style="1" customWidth="1"/>
    <col min="6" max="6" width="7" style="1" customWidth="1"/>
    <col min="7" max="13" width="10.33203125" style="1" customWidth="1"/>
    <col min="14" max="16" width="8.88671875" style="1" customWidth="1"/>
    <col min="17" max="17" width="7.6640625" style="1" customWidth="1"/>
    <col min="18" max="24" width="10.6640625" style="1" customWidth="1"/>
    <col min="25" max="27" width="8.88671875" style="1" customWidth="1"/>
    <col min="28" max="28" width="7.6640625" style="1" customWidth="1"/>
    <col min="29" max="29" width="8.88671875" style="1" customWidth="1"/>
    <col min="30" max="30" width="10.44140625" style="1" customWidth="1"/>
    <col min="31" max="33" width="8.88671875" style="1" customWidth="1"/>
    <col min="34" max="35" width="10" style="1" customWidth="1"/>
    <col min="36" max="38" width="8.88671875" style="1" customWidth="1"/>
    <col min="39" max="39" width="7.77734375" style="1" customWidth="1"/>
    <col min="40" max="49" width="8.88671875" style="1" customWidth="1"/>
    <col min="50" max="50" width="7.77734375" style="1" customWidth="1"/>
    <col min="51" max="55" width="8.88671875" style="1" customWidth="1"/>
    <col min="56" max="57" width="10.33203125" style="1" customWidth="1"/>
    <col min="58" max="60" width="8.88671875" style="1" customWidth="1"/>
    <col min="61" max="61" width="8" style="1" customWidth="1"/>
    <col min="62" max="71" width="8.88671875" style="1" customWidth="1"/>
    <col min="72" max="72" width="7.44140625" style="1" customWidth="1"/>
    <col min="73" max="77" width="8.88671875" style="1" customWidth="1"/>
    <col min="78" max="78" width="11.77734375" style="1" customWidth="1"/>
    <col min="79" max="79" width="12" style="1" customWidth="1"/>
    <col min="80" max="82" width="8.88671875" style="39" customWidth="1"/>
    <col min="83" max="83" width="7.77734375" style="39" customWidth="1"/>
    <col min="84" max="90" width="9" style="39" customWidth="1"/>
    <col min="91" max="93" width="8.88671875" style="1" customWidth="1"/>
    <col min="94" max="94" width="7.44140625" style="1" customWidth="1"/>
    <col min="95" max="97" width="10.109375" style="1" customWidth="1"/>
    <col min="98" max="99" width="8.88671875" style="1" customWidth="1"/>
    <col min="100" max="101" width="10.21875" style="1" customWidth="1"/>
    <col min="102" max="104" width="8.88671875" style="1" customWidth="1"/>
    <col min="105" max="105" width="7.33203125" style="1" customWidth="1"/>
    <col min="106" max="110" width="8.88671875" style="1" customWidth="1"/>
    <col min="111" max="112" width="9.21875" style="1" customWidth="1"/>
    <col min="113" max="115" width="8.88671875" style="39" customWidth="1"/>
    <col min="116" max="116" width="7.33203125" style="39" customWidth="1"/>
    <col min="117" max="121" width="8.88671875" style="39" customWidth="1"/>
    <col min="122" max="123" width="9.6640625" style="39" customWidth="1"/>
    <col min="124" max="126" width="8.88671875" style="1" customWidth="1"/>
    <col min="127" max="127" width="7.77734375" style="1" customWidth="1"/>
    <col min="128" max="132" width="8.88671875" style="1" customWidth="1"/>
    <col min="133" max="134" width="9.33203125" style="1" customWidth="1"/>
    <col min="135" max="137" width="8.88671875" style="1" customWidth="1"/>
    <col min="138" max="138" width="7.44140625" style="1" customWidth="1"/>
    <col min="139" max="148" width="8.88671875" style="1" customWidth="1"/>
    <col min="149" max="149" width="7.21875" style="1" customWidth="1"/>
    <col min="150" max="159" width="8.88671875" style="1" customWidth="1"/>
    <col min="160" max="160" width="7.21875" style="1" customWidth="1"/>
    <col min="161" max="167" width="8.88671875" style="1" customWidth="1"/>
    <col min="168" max="170" width="8.88671875" style="39" customWidth="1"/>
    <col min="171" max="171" width="7.33203125" style="39" customWidth="1"/>
    <col min="172" max="176" width="8.88671875" style="39" customWidth="1"/>
    <col min="177" max="178" width="9.6640625" style="39" customWidth="1"/>
    <col min="179" max="181" width="8.88671875" style="1" customWidth="1"/>
    <col min="182" max="182" width="7.21875" style="1" customWidth="1"/>
    <col min="183" max="187" width="8.88671875" style="1" customWidth="1"/>
    <col min="188" max="189" width="9.44140625" style="1" customWidth="1"/>
    <col min="190" max="192" width="8.88671875" style="1" customWidth="1"/>
    <col min="193" max="193" width="7.77734375" style="1" customWidth="1"/>
    <col min="194" max="203" width="8.88671875" style="1" customWidth="1"/>
    <col min="204" max="204" width="7.44140625" style="1" customWidth="1"/>
    <col min="205" max="214" width="8.88671875" style="1" customWidth="1"/>
    <col min="215" max="215" width="7.33203125" style="1" customWidth="1"/>
    <col min="216" max="218" width="8.88671875" style="1" customWidth="1"/>
    <col min="219" max="219" width="10.44140625" style="1" customWidth="1"/>
    <col min="220" max="220" width="8.88671875" style="1" customWidth="1"/>
    <col min="221" max="222" width="9.6640625" style="1" customWidth="1"/>
    <col min="223" max="225" width="8.88671875" style="1" customWidth="1"/>
    <col min="226" max="226" width="7.6640625" style="1" customWidth="1"/>
    <col min="227" max="231" width="8.88671875" style="1" customWidth="1"/>
    <col min="232" max="233" width="10" style="1"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1"/>
  </cols>
  <sheetData>
    <row r="1" spans="1:409" ht="24" customHeight="1" x14ac:dyDescent="0.2">
      <c r="B1" s="20" t="s">
        <v>146</v>
      </c>
      <c r="G1" s="500">
        <f>第１表!F2</f>
        <v>4</v>
      </c>
      <c r="H1" s="511">
        <f>第１表!G2</f>
        <v>12</v>
      </c>
      <c r="I1" s="652">
        <f>IF(H1&lt;3,H1-2+12,H1-2)</f>
        <v>10</v>
      </c>
      <c r="J1" s="652"/>
      <c r="IB1" s="367"/>
      <c r="IC1" s="252"/>
      <c r="ID1" s="652"/>
      <c r="IE1" s="652"/>
    </row>
    <row r="2" spans="1:409" s="44" customFormat="1" ht="24" customHeight="1" x14ac:dyDescent="0.2">
      <c r="B2" s="20" t="s">
        <v>147</v>
      </c>
      <c r="E2" s="249"/>
      <c r="F2" s="250"/>
      <c r="G2" s="665"/>
      <c r="H2" s="665"/>
      <c r="CB2" s="324"/>
      <c r="CC2" s="324"/>
      <c r="CD2" s="324"/>
      <c r="CE2" s="324"/>
      <c r="CF2" s="324"/>
      <c r="CG2" s="324"/>
      <c r="CH2" s="324"/>
      <c r="CI2" s="324"/>
      <c r="CJ2" s="324"/>
      <c r="CK2" s="324"/>
      <c r="CL2" s="324"/>
      <c r="DI2" s="324"/>
      <c r="DJ2" s="324"/>
      <c r="DK2" s="324"/>
      <c r="DL2" s="324"/>
      <c r="DM2" s="324"/>
      <c r="DN2" s="324"/>
      <c r="DO2" s="324"/>
      <c r="DP2" s="324"/>
      <c r="DQ2" s="324"/>
      <c r="DR2" s="324"/>
      <c r="DS2" s="324"/>
      <c r="FL2" s="324"/>
      <c r="FM2" s="324"/>
      <c r="FN2" s="324"/>
      <c r="FO2" s="324"/>
      <c r="FP2" s="324"/>
      <c r="FQ2" s="324"/>
      <c r="FR2" s="324"/>
      <c r="FS2" s="324"/>
      <c r="FT2" s="324"/>
      <c r="FU2" s="324"/>
      <c r="FV2" s="324"/>
      <c r="HZ2" s="39"/>
      <c r="IA2" s="39"/>
      <c r="IB2" s="251"/>
      <c r="IC2" s="252"/>
      <c r="ID2" s="370"/>
      <c r="IE2" s="370"/>
      <c r="IF2" s="39"/>
      <c r="IG2" s="39"/>
      <c r="IH2" s="39"/>
      <c r="II2" s="39"/>
      <c r="IJ2" s="39"/>
      <c r="IK2" s="1"/>
      <c r="IL2" s="1"/>
      <c r="IM2" s="1"/>
      <c r="IN2" s="1"/>
      <c r="IO2" s="1"/>
      <c r="IP2" s="1"/>
      <c r="IQ2" s="1"/>
      <c r="IR2" s="1"/>
      <c r="IS2" s="1"/>
      <c r="IT2" s="1"/>
      <c r="IU2" s="1"/>
      <c r="IV2" s="1"/>
      <c r="IW2" s="1"/>
      <c r="IX2" s="1"/>
      <c r="IY2" s="1"/>
      <c r="IZ2" s="1"/>
      <c r="JA2" s="1"/>
      <c r="JB2" s="1"/>
      <c r="JC2" s="1"/>
      <c r="JD2" s="1"/>
      <c r="JE2" s="1"/>
      <c r="JF2" s="1"/>
      <c r="JG2" s="1"/>
      <c r="JH2" s="1"/>
      <c r="JI2" s="1"/>
      <c r="JJ2" s="1"/>
      <c r="JK2" s="1"/>
      <c r="JL2" s="1"/>
      <c r="JM2" s="1"/>
      <c r="JN2" s="1"/>
      <c r="JO2" s="1"/>
      <c r="JP2" s="1"/>
      <c r="JQ2" s="1"/>
      <c r="JR2" s="1"/>
      <c r="JS2" s="1"/>
      <c r="JT2" s="1"/>
      <c r="JU2" s="1"/>
      <c r="JV2" s="1"/>
      <c r="JW2" s="1"/>
      <c r="JX2" s="1"/>
      <c r="JY2" s="1"/>
      <c r="JZ2" s="1"/>
      <c r="KA2" s="1"/>
      <c r="KB2" s="1"/>
      <c r="KC2" s="1"/>
      <c r="KD2" s="1"/>
      <c r="KE2" s="1"/>
      <c r="KF2" s="1"/>
      <c r="KG2" s="1"/>
      <c r="KH2" s="1"/>
      <c r="KI2" s="1"/>
      <c r="KJ2" s="1"/>
      <c r="KK2" s="1"/>
      <c r="KL2" s="1"/>
      <c r="KM2" s="1"/>
      <c r="KN2" s="1"/>
      <c r="KO2" s="1"/>
      <c r="KP2" s="1"/>
      <c r="KQ2" s="1"/>
      <c r="KR2" s="1"/>
      <c r="KS2" s="1"/>
      <c r="KT2" s="1"/>
      <c r="KU2" s="1"/>
      <c r="KV2" s="1"/>
      <c r="KW2" s="1"/>
      <c r="KX2" s="1"/>
      <c r="KY2" s="39"/>
      <c r="KZ2" s="39"/>
      <c r="LA2" s="39"/>
      <c r="LB2" s="39"/>
      <c r="LC2" s="39"/>
      <c r="LD2" s="39"/>
      <c r="LE2" s="39"/>
      <c r="LF2" s="39"/>
      <c r="LG2" s="39"/>
      <c r="LH2" s="39"/>
      <c r="LI2" s="39"/>
      <c r="LJ2" s="39"/>
      <c r="LK2" s="39"/>
      <c r="LL2" s="39"/>
      <c r="LM2" s="39"/>
      <c r="LN2" s="39"/>
      <c r="LO2" s="39"/>
      <c r="LP2" s="39"/>
      <c r="LQ2" s="39"/>
      <c r="LR2" s="39"/>
      <c r="LS2" s="39"/>
      <c r="LT2" s="39"/>
      <c r="LU2" s="39"/>
      <c r="LV2" s="39"/>
      <c r="LW2" s="39"/>
      <c r="LX2" s="39"/>
      <c r="LY2" s="39"/>
      <c r="LZ2" s="39"/>
      <c r="MA2" s="39"/>
      <c r="MB2" s="39"/>
      <c r="MC2" s="39"/>
      <c r="MD2" s="39"/>
      <c r="ME2" s="39"/>
      <c r="MF2" s="1"/>
      <c r="MG2" s="1"/>
      <c r="MH2" s="1"/>
      <c r="MI2" s="1"/>
      <c r="MJ2" s="1"/>
      <c r="MK2" s="1"/>
      <c r="ML2" s="1"/>
      <c r="MM2" s="1"/>
      <c r="MN2" s="1"/>
      <c r="MO2" s="1"/>
      <c r="MP2" s="1"/>
      <c r="MQ2" s="1"/>
      <c r="MR2" s="1"/>
      <c r="MS2" s="1"/>
      <c r="MT2" s="1"/>
      <c r="MU2" s="1"/>
      <c r="MV2" s="1"/>
      <c r="MW2" s="1"/>
      <c r="MX2" s="1"/>
      <c r="MY2" s="1"/>
      <c r="MZ2" s="1"/>
      <c r="NA2" s="1"/>
      <c r="NB2" s="1"/>
      <c r="NC2" s="1"/>
      <c r="ND2" s="1"/>
      <c r="NE2" s="1"/>
      <c r="NF2" s="1"/>
      <c r="NG2" s="1"/>
      <c r="NH2" s="1"/>
      <c r="NI2" s="1"/>
      <c r="NJ2" s="1"/>
      <c r="NK2" s="1"/>
      <c r="NL2" s="1"/>
      <c r="NM2" s="1"/>
      <c r="NN2" s="1"/>
      <c r="NO2" s="1"/>
      <c r="NP2" s="1"/>
      <c r="NQ2" s="1"/>
      <c r="NR2" s="1"/>
      <c r="NS2" s="1"/>
      <c r="NT2" s="1"/>
      <c r="NU2" s="1"/>
      <c r="NV2" s="1"/>
      <c r="NW2" s="1"/>
      <c r="NX2" s="1"/>
      <c r="NY2" s="1"/>
      <c r="NZ2" s="1"/>
      <c r="OA2" s="1"/>
      <c r="OB2" s="1"/>
      <c r="OC2" s="1"/>
      <c r="OD2" s="1"/>
      <c r="OE2" s="1"/>
      <c r="OF2" s="1"/>
      <c r="OG2" s="1"/>
      <c r="OH2" s="1"/>
      <c r="OI2" s="1"/>
      <c r="OJ2" s="1"/>
      <c r="OK2" s="1"/>
      <c r="OL2" s="1"/>
      <c r="OM2" s="1"/>
      <c r="ON2" s="1"/>
      <c r="OO2" s="1"/>
      <c r="OP2" s="1"/>
      <c r="OQ2" s="1"/>
      <c r="OR2" s="1"/>
      <c r="OS2" s="1"/>
    </row>
    <row r="3" spans="1:409" s="44" customFormat="1" ht="24" customHeight="1" thickBot="1" x14ac:dyDescent="0.25">
      <c r="B3" s="20" t="s">
        <v>148</v>
      </c>
      <c r="CB3" s="324"/>
      <c r="CC3" s="324"/>
      <c r="CD3" s="324"/>
      <c r="CE3" s="324"/>
      <c r="CF3" s="324"/>
      <c r="CG3" s="324"/>
      <c r="CH3" s="324"/>
      <c r="CI3" s="324"/>
      <c r="CJ3" s="324"/>
      <c r="CK3" s="324"/>
      <c r="CL3" s="324"/>
      <c r="DI3" s="324"/>
      <c r="DJ3" s="324"/>
      <c r="DK3" s="324"/>
      <c r="DL3" s="324"/>
      <c r="DM3" s="324"/>
      <c r="DN3" s="324"/>
      <c r="DO3" s="324"/>
      <c r="DP3" s="324"/>
      <c r="DQ3" s="324"/>
      <c r="DR3" s="324"/>
      <c r="DS3" s="324"/>
      <c r="FL3" s="324"/>
      <c r="FM3" s="324"/>
      <c r="FN3" s="324"/>
      <c r="FO3" s="324"/>
      <c r="FP3" s="324"/>
      <c r="FQ3" s="324"/>
      <c r="FR3" s="324"/>
      <c r="FS3" s="324"/>
      <c r="FT3" s="324"/>
      <c r="FU3" s="324"/>
      <c r="FV3" s="324"/>
      <c r="HZ3" s="39"/>
      <c r="IA3" s="39"/>
      <c r="IB3" s="39"/>
      <c r="IC3" s="39"/>
      <c r="ID3" s="39"/>
      <c r="IE3" s="39"/>
      <c r="IF3" s="39"/>
      <c r="IG3" s="39"/>
      <c r="IH3" s="39"/>
      <c r="II3" s="39"/>
      <c r="IJ3" s="39"/>
      <c r="IK3" s="1"/>
      <c r="IL3" s="1"/>
      <c r="IM3" s="1"/>
      <c r="IN3" s="1"/>
      <c r="IO3" s="1"/>
      <c r="IP3" s="1"/>
      <c r="IQ3" s="1"/>
      <c r="IR3" s="1"/>
      <c r="IS3" s="1"/>
      <c r="IT3" s="1"/>
      <c r="IU3" s="1"/>
      <c r="IV3" s="1"/>
      <c r="IW3" s="1"/>
      <c r="IX3" s="1"/>
      <c r="IY3" s="1"/>
      <c r="IZ3" s="1"/>
      <c r="JA3" s="1"/>
      <c r="JB3" s="1"/>
      <c r="JC3" s="1"/>
      <c r="JD3" s="1"/>
      <c r="JE3" s="1"/>
      <c r="JF3" s="1"/>
      <c r="JG3" s="1"/>
      <c r="JH3" s="1"/>
      <c r="JI3" s="1"/>
      <c r="JJ3" s="1"/>
      <c r="JK3" s="1"/>
      <c r="JL3" s="1"/>
      <c r="JM3" s="1"/>
      <c r="JN3" s="1"/>
      <c r="JO3" s="1"/>
      <c r="JP3" s="1"/>
      <c r="JQ3" s="1"/>
      <c r="JR3" s="1"/>
      <c r="JS3" s="1"/>
      <c r="JT3" s="1"/>
      <c r="JU3" s="1"/>
      <c r="JV3" s="1"/>
      <c r="JW3" s="1"/>
      <c r="JX3" s="1"/>
      <c r="JY3" s="1"/>
      <c r="JZ3" s="1"/>
      <c r="KA3" s="1"/>
      <c r="KB3" s="1"/>
      <c r="KC3" s="1"/>
      <c r="KD3" s="1"/>
      <c r="KE3" s="1"/>
      <c r="KF3" s="1"/>
      <c r="KG3" s="1"/>
      <c r="KH3" s="1"/>
      <c r="KI3" s="1"/>
      <c r="KJ3" s="1"/>
      <c r="KK3" s="1"/>
      <c r="KL3" s="1"/>
      <c r="KM3" s="1"/>
      <c r="KN3" s="1"/>
      <c r="KO3" s="1"/>
      <c r="KP3" s="1"/>
      <c r="KQ3" s="1"/>
      <c r="KR3" s="1"/>
      <c r="KS3" s="1"/>
      <c r="KT3" s="1"/>
      <c r="KU3" s="1"/>
      <c r="KV3" s="1"/>
      <c r="KW3" s="1"/>
      <c r="KX3" s="1"/>
      <c r="KY3" s="39"/>
      <c r="KZ3" s="39"/>
      <c r="LA3" s="39"/>
      <c r="LB3" s="39"/>
      <c r="LC3" s="39"/>
      <c r="LD3" s="39"/>
      <c r="LE3" s="39"/>
      <c r="LF3" s="39"/>
      <c r="LG3" s="39"/>
      <c r="LH3" s="39"/>
      <c r="LI3" s="39"/>
      <c r="LJ3" s="39"/>
      <c r="LK3" s="39"/>
      <c r="LL3" s="39"/>
      <c r="LM3" s="39"/>
      <c r="LN3" s="39"/>
      <c r="LO3" s="39"/>
      <c r="LP3" s="39"/>
      <c r="LQ3" s="39"/>
      <c r="LR3" s="39"/>
      <c r="LS3" s="39"/>
      <c r="LT3" s="39"/>
      <c r="LU3" s="39"/>
      <c r="LV3" s="39"/>
      <c r="LW3" s="39"/>
      <c r="LX3" s="39"/>
      <c r="LY3" s="39"/>
      <c r="LZ3" s="39"/>
      <c r="MA3" s="39"/>
      <c r="MB3" s="39"/>
      <c r="MC3" s="39"/>
      <c r="MD3" s="39"/>
      <c r="ME3" s="39"/>
      <c r="MF3" s="1"/>
      <c r="MG3" s="1"/>
      <c r="MH3" s="1"/>
      <c r="MI3" s="1"/>
      <c r="MJ3" s="1"/>
      <c r="MK3" s="1"/>
      <c r="ML3" s="1"/>
      <c r="MM3" s="1"/>
      <c r="MN3" s="1"/>
      <c r="MO3" s="1"/>
      <c r="MP3" s="1"/>
      <c r="MQ3" s="1"/>
      <c r="MR3" s="1"/>
      <c r="MS3" s="1"/>
      <c r="MT3" s="1"/>
      <c r="MU3" s="1"/>
      <c r="MV3" s="1"/>
      <c r="MW3" s="1"/>
      <c r="MX3" s="1"/>
      <c r="MY3" s="1"/>
      <c r="MZ3" s="1"/>
      <c r="NA3" s="1"/>
      <c r="NB3" s="1"/>
      <c r="NC3" s="1"/>
      <c r="ND3" s="1"/>
      <c r="NE3" s="1"/>
      <c r="NF3" s="1"/>
      <c r="NG3" s="1"/>
      <c r="NH3" s="1"/>
      <c r="NI3" s="1"/>
      <c r="NJ3" s="1"/>
      <c r="NK3" s="1"/>
      <c r="NL3" s="1"/>
      <c r="NM3" s="1"/>
      <c r="NN3" s="1"/>
      <c r="NO3" s="1"/>
      <c r="NP3" s="1"/>
      <c r="NQ3" s="1"/>
      <c r="NR3" s="1"/>
      <c r="NS3" s="1"/>
      <c r="NT3" s="1"/>
      <c r="NU3" s="1"/>
      <c r="NV3" s="1"/>
      <c r="NW3" s="1"/>
      <c r="NX3" s="1"/>
      <c r="NY3" s="1"/>
      <c r="NZ3" s="1"/>
      <c r="OA3" s="1"/>
      <c r="OB3" s="1"/>
      <c r="OC3" s="1"/>
      <c r="OD3" s="1"/>
      <c r="OE3" s="1"/>
      <c r="OF3" s="1"/>
      <c r="OG3" s="1"/>
      <c r="OH3" s="1"/>
      <c r="OI3" s="1"/>
      <c r="OJ3" s="1"/>
      <c r="OK3" s="1"/>
      <c r="OL3" s="1"/>
      <c r="OM3" s="1"/>
      <c r="ON3" s="1"/>
      <c r="OO3" s="1"/>
      <c r="OP3" s="1"/>
      <c r="OQ3" s="1"/>
      <c r="OR3" s="1"/>
      <c r="OS3" s="1"/>
    </row>
    <row r="4" spans="1:409" ht="21" customHeight="1" thickBot="1" x14ac:dyDescent="0.25">
      <c r="B4" s="666" t="s">
        <v>42</v>
      </c>
      <c r="C4" s="669" t="s">
        <v>63</v>
      </c>
      <c r="D4" s="669"/>
      <c r="E4" s="669"/>
      <c r="F4" s="669"/>
      <c r="G4" s="669"/>
      <c r="H4" s="669"/>
      <c r="I4" s="669"/>
      <c r="J4" s="669"/>
      <c r="K4" s="669"/>
      <c r="L4" s="669"/>
      <c r="M4" s="669"/>
      <c r="N4" s="602"/>
      <c r="O4" s="602"/>
      <c r="P4" s="602"/>
      <c r="Q4" s="602"/>
      <c r="R4" s="602"/>
      <c r="S4" s="602"/>
      <c r="T4" s="602"/>
      <c r="U4" s="602"/>
      <c r="V4" s="602"/>
      <c r="W4" s="602"/>
      <c r="X4" s="602"/>
      <c r="Y4" s="602"/>
      <c r="Z4" s="602"/>
      <c r="AA4" s="602"/>
      <c r="AB4" s="602"/>
      <c r="AC4" s="602"/>
      <c r="AD4" s="602"/>
      <c r="AE4" s="602"/>
      <c r="AF4" s="602"/>
      <c r="AG4" s="602"/>
      <c r="AH4" s="602"/>
      <c r="AI4" s="602"/>
      <c r="AJ4" s="602"/>
      <c r="AK4" s="602"/>
      <c r="AL4" s="602"/>
      <c r="AM4" s="602"/>
      <c r="AN4" s="602"/>
      <c r="AO4" s="602"/>
      <c r="AP4" s="602"/>
      <c r="AQ4" s="602"/>
      <c r="AR4" s="602"/>
      <c r="AS4" s="602"/>
      <c r="AT4" s="602"/>
      <c r="AU4" s="602"/>
      <c r="AV4" s="602"/>
      <c r="AW4" s="602"/>
      <c r="AX4" s="602"/>
      <c r="AY4" s="602"/>
      <c r="AZ4" s="602"/>
      <c r="BA4" s="602"/>
      <c r="BB4" s="602"/>
      <c r="BC4" s="602"/>
      <c r="BD4" s="602"/>
      <c r="BE4" s="602"/>
      <c r="BF4" s="602"/>
      <c r="BG4" s="602"/>
      <c r="BH4" s="602"/>
      <c r="BI4" s="602"/>
      <c r="BJ4" s="602"/>
      <c r="BK4" s="602"/>
      <c r="BL4" s="602"/>
      <c r="BM4" s="602"/>
      <c r="BN4" s="602"/>
      <c r="BO4" s="602"/>
      <c r="BP4" s="602"/>
      <c r="BQ4" s="602"/>
      <c r="BR4" s="602"/>
      <c r="BS4" s="602"/>
      <c r="BT4" s="602"/>
      <c r="BU4" s="602"/>
      <c r="BV4" s="602"/>
      <c r="BW4" s="602"/>
      <c r="BX4" s="602"/>
      <c r="BY4" s="602"/>
      <c r="BZ4" s="602"/>
      <c r="CA4" s="602"/>
      <c r="CB4" s="602"/>
      <c r="CC4" s="602"/>
      <c r="CD4" s="602"/>
      <c r="CE4" s="602"/>
      <c r="CF4" s="602"/>
      <c r="CG4" s="602"/>
      <c r="CH4" s="602"/>
      <c r="CI4" s="602"/>
      <c r="CJ4" s="602"/>
      <c r="CK4" s="602"/>
      <c r="CL4" s="602"/>
      <c r="CM4" s="602"/>
      <c r="CN4" s="602"/>
      <c r="CO4" s="602"/>
      <c r="CP4" s="602"/>
      <c r="CQ4" s="602"/>
      <c r="CR4" s="602"/>
      <c r="CS4" s="602"/>
      <c r="CT4" s="602"/>
      <c r="CU4" s="602"/>
      <c r="CV4" s="602"/>
      <c r="CW4" s="602"/>
      <c r="CX4" s="602"/>
      <c r="CY4" s="602"/>
      <c r="CZ4" s="602"/>
      <c r="DA4" s="602"/>
      <c r="DB4" s="602"/>
      <c r="DC4" s="602"/>
      <c r="DD4" s="602"/>
      <c r="DE4" s="602"/>
      <c r="DF4" s="602"/>
      <c r="DG4" s="602"/>
      <c r="DH4" s="602"/>
      <c r="DI4" s="602"/>
      <c r="DJ4" s="602"/>
      <c r="DK4" s="602"/>
      <c r="DL4" s="602"/>
      <c r="DM4" s="602"/>
      <c r="DN4" s="602"/>
      <c r="DO4" s="602"/>
      <c r="DP4" s="602"/>
      <c r="DQ4" s="602"/>
      <c r="DR4" s="602"/>
      <c r="DS4" s="602"/>
      <c r="DT4" s="602"/>
      <c r="DU4" s="602"/>
      <c r="DV4" s="602"/>
      <c r="DW4" s="602"/>
      <c r="DX4" s="602"/>
      <c r="DY4" s="602"/>
      <c r="DZ4" s="602"/>
      <c r="EA4" s="602"/>
      <c r="EB4" s="602"/>
      <c r="EC4" s="602"/>
      <c r="ED4" s="602"/>
      <c r="EE4" s="602"/>
      <c r="EF4" s="602"/>
      <c r="EG4" s="602"/>
      <c r="EH4" s="602"/>
      <c r="EI4" s="602"/>
      <c r="EJ4" s="602"/>
      <c r="EK4" s="602"/>
      <c r="EL4" s="602"/>
      <c r="EM4" s="602"/>
      <c r="EN4" s="602"/>
      <c r="EO4" s="602"/>
      <c r="EP4" s="602"/>
      <c r="EQ4" s="602"/>
      <c r="ER4" s="602"/>
      <c r="ES4" s="602"/>
      <c r="ET4" s="602"/>
      <c r="EU4" s="602"/>
      <c r="EV4" s="602"/>
      <c r="EW4" s="602"/>
      <c r="EX4" s="602"/>
      <c r="EY4" s="602"/>
      <c r="EZ4" s="602"/>
      <c r="FA4" s="602"/>
      <c r="FB4" s="602"/>
      <c r="FC4" s="602"/>
      <c r="FD4" s="602"/>
      <c r="FE4" s="602"/>
      <c r="FF4" s="602"/>
      <c r="FG4" s="602"/>
      <c r="FH4" s="602"/>
      <c r="FI4" s="602"/>
      <c r="FJ4" s="602"/>
      <c r="FK4" s="602"/>
      <c r="FL4" s="602"/>
      <c r="FM4" s="602"/>
      <c r="FN4" s="602"/>
      <c r="FO4" s="602"/>
      <c r="FP4" s="602"/>
      <c r="FQ4" s="602"/>
      <c r="FR4" s="602"/>
      <c r="FS4" s="602"/>
      <c r="FT4" s="602"/>
      <c r="FU4" s="602"/>
      <c r="FV4" s="602"/>
      <c r="FW4" s="602"/>
      <c r="FX4" s="602"/>
      <c r="FY4" s="602"/>
      <c r="FZ4" s="602"/>
      <c r="GA4" s="602"/>
      <c r="GB4" s="602"/>
      <c r="GC4" s="602"/>
      <c r="GD4" s="602"/>
      <c r="GE4" s="602"/>
      <c r="GF4" s="602"/>
      <c r="GG4" s="602"/>
      <c r="GH4" s="602"/>
      <c r="GI4" s="602"/>
      <c r="GJ4" s="602"/>
      <c r="GK4" s="602"/>
      <c r="GL4" s="602"/>
      <c r="GM4" s="602"/>
      <c r="GN4" s="602"/>
      <c r="GO4" s="602"/>
      <c r="GP4" s="602"/>
      <c r="GQ4" s="602"/>
      <c r="GR4" s="602"/>
      <c r="GS4" s="602"/>
      <c r="GT4" s="602"/>
      <c r="GU4" s="602"/>
      <c r="GV4" s="602"/>
      <c r="GW4" s="602"/>
      <c r="GX4" s="602"/>
      <c r="GY4" s="602"/>
      <c r="GZ4" s="602"/>
      <c r="HA4" s="602"/>
      <c r="HB4" s="602"/>
      <c r="HC4" s="602"/>
      <c r="HD4" s="602"/>
      <c r="HE4" s="602"/>
      <c r="HF4" s="602"/>
      <c r="HG4" s="602"/>
      <c r="HH4" s="602"/>
      <c r="HI4" s="602"/>
      <c r="HJ4" s="602"/>
      <c r="HK4" s="602"/>
      <c r="HL4" s="602"/>
      <c r="HM4" s="602"/>
      <c r="HN4" s="602"/>
      <c r="HO4" s="602"/>
      <c r="HP4" s="602"/>
      <c r="HQ4" s="602"/>
      <c r="HR4" s="602"/>
      <c r="HS4" s="602"/>
      <c r="HT4" s="602"/>
      <c r="HU4" s="602"/>
      <c r="HV4" s="602"/>
      <c r="HW4" s="602"/>
      <c r="HX4" s="602"/>
      <c r="HY4" s="603"/>
      <c r="HZ4" s="649" t="s">
        <v>85</v>
      </c>
      <c r="IA4" s="650"/>
      <c r="IB4" s="650"/>
      <c r="IC4" s="650"/>
      <c r="ID4" s="650"/>
      <c r="IE4" s="650"/>
      <c r="IF4" s="650"/>
      <c r="IG4" s="650"/>
      <c r="IH4" s="650"/>
      <c r="II4" s="650"/>
      <c r="IJ4" s="650"/>
      <c r="IK4" s="650"/>
      <c r="IL4" s="650"/>
      <c r="IM4" s="650"/>
      <c r="IN4" s="650"/>
      <c r="IO4" s="650"/>
      <c r="IP4" s="650"/>
      <c r="IQ4" s="650"/>
      <c r="IR4" s="650"/>
      <c r="IS4" s="650"/>
      <c r="IT4" s="650"/>
      <c r="IU4" s="650"/>
      <c r="IV4" s="650"/>
      <c r="IW4" s="650"/>
      <c r="IX4" s="650"/>
      <c r="IY4" s="650"/>
      <c r="IZ4" s="650"/>
      <c r="JA4" s="650"/>
      <c r="JB4" s="650"/>
      <c r="JC4" s="650"/>
      <c r="JD4" s="650"/>
      <c r="JE4" s="650"/>
      <c r="JF4" s="650"/>
      <c r="JG4" s="650"/>
      <c r="JH4" s="650"/>
      <c r="JI4" s="650"/>
      <c r="JJ4" s="650"/>
      <c r="JK4" s="650"/>
      <c r="JL4" s="650"/>
      <c r="JM4" s="650"/>
      <c r="JN4" s="650"/>
      <c r="JO4" s="650"/>
      <c r="JP4" s="650"/>
      <c r="JQ4" s="650"/>
      <c r="JR4" s="650"/>
      <c r="JS4" s="650"/>
      <c r="JT4" s="650"/>
      <c r="JU4" s="650"/>
      <c r="JV4" s="650"/>
      <c r="JW4" s="650"/>
      <c r="JX4" s="650"/>
      <c r="JY4" s="650"/>
      <c r="JZ4" s="650"/>
      <c r="KA4" s="650"/>
      <c r="KB4" s="650"/>
      <c r="KC4" s="650"/>
      <c r="KD4" s="650"/>
      <c r="KE4" s="650"/>
      <c r="KF4" s="650"/>
      <c r="KG4" s="650"/>
      <c r="KH4" s="650"/>
      <c r="KI4" s="650"/>
      <c r="KJ4" s="650"/>
      <c r="KK4" s="650"/>
      <c r="KL4" s="650"/>
      <c r="KM4" s="650"/>
      <c r="KN4" s="650"/>
      <c r="KO4" s="650"/>
      <c r="KP4" s="650"/>
      <c r="KQ4" s="650"/>
      <c r="KR4" s="650"/>
      <c r="KS4" s="650"/>
      <c r="KT4" s="650"/>
      <c r="KU4" s="650"/>
      <c r="KV4" s="650"/>
      <c r="KW4" s="650"/>
      <c r="KX4" s="650"/>
      <c r="KY4" s="650"/>
      <c r="KZ4" s="650"/>
      <c r="LA4" s="650"/>
      <c r="LB4" s="650"/>
      <c r="LC4" s="650"/>
      <c r="LD4" s="650"/>
      <c r="LE4" s="650"/>
      <c r="LF4" s="650"/>
      <c r="LG4" s="650"/>
      <c r="LH4" s="650"/>
      <c r="LI4" s="650"/>
      <c r="LJ4" s="650"/>
      <c r="LK4" s="650"/>
      <c r="LL4" s="650"/>
      <c r="LM4" s="650"/>
      <c r="LN4" s="650"/>
      <c r="LO4" s="650"/>
      <c r="LP4" s="650"/>
      <c r="LQ4" s="650"/>
      <c r="LR4" s="650"/>
      <c r="LS4" s="650"/>
      <c r="LT4" s="650"/>
      <c r="LU4" s="650"/>
      <c r="LV4" s="650"/>
      <c r="LW4" s="650"/>
      <c r="LX4" s="650"/>
      <c r="LY4" s="650"/>
      <c r="LZ4" s="650"/>
      <c r="MA4" s="650"/>
      <c r="MB4" s="650"/>
      <c r="MC4" s="650"/>
      <c r="MD4" s="650"/>
      <c r="ME4" s="651"/>
      <c r="MF4" s="649" t="s">
        <v>86</v>
      </c>
      <c r="MG4" s="650"/>
      <c r="MH4" s="650"/>
      <c r="MI4" s="650"/>
      <c r="MJ4" s="650"/>
      <c r="MK4" s="650"/>
      <c r="ML4" s="650"/>
      <c r="MM4" s="650"/>
      <c r="MN4" s="650"/>
      <c r="MO4" s="650"/>
      <c r="MP4" s="650"/>
      <c r="MQ4" s="650"/>
      <c r="MR4" s="650"/>
      <c r="MS4" s="650"/>
      <c r="MT4" s="650"/>
      <c r="MU4" s="650"/>
      <c r="MV4" s="650"/>
      <c r="MW4" s="650"/>
      <c r="MX4" s="650"/>
      <c r="MY4" s="650"/>
      <c r="MZ4" s="650"/>
      <c r="NA4" s="650"/>
      <c r="NB4" s="650"/>
      <c r="NC4" s="650"/>
      <c r="ND4" s="650"/>
      <c r="NE4" s="650"/>
      <c r="NF4" s="650"/>
      <c r="NG4" s="650"/>
      <c r="NH4" s="650"/>
      <c r="NI4" s="650"/>
      <c r="NJ4" s="650"/>
      <c r="NK4" s="650"/>
      <c r="NL4" s="650"/>
      <c r="NM4" s="650"/>
      <c r="NN4" s="650"/>
      <c r="NO4" s="650"/>
      <c r="NP4" s="650"/>
      <c r="NQ4" s="650"/>
      <c r="NR4" s="650"/>
      <c r="NS4" s="650"/>
      <c r="NT4" s="650"/>
      <c r="NU4" s="650"/>
      <c r="NV4" s="650"/>
      <c r="NW4" s="650"/>
      <c r="NX4" s="650"/>
      <c r="NY4" s="650"/>
      <c r="NZ4" s="650"/>
      <c r="OA4" s="650"/>
      <c r="OB4" s="650"/>
      <c r="OC4" s="650"/>
      <c r="OD4" s="650"/>
      <c r="OE4" s="650"/>
      <c r="OF4" s="650"/>
      <c r="OG4" s="650"/>
      <c r="OH4" s="651"/>
      <c r="OI4" s="604" t="s">
        <v>60</v>
      </c>
      <c r="OJ4" s="514"/>
      <c r="OK4" s="514"/>
      <c r="OL4" s="514"/>
      <c r="OM4" s="514"/>
      <c r="ON4" s="514"/>
      <c r="OO4" s="514"/>
      <c r="OP4" s="514"/>
      <c r="OQ4" s="514"/>
      <c r="OR4" s="514"/>
      <c r="OS4" s="515"/>
    </row>
    <row r="5" spans="1:409" ht="21" customHeight="1" thickBot="1" x14ac:dyDescent="0.25">
      <c r="B5" s="667"/>
      <c r="C5" s="670"/>
      <c r="D5" s="670"/>
      <c r="E5" s="670"/>
      <c r="F5" s="670"/>
      <c r="G5" s="670"/>
      <c r="H5" s="670"/>
      <c r="I5" s="670"/>
      <c r="J5" s="670"/>
      <c r="K5" s="670"/>
      <c r="L5" s="670"/>
      <c r="M5" s="670"/>
      <c r="N5" s="672" t="s">
        <v>64</v>
      </c>
      <c r="O5" s="673"/>
      <c r="P5" s="673"/>
      <c r="Q5" s="673"/>
      <c r="R5" s="673"/>
      <c r="S5" s="673"/>
      <c r="T5" s="673"/>
      <c r="U5" s="673"/>
      <c r="V5" s="673"/>
      <c r="W5" s="673"/>
      <c r="X5" s="673"/>
      <c r="Y5" s="673"/>
      <c r="Z5" s="673"/>
      <c r="AA5" s="673"/>
      <c r="AB5" s="673"/>
      <c r="AC5" s="673"/>
      <c r="AD5" s="673"/>
      <c r="AE5" s="673"/>
      <c r="AF5" s="673"/>
      <c r="AG5" s="673"/>
      <c r="AH5" s="673"/>
      <c r="AI5" s="673"/>
      <c r="AJ5" s="673"/>
      <c r="AK5" s="673"/>
      <c r="AL5" s="673"/>
      <c r="AM5" s="673"/>
      <c r="AN5" s="673"/>
      <c r="AO5" s="673"/>
      <c r="AP5" s="673"/>
      <c r="AQ5" s="673"/>
      <c r="AR5" s="673"/>
      <c r="AS5" s="673"/>
      <c r="AT5" s="673"/>
      <c r="AU5" s="673"/>
      <c r="AV5" s="673"/>
      <c r="AW5" s="673"/>
      <c r="AX5" s="673"/>
      <c r="AY5" s="673"/>
      <c r="AZ5" s="673"/>
      <c r="BA5" s="673"/>
      <c r="BB5" s="673"/>
      <c r="BC5" s="673"/>
      <c r="BD5" s="673"/>
      <c r="BE5" s="673"/>
      <c r="BF5" s="673"/>
      <c r="BG5" s="673"/>
      <c r="BH5" s="673"/>
      <c r="BI5" s="673"/>
      <c r="BJ5" s="673"/>
      <c r="BK5" s="673"/>
      <c r="BL5" s="673"/>
      <c r="BM5" s="673"/>
      <c r="BN5" s="673"/>
      <c r="BO5" s="673"/>
      <c r="BP5" s="673"/>
      <c r="BQ5" s="673"/>
      <c r="BR5" s="673"/>
      <c r="BS5" s="673"/>
      <c r="BT5" s="673"/>
      <c r="BU5" s="673"/>
      <c r="BV5" s="673"/>
      <c r="BW5" s="673"/>
      <c r="BX5" s="673"/>
      <c r="BY5" s="673"/>
      <c r="BZ5" s="673"/>
      <c r="CA5" s="674"/>
      <c r="CB5" s="672" t="s">
        <v>65</v>
      </c>
      <c r="CC5" s="673"/>
      <c r="CD5" s="673"/>
      <c r="CE5" s="673"/>
      <c r="CF5" s="673"/>
      <c r="CG5" s="673"/>
      <c r="CH5" s="673"/>
      <c r="CI5" s="673"/>
      <c r="CJ5" s="673"/>
      <c r="CK5" s="673"/>
      <c r="CL5" s="673"/>
      <c r="CM5" s="673"/>
      <c r="CN5" s="673"/>
      <c r="CO5" s="673"/>
      <c r="CP5" s="673"/>
      <c r="CQ5" s="673"/>
      <c r="CR5" s="673"/>
      <c r="CS5" s="673"/>
      <c r="CT5" s="673"/>
      <c r="CU5" s="673"/>
      <c r="CV5" s="673"/>
      <c r="CW5" s="673"/>
      <c r="CX5" s="673"/>
      <c r="CY5" s="673"/>
      <c r="CZ5" s="673"/>
      <c r="DA5" s="673"/>
      <c r="DB5" s="673"/>
      <c r="DC5" s="673"/>
      <c r="DD5" s="673"/>
      <c r="DE5" s="673"/>
      <c r="DF5" s="673"/>
      <c r="DG5" s="673"/>
      <c r="DH5" s="674"/>
      <c r="DI5" s="649" t="s">
        <v>66</v>
      </c>
      <c r="DJ5" s="650"/>
      <c r="DK5" s="650"/>
      <c r="DL5" s="650"/>
      <c r="DM5" s="650"/>
      <c r="DN5" s="650"/>
      <c r="DO5" s="650"/>
      <c r="DP5" s="650"/>
      <c r="DQ5" s="650"/>
      <c r="DR5" s="650"/>
      <c r="DS5" s="650"/>
      <c r="DT5" s="650"/>
      <c r="DU5" s="650"/>
      <c r="DV5" s="650"/>
      <c r="DW5" s="650"/>
      <c r="DX5" s="650"/>
      <c r="DY5" s="650"/>
      <c r="DZ5" s="650"/>
      <c r="EA5" s="650"/>
      <c r="EB5" s="650"/>
      <c r="EC5" s="650"/>
      <c r="ED5" s="650"/>
      <c r="EE5" s="650"/>
      <c r="EF5" s="650"/>
      <c r="EG5" s="650"/>
      <c r="EH5" s="650"/>
      <c r="EI5" s="650"/>
      <c r="EJ5" s="650"/>
      <c r="EK5" s="650"/>
      <c r="EL5" s="650"/>
      <c r="EM5" s="650"/>
      <c r="EN5" s="650"/>
      <c r="EO5" s="650"/>
      <c r="EP5" s="650"/>
      <c r="EQ5" s="650"/>
      <c r="ER5" s="650"/>
      <c r="ES5" s="650"/>
      <c r="ET5" s="650"/>
      <c r="EU5" s="650"/>
      <c r="EV5" s="650"/>
      <c r="EW5" s="650"/>
      <c r="EX5" s="650"/>
      <c r="EY5" s="650"/>
      <c r="EZ5" s="650"/>
      <c r="FA5" s="650"/>
      <c r="FB5" s="650"/>
      <c r="FC5" s="650"/>
      <c r="FD5" s="650"/>
      <c r="FE5" s="650"/>
      <c r="FF5" s="650"/>
      <c r="FG5" s="650"/>
      <c r="FH5" s="650"/>
      <c r="FI5" s="650"/>
      <c r="FJ5" s="650"/>
      <c r="FK5" s="651"/>
      <c r="FL5" s="672" t="s">
        <v>67</v>
      </c>
      <c r="FM5" s="673"/>
      <c r="FN5" s="673"/>
      <c r="FO5" s="673"/>
      <c r="FP5" s="673"/>
      <c r="FQ5" s="673"/>
      <c r="FR5" s="673"/>
      <c r="FS5" s="673"/>
      <c r="FT5" s="673"/>
      <c r="FU5" s="673"/>
      <c r="FV5" s="673"/>
      <c r="FW5" s="673"/>
      <c r="FX5" s="673"/>
      <c r="FY5" s="673"/>
      <c r="FZ5" s="673"/>
      <c r="GA5" s="673"/>
      <c r="GB5" s="673"/>
      <c r="GC5" s="673"/>
      <c r="GD5" s="673"/>
      <c r="GE5" s="673"/>
      <c r="GF5" s="673"/>
      <c r="GG5" s="673"/>
      <c r="GH5" s="673"/>
      <c r="GI5" s="673"/>
      <c r="GJ5" s="673"/>
      <c r="GK5" s="673"/>
      <c r="GL5" s="673"/>
      <c r="GM5" s="673"/>
      <c r="GN5" s="673"/>
      <c r="GO5" s="673"/>
      <c r="GP5" s="673"/>
      <c r="GQ5" s="673"/>
      <c r="GR5" s="673"/>
      <c r="GS5" s="673"/>
      <c r="GT5" s="673"/>
      <c r="GU5" s="673"/>
      <c r="GV5" s="673"/>
      <c r="GW5" s="673"/>
      <c r="GX5" s="673"/>
      <c r="GY5" s="673"/>
      <c r="GZ5" s="673"/>
      <c r="HA5" s="673"/>
      <c r="HB5" s="673"/>
      <c r="HC5" s="674"/>
      <c r="HD5" s="675" t="s">
        <v>68</v>
      </c>
      <c r="HE5" s="676"/>
      <c r="HF5" s="676"/>
      <c r="HG5" s="676"/>
      <c r="HH5" s="676"/>
      <c r="HI5" s="676"/>
      <c r="HJ5" s="676"/>
      <c r="HK5" s="676"/>
      <c r="HL5" s="676"/>
      <c r="HM5" s="676"/>
      <c r="HN5" s="677"/>
      <c r="HO5" s="675" t="s">
        <v>69</v>
      </c>
      <c r="HP5" s="676"/>
      <c r="HQ5" s="676"/>
      <c r="HR5" s="676"/>
      <c r="HS5" s="676"/>
      <c r="HT5" s="676"/>
      <c r="HU5" s="676"/>
      <c r="HV5" s="676"/>
      <c r="HW5" s="676"/>
      <c r="HX5" s="676"/>
      <c r="HY5" s="677"/>
      <c r="HZ5" s="628"/>
      <c r="IA5" s="629"/>
      <c r="IB5" s="629"/>
      <c r="IC5" s="629"/>
      <c r="ID5" s="629"/>
      <c r="IE5" s="629"/>
      <c r="IF5" s="629"/>
      <c r="IG5" s="629"/>
      <c r="IH5" s="629"/>
      <c r="II5" s="629"/>
      <c r="IJ5" s="630"/>
      <c r="IK5" s="604" t="s">
        <v>94</v>
      </c>
      <c r="IL5" s="514"/>
      <c r="IM5" s="514"/>
      <c r="IN5" s="514"/>
      <c r="IO5" s="514"/>
      <c r="IP5" s="514"/>
      <c r="IQ5" s="514"/>
      <c r="IR5" s="514"/>
      <c r="IS5" s="514"/>
      <c r="IT5" s="514"/>
      <c r="IU5" s="515"/>
      <c r="IV5" s="604" t="s">
        <v>88</v>
      </c>
      <c r="IW5" s="514"/>
      <c r="IX5" s="514"/>
      <c r="IY5" s="514"/>
      <c r="IZ5" s="514"/>
      <c r="JA5" s="514"/>
      <c r="JB5" s="514"/>
      <c r="JC5" s="514"/>
      <c r="JD5" s="514"/>
      <c r="JE5" s="514"/>
      <c r="JF5" s="515"/>
      <c r="JG5" s="634" t="s">
        <v>144</v>
      </c>
      <c r="JH5" s="635"/>
      <c r="JI5" s="635"/>
      <c r="JJ5" s="635"/>
      <c r="JK5" s="635"/>
      <c r="JL5" s="635"/>
      <c r="JM5" s="635"/>
      <c r="JN5" s="635"/>
      <c r="JO5" s="635"/>
      <c r="JP5" s="635"/>
      <c r="JQ5" s="636"/>
      <c r="JR5" s="604" t="s">
        <v>90</v>
      </c>
      <c r="JS5" s="514"/>
      <c r="JT5" s="514"/>
      <c r="JU5" s="514"/>
      <c r="JV5" s="514"/>
      <c r="JW5" s="514"/>
      <c r="JX5" s="514"/>
      <c r="JY5" s="514"/>
      <c r="JZ5" s="514"/>
      <c r="KA5" s="514"/>
      <c r="KB5" s="515"/>
      <c r="KC5" s="604" t="s">
        <v>89</v>
      </c>
      <c r="KD5" s="514"/>
      <c r="KE5" s="514"/>
      <c r="KF5" s="514"/>
      <c r="KG5" s="514"/>
      <c r="KH5" s="514"/>
      <c r="KI5" s="514"/>
      <c r="KJ5" s="514"/>
      <c r="KK5" s="514"/>
      <c r="KL5" s="514"/>
      <c r="KM5" s="515"/>
      <c r="KN5" s="604" t="s">
        <v>91</v>
      </c>
      <c r="KO5" s="514"/>
      <c r="KP5" s="514"/>
      <c r="KQ5" s="514"/>
      <c r="KR5" s="514"/>
      <c r="KS5" s="514"/>
      <c r="KT5" s="514"/>
      <c r="KU5" s="514"/>
      <c r="KV5" s="514"/>
      <c r="KW5" s="514"/>
      <c r="KX5" s="515"/>
      <c r="KY5" s="604" t="s">
        <v>92</v>
      </c>
      <c r="KZ5" s="514"/>
      <c r="LA5" s="514"/>
      <c r="LB5" s="514"/>
      <c r="LC5" s="514"/>
      <c r="LD5" s="514"/>
      <c r="LE5" s="514"/>
      <c r="LF5" s="514"/>
      <c r="LG5" s="514"/>
      <c r="LH5" s="514"/>
      <c r="LI5" s="515"/>
      <c r="LJ5" s="640" t="s">
        <v>93</v>
      </c>
      <c r="LK5" s="641"/>
      <c r="LL5" s="641"/>
      <c r="LM5" s="641"/>
      <c r="LN5" s="641"/>
      <c r="LO5" s="641"/>
      <c r="LP5" s="641"/>
      <c r="LQ5" s="641"/>
      <c r="LR5" s="641"/>
      <c r="LS5" s="641"/>
      <c r="LT5" s="642"/>
      <c r="LU5" s="643" t="s">
        <v>145</v>
      </c>
      <c r="LV5" s="644"/>
      <c r="LW5" s="644"/>
      <c r="LX5" s="644"/>
      <c r="LY5" s="644"/>
      <c r="LZ5" s="644"/>
      <c r="MA5" s="644"/>
      <c r="MB5" s="644"/>
      <c r="MC5" s="644"/>
      <c r="MD5" s="644"/>
      <c r="ME5" s="645"/>
      <c r="MF5" s="628"/>
      <c r="MG5" s="629"/>
      <c r="MH5" s="629"/>
      <c r="MI5" s="629"/>
      <c r="MJ5" s="629"/>
      <c r="MK5" s="629"/>
      <c r="ML5" s="629"/>
      <c r="MM5" s="629"/>
      <c r="MN5" s="629"/>
      <c r="MO5" s="629"/>
      <c r="MP5" s="630"/>
      <c r="MQ5" s="604" t="s">
        <v>57</v>
      </c>
      <c r="MR5" s="514"/>
      <c r="MS5" s="514"/>
      <c r="MT5" s="514"/>
      <c r="MU5" s="514"/>
      <c r="MV5" s="514"/>
      <c r="MW5" s="514"/>
      <c r="MX5" s="514"/>
      <c r="MY5" s="514"/>
      <c r="MZ5" s="514"/>
      <c r="NA5" s="515"/>
      <c r="NB5" s="604" t="s">
        <v>58</v>
      </c>
      <c r="NC5" s="514"/>
      <c r="ND5" s="514"/>
      <c r="NE5" s="514"/>
      <c r="NF5" s="514"/>
      <c r="NG5" s="514"/>
      <c r="NH5" s="514"/>
      <c r="NI5" s="514"/>
      <c r="NJ5" s="514"/>
      <c r="NK5" s="514"/>
      <c r="NL5" s="515"/>
      <c r="NM5" s="604" t="s">
        <v>59</v>
      </c>
      <c r="NN5" s="514"/>
      <c r="NO5" s="514"/>
      <c r="NP5" s="514"/>
      <c r="NQ5" s="514"/>
      <c r="NR5" s="514"/>
      <c r="NS5" s="514"/>
      <c r="NT5" s="514"/>
      <c r="NU5" s="514"/>
      <c r="NV5" s="514"/>
      <c r="NW5" s="515"/>
      <c r="NX5" s="653" t="s">
        <v>151</v>
      </c>
      <c r="NY5" s="654"/>
      <c r="NZ5" s="654"/>
      <c r="OA5" s="654"/>
      <c r="OB5" s="654"/>
      <c r="OC5" s="654"/>
      <c r="OD5" s="654"/>
      <c r="OE5" s="654"/>
      <c r="OF5" s="654"/>
      <c r="OG5" s="654"/>
      <c r="OH5" s="655"/>
      <c r="OI5" s="625"/>
      <c r="OJ5" s="626"/>
      <c r="OK5" s="626"/>
      <c r="OL5" s="626"/>
      <c r="OM5" s="626"/>
      <c r="ON5" s="626"/>
      <c r="OO5" s="626"/>
      <c r="OP5" s="626"/>
      <c r="OQ5" s="626"/>
      <c r="OR5" s="626"/>
      <c r="OS5" s="627"/>
    </row>
    <row r="6" spans="1:409" ht="21" customHeight="1" thickBot="1" x14ac:dyDescent="0.25">
      <c r="B6" s="667"/>
      <c r="C6" s="671"/>
      <c r="D6" s="671"/>
      <c r="E6" s="671"/>
      <c r="F6" s="671"/>
      <c r="G6" s="671"/>
      <c r="H6" s="671"/>
      <c r="I6" s="671"/>
      <c r="J6" s="671"/>
      <c r="K6" s="671"/>
      <c r="L6" s="671"/>
      <c r="M6" s="671"/>
      <c r="N6" s="605"/>
      <c r="O6" s="596"/>
      <c r="P6" s="596"/>
      <c r="Q6" s="596"/>
      <c r="R6" s="596"/>
      <c r="S6" s="596"/>
      <c r="T6" s="596"/>
      <c r="U6" s="596"/>
      <c r="V6" s="596"/>
      <c r="W6" s="596"/>
      <c r="X6" s="606"/>
      <c r="Y6" s="607" t="s">
        <v>70</v>
      </c>
      <c r="Z6" s="608"/>
      <c r="AA6" s="608"/>
      <c r="AB6" s="608"/>
      <c r="AC6" s="608"/>
      <c r="AD6" s="608"/>
      <c r="AE6" s="608"/>
      <c r="AF6" s="608"/>
      <c r="AG6" s="608"/>
      <c r="AH6" s="608"/>
      <c r="AI6" s="609"/>
      <c r="AJ6" s="675" t="s">
        <v>71</v>
      </c>
      <c r="AK6" s="676"/>
      <c r="AL6" s="676"/>
      <c r="AM6" s="676"/>
      <c r="AN6" s="676"/>
      <c r="AO6" s="676"/>
      <c r="AP6" s="676"/>
      <c r="AQ6" s="676"/>
      <c r="AR6" s="676"/>
      <c r="AS6" s="676"/>
      <c r="AT6" s="677"/>
      <c r="AU6" s="683" t="s">
        <v>72</v>
      </c>
      <c r="AV6" s="684"/>
      <c r="AW6" s="684"/>
      <c r="AX6" s="684"/>
      <c r="AY6" s="684"/>
      <c r="AZ6" s="684"/>
      <c r="BA6" s="684"/>
      <c r="BB6" s="684"/>
      <c r="BC6" s="684"/>
      <c r="BD6" s="684"/>
      <c r="BE6" s="685"/>
      <c r="BF6" s="683" t="s">
        <v>73</v>
      </c>
      <c r="BG6" s="684"/>
      <c r="BH6" s="684"/>
      <c r="BI6" s="684"/>
      <c r="BJ6" s="684"/>
      <c r="BK6" s="684"/>
      <c r="BL6" s="684"/>
      <c r="BM6" s="684"/>
      <c r="BN6" s="684"/>
      <c r="BO6" s="684"/>
      <c r="BP6" s="685"/>
      <c r="BQ6" s="683" t="s">
        <v>74</v>
      </c>
      <c r="BR6" s="684"/>
      <c r="BS6" s="684"/>
      <c r="BT6" s="684"/>
      <c r="BU6" s="684"/>
      <c r="BV6" s="684"/>
      <c r="BW6" s="684"/>
      <c r="BX6" s="684"/>
      <c r="BY6" s="684"/>
      <c r="BZ6" s="684"/>
      <c r="CA6" s="685"/>
      <c r="CB6" s="631"/>
      <c r="CC6" s="632"/>
      <c r="CD6" s="632"/>
      <c r="CE6" s="632"/>
      <c r="CF6" s="632"/>
      <c r="CG6" s="632"/>
      <c r="CH6" s="632"/>
      <c r="CI6" s="632"/>
      <c r="CJ6" s="632"/>
      <c r="CK6" s="632"/>
      <c r="CL6" s="633"/>
      <c r="CM6" s="683" t="s">
        <v>75</v>
      </c>
      <c r="CN6" s="684"/>
      <c r="CO6" s="684"/>
      <c r="CP6" s="684"/>
      <c r="CQ6" s="684"/>
      <c r="CR6" s="684"/>
      <c r="CS6" s="684"/>
      <c r="CT6" s="684"/>
      <c r="CU6" s="684"/>
      <c r="CV6" s="684"/>
      <c r="CW6" s="685"/>
      <c r="CX6" s="683" t="s">
        <v>76</v>
      </c>
      <c r="CY6" s="684"/>
      <c r="CZ6" s="684"/>
      <c r="DA6" s="684"/>
      <c r="DB6" s="684"/>
      <c r="DC6" s="684"/>
      <c r="DD6" s="684"/>
      <c r="DE6" s="684"/>
      <c r="DF6" s="684"/>
      <c r="DG6" s="684"/>
      <c r="DH6" s="685"/>
      <c r="DI6" s="631"/>
      <c r="DJ6" s="632"/>
      <c r="DK6" s="632"/>
      <c r="DL6" s="632"/>
      <c r="DM6" s="632"/>
      <c r="DN6" s="632"/>
      <c r="DO6" s="632"/>
      <c r="DP6" s="632"/>
      <c r="DQ6" s="632"/>
      <c r="DR6" s="632"/>
      <c r="DS6" s="632"/>
      <c r="DT6" s="683" t="s">
        <v>77</v>
      </c>
      <c r="DU6" s="684"/>
      <c r="DV6" s="684"/>
      <c r="DW6" s="684"/>
      <c r="DX6" s="684"/>
      <c r="DY6" s="684"/>
      <c r="DZ6" s="684"/>
      <c r="EA6" s="684"/>
      <c r="EB6" s="684"/>
      <c r="EC6" s="684"/>
      <c r="ED6" s="685"/>
      <c r="EE6" s="683" t="s">
        <v>78</v>
      </c>
      <c r="EF6" s="684"/>
      <c r="EG6" s="684"/>
      <c r="EH6" s="684"/>
      <c r="EI6" s="684"/>
      <c r="EJ6" s="684"/>
      <c r="EK6" s="684"/>
      <c r="EL6" s="684"/>
      <c r="EM6" s="684"/>
      <c r="EN6" s="684"/>
      <c r="EO6" s="685"/>
      <c r="EP6" s="683" t="s">
        <v>79</v>
      </c>
      <c r="EQ6" s="684"/>
      <c r="ER6" s="684"/>
      <c r="ES6" s="684"/>
      <c r="ET6" s="684"/>
      <c r="EU6" s="684"/>
      <c r="EV6" s="684"/>
      <c r="EW6" s="684"/>
      <c r="EX6" s="684"/>
      <c r="EY6" s="684"/>
      <c r="EZ6" s="685"/>
      <c r="FA6" s="686" t="s">
        <v>152</v>
      </c>
      <c r="FB6" s="684"/>
      <c r="FC6" s="684"/>
      <c r="FD6" s="684"/>
      <c r="FE6" s="684"/>
      <c r="FF6" s="684"/>
      <c r="FG6" s="684"/>
      <c r="FH6" s="684"/>
      <c r="FI6" s="684"/>
      <c r="FJ6" s="684"/>
      <c r="FK6" s="685"/>
      <c r="FL6" s="631"/>
      <c r="FM6" s="632"/>
      <c r="FN6" s="632"/>
      <c r="FO6" s="632"/>
      <c r="FP6" s="632"/>
      <c r="FQ6" s="632"/>
      <c r="FR6" s="632"/>
      <c r="FS6" s="632"/>
      <c r="FT6" s="632"/>
      <c r="FU6" s="632"/>
      <c r="FV6" s="632"/>
      <c r="FW6" s="683" t="s">
        <v>80</v>
      </c>
      <c r="FX6" s="684"/>
      <c r="FY6" s="684"/>
      <c r="FZ6" s="684"/>
      <c r="GA6" s="684"/>
      <c r="GB6" s="684"/>
      <c r="GC6" s="684"/>
      <c r="GD6" s="684"/>
      <c r="GE6" s="684"/>
      <c r="GF6" s="684"/>
      <c r="GG6" s="685"/>
      <c r="GH6" s="607" t="s">
        <v>81</v>
      </c>
      <c r="GI6" s="608"/>
      <c r="GJ6" s="608"/>
      <c r="GK6" s="608"/>
      <c r="GL6" s="608"/>
      <c r="GM6" s="608"/>
      <c r="GN6" s="608"/>
      <c r="GO6" s="608"/>
      <c r="GP6" s="608"/>
      <c r="GQ6" s="608"/>
      <c r="GR6" s="609"/>
      <c r="GS6" s="607" t="s">
        <v>82</v>
      </c>
      <c r="GT6" s="608"/>
      <c r="GU6" s="608"/>
      <c r="GV6" s="608"/>
      <c r="GW6" s="608"/>
      <c r="GX6" s="608"/>
      <c r="GY6" s="608"/>
      <c r="GZ6" s="608"/>
      <c r="HA6" s="608"/>
      <c r="HB6" s="608"/>
      <c r="HC6" s="609"/>
      <c r="HD6" s="678"/>
      <c r="HE6" s="679"/>
      <c r="HF6" s="679"/>
      <c r="HG6" s="679"/>
      <c r="HH6" s="679"/>
      <c r="HI6" s="679"/>
      <c r="HJ6" s="679"/>
      <c r="HK6" s="679"/>
      <c r="HL6" s="679"/>
      <c r="HM6" s="679"/>
      <c r="HN6" s="680"/>
      <c r="HO6" s="678"/>
      <c r="HP6" s="679"/>
      <c r="HQ6" s="679"/>
      <c r="HR6" s="679"/>
      <c r="HS6" s="679"/>
      <c r="HT6" s="679"/>
      <c r="HU6" s="679"/>
      <c r="HV6" s="679"/>
      <c r="HW6" s="679"/>
      <c r="HX6" s="679"/>
      <c r="HY6" s="680"/>
      <c r="HZ6" s="631"/>
      <c r="IA6" s="632"/>
      <c r="IB6" s="632"/>
      <c r="IC6" s="632"/>
      <c r="ID6" s="632"/>
      <c r="IE6" s="632"/>
      <c r="IF6" s="632"/>
      <c r="IG6" s="632"/>
      <c r="IH6" s="632"/>
      <c r="II6" s="632"/>
      <c r="IJ6" s="633"/>
      <c r="IK6" s="605"/>
      <c r="IL6" s="596"/>
      <c r="IM6" s="596"/>
      <c r="IN6" s="596"/>
      <c r="IO6" s="596"/>
      <c r="IP6" s="596"/>
      <c r="IQ6" s="596"/>
      <c r="IR6" s="596"/>
      <c r="IS6" s="596"/>
      <c r="IT6" s="596"/>
      <c r="IU6" s="606"/>
      <c r="IV6" s="605"/>
      <c r="IW6" s="596"/>
      <c r="IX6" s="596"/>
      <c r="IY6" s="596"/>
      <c r="IZ6" s="596"/>
      <c r="JA6" s="596"/>
      <c r="JB6" s="596"/>
      <c r="JC6" s="596"/>
      <c r="JD6" s="596"/>
      <c r="JE6" s="596"/>
      <c r="JF6" s="606"/>
      <c r="JG6" s="637"/>
      <c r="JH6" s="638"/>
      <c r="JI6" s="638"/>
      <c r="JJ6" s="638"/>
      <c r="JK6" s="638"/>
      <c r="JL6" s="638"/>
      <c r="JM6" s="638"/>
      <c r="JN6" s="638"/>
      <c r="JO6" s="638"/>
      <c r="JP6" s="638"/>
      <c r="JQ6" s="639"/>
      <c r="JR6" s="605"/>
      <c r="JS6" s="596"/>
      <c r="JT6" s="596"/>
      <c r="JU6" s="596"/>
      <c r="JV6" s="596"/>
      <c r="JW6" s="596"/>
      <c r="JX6" s="596"/>
      <c r="JY6" s="596"/>
      <c r="JZ6" s="596"/>
      <c r="KA6" s="596"/>
      <c r="KB6" s="606"/>
      <c r="KC6" s="605"/>
      <c r="KD6" s="596"/>
      <c r="KE6" s="596"/>
      <c r="KF6" s="596"/>
      <c r="KG6" s="596"/>
      <c r="KH6" s="596"/>
      <c r="KI6" s="596"/>
      <c r="KJ6" s="596"/>
      <c r="KK6" s="596"/>
      <c r="KL6" s="596"/>
      <c r="KM6" s="606"/>
      <c r="KN6" s="605"/>
      <c r="KO6" s="596"/>
      <c r="KP6" s="596"/>
      <c r="KQ6" s="596"/>
      <c r="KR6" s="596"/>
      <c r="KS6" s="596"/>
      <c r="KT6" s="596"/>
      <c r="KU6" s="596"/>
      <c r="KV6" s="596"/>
      <c r="KW6" s="596"/>
      <c r="KX6" s="606"/>
      <c r="KY6" s="605"/>
      <c r="KZ6" s="596"/>
      <c r="LA6" s="596"/>
      <c r="LB6" s="596"/>
      <c r="LC6" s="596"/>
      <c r="LD6" s="596"/>
      <c r="LE6" s="596"/>
      <c r="LF6" s="596"/>
      <c r="LG6" s="596"/>
      <c r="LH6" s="596"/>
      <c r="LI6" s="606"/>
      <c r="LJ6" s="631"/>
      <c r="LK6" s="632"/>
      <c r="LL6" s="632"/>
      <c r="LM6" s="632"/>
      <c r="LN6" s="632"/>
      <c r="LO6" s="632"/>
      <c r="LP6" s="632"/>
      <c r="LQ6" s="632"/>
      <c r="LR6" s="632"/>
      <c r="LS6" s="632"/>
      <c r="LT6" s="633"/>
      <c r="LU6" s="646"/>
      <c r="LV6" s="647"/>
      <c r="LW6" s="647"/>
      <c r="LX6" s="647"/>
      <c r="LY6" s="647"/>
      <c r="LZ6" s="647"/>
      <c r="MA6" s="647"/>
      <c r="MB6" s="647"/>
      <c r="MC6" s="647"/>
      <c r="MD6" s="647"/>
      <c r="ME6" s="648"/>
      <c r="MF6" s="631"/>
      <c r="MG6" s="632"/>
      <c r="MH6" s="632"/>
      <c r="MI6" s="632"/>
      <c r="MJ6" s="632"/>
      <c r="MK6" s="632"/>
      <c r="ML6" s="632"/>
      <c r="MM6" s="632"/>
      <c r="MN6" s="632"/>
      <c r="MO6" s="632"/>
      <c r="MP6" s="633"/>
      <c r="MQ6" s="605"/>
      <c r="MR6" s="596"/>
      <c r="MS6" s="596"/>
      <c r="MT6" s="596"/>
      <c r="MU6" s="596"/>
      <c r="MV6" s="596"/>
      <c r="MW6" s="596"/>
      <c r="MX6" s="596"/>
      <c r="MY6" s="596"/>
      <c r="MZ6" s="596"/>
      <c r="NA6" s="606"/>
      <c r="NB6" s="605"/>
      <c r="NC6" s="596"/>
      <c r="ND6" s="596"/>
      <c r="NE6" s="596"/>
      <c r="NF6" s="596"/>
      <c r="NG6" s="596"/>
      <c r="NH6" s="596"/>
      <c r="NI6" s="596"/>
      <c r="NJ6" s="596"/>
      <c r="NK6" s="596"/>
      <c r="NL6" s="606"/>
      <c r="NM6" s="605"/>
      <c r="NN6" s="596"/>
      <c r="NO6" s="596"/>
      <c r="NP6" s="596"/>
      <c r="NQ6" s="596"/>
      <c r="NR6" s="596"/>
      <c r="NS6" s="596"/>
      <c r="NT6" s="596"/>
      <c r="NU6" s="596"/>
      <c r="NV6" s="596"/>
      <c r="NW6" s="606"/>
      <c r="NX6" s="656"/>
      <c r="NY6" s="657"/>
      <c r="NZ6" s="657"/>
      <c r="OA6" s="657"/>
      <c r="OB6" s="657"/>
      <c r="OC6" s="657"/>
      <c r="OD6" s="657"/>
      <c r="OE6" s="657"/>
      <c r="OF6" s="657"/>
      <c r="OG6" s="657"/>
      <c r="OH6" s="658"/>
      <c r="OI6" s="605"/>
      <c r="OJ6" s="596"/>
      <c r="OK6" s="596"/>
      <c r="OL6" s="596"/>
      <c r="OM6" s="596"/>
      <c r="ON6" s="596"/>
      <c r="OO6" s="596"/>
      <c r="OP6" s="596"/>
      <c r="OQ6" s="596"/>
      <c r="OR6" s="596"/>
      <c r="OS6" s="606"/>
    </row>
    <row r="7" spans="1:409" ht="21" customHeight="1" x14ac:dyDescent="0.2">
      <c r="B7" s="667"/>
      <c r="C7" s="587" t="s">
        <v>61</v>
      </c>
      <c r="D7" s="587"/>
      <c r="E7" s="587"/>
      <c r="F7" s="586" t="s">
        <v>62</v>
      </c>
      <c r="G7" s="587"/>
      <c r="H7" s="587"/>
      <c r="I7" s="587"/>
      <c r="J7" s="587"/>
      <c r="K7" s="587"/>
      <c r="L7" s="587"/>
      <c r="M7" s="586" t="s">
        <v>52</v>
      </c>
      <c r="N7" s="682" t="s">
        <v>61</v>
      </c>
      <c r="O7" s="587"/>
      <c r="P7" s="587"/>
      <c r="Q7" s="586" t="s">
        <v>62</v>
      </c>
      <c r="R7" s="587"/>
      <c r="S7" s="587"/>
      <c r="T7" s="587"/>
      <c r="U7" s="587"/>
      <c r="V7" s="587"/>
      <c r="W7" s="588"/>
      <c r="X7" s="622" t="s">
        <v>52</v>
      </c>
      <c r="Y7" s="605" t="s">
        <v>61</v>
      </c>
      <c r="Z7" s="596"/>
      <c r="AA7" s="597"/>
      <c r="AB7" s="595" t="s">
        <v>62</v>
      </c>
      <c r="AC7" s="596"/>
      <c r="AD7" s="596"/>
      <c r="AE7" s="596"/>
      <c r="AF7" s="596"/>
      <c r="AG7" s="596"/>
      <c r="AH7" s="597"/>
      <c r="AI7" s="606" t="s">
        <v>52</v>
      </c>
      <c r="AJ7" s="583" t="s">
        <v>61</v>
      </c>
      <c r="AK7" s="584"/>
      <c r="AL7" s="585"/>
      <c r="AM7" s="620" t="s">
        <v>62</v>
      </c>
      <c r="AN7" s="584"/>
      <c r="AO7" s="584"/>
      <c r="AP7" s="584"/>
      <c r="AQ7" s="584"/>
      <c r="AR7" s="584"/>
      <c r="AS7" s="621"/>
      <c r="AT7" s="687" t="s">
        <v>52</v>
      </c>
      <c r="AU7" s="600" t="s">
        <v>61</v>
      </c>
      <c r="AV7" s="593"/>
      <c r="AW7" s="594"/>
      <c r="AX7" s="623" t="s">
        <v>62</v>
      </c>
      <c r="AY7" s="593"/>
      <c r="AZ7" s="593"/>
      <c r="BA7" s="593"/>
      <c r="BB7" s="593"/>
      <c r="BC7" s="593"/>
      <c r="BD7" s="624"/>
      <c r="BE7" s="606" t="s">
        <v>52</v>
      </c>
      <c r="BF7" s="600" t="s">
        <v>61</v>
      </c>
      <c r="BG7" s="593"/>
      <c r="BH7" s="594"/>
      <c r="BI7" s="623" t="s">
        <v>62</v>
      </c>
      <c r="BJ7" s="593"/>
      <c r="BK7" s="593"/>
      <c r="BL7" s="593"/>
      <c r="BM7" s="593"/>
      <c r="BN7" s="593"/>
      <c r="BO7" s="624"/>
      <c r="BP7" s="606" t="s">
        <v>52</v>
      </c>
      <c r="BQ7" s="600" t="s">
        <v>61</v>
      </c>
      <c r="BR7" s="593"/>
      <c r="BS7" s="594"/>
      <c r="BT7" s="623" t="s">
        <v>62</v>
      </c>
      <c r="BU7" s="593"/>
      <c r="BV7" s="593"/>
      <c r="BW7" s="593"/>
      <c r="BX7" s="593"/>
      <c r="BY7" s="593"/>
      <c r="BZ7" s="624"/>
      <c r="CA7" s="606" t="s">
        <v>52</v>
      </c>
      <c r="CB7" s="583" t="s">
        <v>61</v>
      </c>
      <c r="CC7" s="584"/>
      <c r="CD7" s="585"/>
      <c r="CE7" s="620" t="s">
        <v>62</v>
      </c>
      <c r="CF7" s="584"/>
      <c r="CG7" s="584"/>
      <c r="CH7" s="584"/>
      <c r="CI7" s="584"/>
      <c r="CJ7" s="584"/>
      <c r="CK7" s="621"/>
      <c r="CL7" s="622" t="s">
        <v>52</v>
      </c>
      <c r="CM7" s="600" t="s">
        <v>61</v>
      </c>
      <c r="CN7" s="593"/>
      <c r="CO7" s="624"/>
      <c r="CP7" s="623" t="s">
        <v>62</v>
      </c>
      <c r="CQ7" s="593"/>
      <c r="CR7" s="593"/>
      <c r="CS7" s="593"/>
      <c r="CT7" s="593"/>
      <c r="CU7" s="593"/>
      <c r="CV7" s="624"/>
      <c r="CW7" s="618" t="s">
        <v>52</v>
      </c>
      <c r="CX7" s="600" t="s">
        <v>61</v>
      </c>
      <c r="CY7" s="593"/>
      <c r="CZ7" s="624"/>
      <c r="DA7" s="623" t="s">
        <v>62</v>
      </c>
      <c r="DB7" s="593"/>
      <c r="DC7" s="593"/>
      <c r="DD7" s="593"/>
      <c r="DE7" s="593"/>
      <c r="DF7" s="593"/>
      <c r="DG7" s="624"/>
      <c r="DH7" s="618" t="s">
        <v>52</v>
      </c>
      <c r="DI7" s="583" t="s">
        <v>61</v>
      </c>
      <c r="DJ7" s="584"/>
      <c r="DK7" s="621"/>
      <c r="DL7" s="620" t="s">
        <v>62</v>
      </c>
      <c r="DM7" s="584"/>
      <c r="DN7" s="584"/>
      <c r="DO7" s="584"/>
      <c r="DP7" s="584"/>
      <c r="DQ7" s="584"/>
      <c r="DR7" s="621"/>
      <c r="DS7" s="622" t="s">
        <v>52</v>
      </c>
      <c r="DT7" s="600" t="s">
        <v>61</v>
      </c>
      <c r="DU7" s="593"/>
      <c r="DV7" s="594"/>
      <c r="DW7" s="623" t="s">
        <v>62</v>
      </c>
      <c r="DX7" s="593"/>
      <c r="DY7" s="593"/>
      <c r="DZ7" s="593"/>
      <c r="EA7" s="593"/>
      <c r="EB7" s="593"/>
      <c r="EC7" s="624"/>
      <c r="ED7" s="606" t="s">
        <v>52</v>
      </c>
      <c r="EE7" s="600" t="s">
        <v>61</v>
      </c>
      <c r="EF7" s="593"/>
      <c r="EG7" s="594"/>
      <c r="EH7" s="623" t="s">
        <v>62</v>
      </c>
      <c r="EI7" s="593"/>
      <c r="EJ7" s="593"/>
      <c r="EK7" s="593"/>
      <c r="EL7" s="593"/>
      <c r="EM7" s="593"/>
      <c r="EN7" s="624"/>
      <c r="EO7" s="606" t="s">
        <v>52</v>
      </c>
      <c r="EP7" s="600" t="s">
        <v>61</v>
      </c>
      <c r="EQ7" s="593"/>
      <c r="ER7" s="594"/>
      <c r="ES7" s="623" t="s">
        <v>62</v>
      </c>
      <c r="ET7" s="593"/>
      <c r="EU7" s="593"/>
      <c r="EV7" s="593"/>
      <c r="EW7" s="593"/>
      <c r="EX7" s="593"/>
      <c r="EY7" s="624"/>
      <c r="EZ7" s="606" t="s">
        <v>52</v>
      </c>
      <c r="FA7" s="600" t="s">
        <v>61</v>
      </c>
      <c r="FB7" s="593"/>
      <c r="FC7" s="594"/>
      <c r="FD7" s="623" t="s">
        <v>62</v>
      </c>
      <c r="FE7" s="593"/>
      <c r="FF7" s="593"/>
      <c r="FG7" s="593"/>
      <c r="FH7" s="593"/>
      <c r="FI7" s="593"/>
      <c r="FJ7" s="624"/>
      <c r="FK7" s="606" t="s">
        <v>52</v>
      </c>
      <c r="FL7" s="583" t="s">
        <v>61</v>
      </c>
      <c r="FM7" s="584"/>
      <c r="FN7" s="585"/>
      <c r="FO7" s="620" t="s">
        <v>62</v>
      </c>
      <c r="FP7" s="584"/>
      <c r="FQ7" s="584"/>
      <c r="FR7" s="584"/>
      <c r="FS7" s="584"/>
      <c r="FT7" s="584"/>
      <c r="FU7" s="621"/>
      <c r="FV7" s="587" t="s">
        <v>52</v>
      </c>
      <c r="FW7" s="600" t="s">
        <v>61</v>
      </c>
      <c r="FX7" s="593"/>
      <c r="FY7" s="594"/>
      <c r="FZ7" s="623" t="s">
        <v>62</v>
      </c>
      <c r="GA7" s="593"/>
      <c r="GB7" s="593"/>
      <c r="GC7" s="593"/>
      <c r="GD7" s="593"/>
      <c r="GE7" s="593"/>
      <c r="GF7" s="624"/>
      <c r="GG7" s="606" t="s">
        <v>52</v>
      </c>
      <c r="GH7" s="605" t="s">
        <v>61</v>
      </c>
      <c r="GI7" s="596"/>
      <c r="GJ7" s="596"/>
      <c r="GK7" s="595" t="s">
        <v>62</v>
      </c>
      <c r="GL7" s="596"/>
      <c r="GM7" s="596"/>
      <c r="GN7" s="596"/>
      <c r="GO7" s="596"/>
      <c r="GP7" s="596"/>
      <c r="GQ7" s="597"/>
      <c r="GR7" s="663" t="s">
        <v>52</v>
      </c>
      <c r="GS7" s="605" t="s">
        <v>61</v>
      </c>
      <c r="GT7" s="596"/>
      <c r="GU7" s="597"/>
      <c r="GV7" s="595" t="s">
        <v>62</v>
      </c>
      <c r="GW7" s="596"/>
      <c r="GX7" s="596"/>
      <c r="GY7" s="596"/>
      <c r="GZ7" s="596"/>
      <c r="HA7" s="596"/>
      <c r="HB7" s="597"/>
      <c r="HC7" s="663" t="s">
        <v>52</v>
      </c>
      <c r="HD7" s="600" t="s">
        <v>61</v>
      </c>
      <c r="HE7" s="593"/>
      <c r="HF7" s="594"/>
      <c r="HG7" s="623" t="s">
        <v>62</v>
      </c>
      <c r="HH7" s="593"/>
      <c r="HI7" s="593"/>
      <c r="HJ7" s="593"/>
      <c r="HK7" s="593"/>
      <c r="HL7" s="593"/>
      <c r="HM7" s="624"/>
      <c r="HN7" s="606" t="s">
        <v>52</v>
      </c>
      <c r="HO7" s="600" t="s">
        <v>61</v>
      </c>
      <c r="HP7" s="593"/>
      <c r="HQ7" s="594"/>
      <c r="HR7" s="623" t="s">
        <v>62</v>
      </c>
      <c r="HS7" s="593"/>
      <c r="HT7" s="593"/>
      <c r="HU7" s="593"/>
      <c r="HV7" s="593"/>
      <c r="HW7" s="593"/>
      <c r="HX7" s="624"/>
      <c r="HY7" s="606" t="s">
        <v>52</v>
      </c>
      <c r="HZ7" s="583" t="s">
        <v>61</v>
      </c>
      <c r="IA7" s="584"/>
      <c r="IB7" s="585"/>
      <c r="IC7" s="620" t="s">
        <v>62</v>
      </c>
      <c r="ID7" s="584"/>
      <c r="IE7" s="584"/>
      <c r="IF7" s="584"/>
      <c r="IG7" s="584"/>
      <c r="IH7" s="584"/>
      <c r="II7" s="621"/>
      <c r="IJ7" s="587" t="s">
        <v>52</v>
      </c>
      <c r="IK7" s="600" t="s">
        <v>61</v>
      </c>
      <c r="IL7" s="593"/>
      <c r="IM7" s="594"/>
      <c r="IN7" s="623" t="s">
        <v>62</v>
      </c>
      <c r="IO7" s="593"/>
      <c r="IP7" s="593"/>
      <c r="IQ7" s="593"/>
      <c r="IR7" s="593"/>
      <c r="IS7" s="593"/>
      <c r="IT7" s="624"/>
      <c r="IU7" s="606" t="s">
        <v>52</v>
      </c>
      <c r="IV7" s="600" t="s">
        <v>61</v>
      </c>
      <c r="IW7" s="593"/>
      <c r="IX7" s="624"/>
      <c r="IY7" s="623" t="s">
        <v>62</v>
      </c>
      <c r="IZ7" s="593"/>
      <c r="JA7" s="593"/>
      <c r="JB7" s="593"/>
      <c r="JC7" s="593"/>
      <c r="JD7" s="593"/>
      <c r="JE7" s="624"/>
      <c r="JF7" s="606" t="s">
        <v>52</v>
      </c>
      <c r="JG7" s="600" t="s">
        <v>61</v>
      </c>
      <c r="JH7" s="593"/>
      <c r="JI7" s="594"/>
      <c r="JJ7" s="623" t="s">
        <v>62</v>
      </c>
      <c r="JK7" s="593"/>
      <c r="JL7" s="593"/>
      <c r="JM7" s="593"/>
      <c r="JN7" s="593"/>
      <c r="JO7" s="593"/>
      <c r="JP7" s="624"/>
      <c r="JQ7" s="618" t="s">
        <v>52</v>
      </c>
      <c r="JR7" s="600" t="s">
        <v>61</v>
      </c>
      <c r="JS7" s="593"/>
      <c r="JT7" s="594"/>
      <c r="JU7" s="623" t="s">
        <v>62</v>
      </c>
      <c r="JV7" s="593"/>
      <c r="JW7" s="593"/>
      <c r="JX7" s="593"/>
      <c r="JY7" s="593"/>
      <c r="JZ7" s="593"/>
      <c r="KA7" s="624"/>
      <c r="KB7" s="618" t="s">
        <v>52</v>
      </c>
      <c r="KC7" s="600" t="s">
        <v>61</v>
      </c>
      <c r="KD7" s="593"/>
      <c r="KE7" s="594"/>
      <c r="KF7" s="623" t="s">
        <v>62</v>
      </c>
      <c r="KG7" s="593"/>
      <c r="KH7" s="593"/>
      <c r="KI7" s="593"/>
      <c r="KJ7" s="593"/>
      <c r="KK7" s="593"/>
      <c r="KL7" s="624"/>
      <c r="KM7" s="618" t="s">
        <v>52</v>
      </c>
      <c r="KN7" s="600" t="s">
        <v>61</v>
      </c>
      <c r="KO7" s="593"/>
      <c r="KP7" s="594"/>
      <c r="KQ7" s="623" t="s">
        <v>62</v>
      </c>
      <c r="KR7" s="593"/>
      <c r="KS7" s="593"/>
      <c r="KT7" s="593"/>
      <c r="KU7" s="593"/>
      <c r="KV7" s="593"/>
      <c r="KW7" s="624"/>
      <c r="KX7" s="618" t="s">
        <v>52</v>
      </c>
      <c r="KY7" s="600" t="s">
        <v>61</v>
      </c>
      <c r="KZ7" s="593"/>
      <c r="LA7" s="594"/>
      <c r="LB7" s="623" t="s">
        <v>62</v>
      </c>
      <c r="LC7" s="593"/>
      <c r="LD7" s="593"/>
      <c r="LE7" s="593"/>
      <c r="LF7" s="593"/>
      <c r="LG7" s="593"/>
      <c r="LH7" s="624"/>
      <c r="LI7" s="618" t="s">
        <v>52</v>
      </c>
      <c r="LJ7" s="600" t="s">
        <v>61</v>
      </c>
      <c r="LK7" s="593"/>
      <c r="LL7" s="594"/>
      <c r="LM7" s="623" t="s">
        <v>62</v>
      </c>
      <c r="LN7" s="593"/>
      <c r="LO7" s="593"/>
      <c r="LP7" s="593"/>
      <c r="LQ7" s="593"/>
      <c r="LR7" s="593"/>
      <c r="LS7" s="624"/>
      <c r="LT7" s="618" t="s">
        <v>52</v>
      </c>
      <c r="LU7" s="600" t="s">
        <v>61</v>
      </c>
      <c r="LV7" s="593"/>
      <c r="LW7" s="594"/>
      <c r="LX7" s="623" t="s">
        <v>62</v>
      </c>
      <c r="LY7" s="593"/>
      <c r="LZ7" s="593"/>
      <c r="MA7" s="593"/>
      <c r="MB7" s="593"/>
      <c r="MC7" s="593"/>
      <c r="MD7" s="624"/>
      <c r="ME7" s="618" t="s">
        <v>52</v>
      </c>
      <c r="MF7" s="583" t="s">
        <v>61</v>
      </c>
      <c r="MG7" s="584"/>
      <c r="MH7" s="585"/>
      <c r="MI7" s="620" t="s">
        <v>62</v>
      </c>
      <c r="MJ7" s="584"/>
      <c r="MK7" s="584"/>
      <c r="ML7" s="584"/>
      <c r="MM7" s="584"/>
      <c r="MN7" s="584"/>
      <c r="MO7" s="621"/>
      <c r="MP7" s="622" t="s">
        <v>52</v>
      </c>
      <c r="MQ7" s="600" t="s">
        <v>61</v>
      </c>
      <c r="MR7" s="593"/>
      <c r="MS7" s="594"/>
      <c r="MT7" s="623" t="s">
        <v>62</v>
      </c>
      <c r="MU7" s="593"/>
      <c r="MV7" s="593"/>
      <c r="MW7" s="593"/>
      <c r="MX7" s="593"/>
      <c r="MY7" s="593"/>
      <c r="MZ7" s="624"/>
      <c r="NA7" s="618" t="s">
        <v>52</v>
      </c>
      <c r="NB7" s="600" t="s">
        <v>61</v>
      </c>
      <c r="NC7" s="593"/>
      <c r="ND7" s="594"/>
      <c r="NE7" s="623" t="s">
        <v>62</v>
      </c>
      <c r="NF7" s="593"/>
      <c r="NG7" s="593"/>
      <c r="NH7" s="593"/>
      <c r="NI7" s="593"/>
      <c r="NJ7" s="593"/>
      <c r="NK7" s="624"/>
      <c r="NL7" s="618" t="s">
        <v>52</v>
      </c>
      <c r="NM7" s="600" t="s">
        <v>61</v>
      </c>
      <c r="NN7" s="593"/>
      <c r="NO7" s="594"/>
      <c r="NP7" s="623" t="s">
        <v>62</v>
      </c>
      <c r="NQ7" s="593"/>
      <c r="NR7" s="593"/>
      <c r="NS7" s="593"/>
      <c r="NT7" s="593"/>
      <c r="NU7" s="593"/>
      <c r="NV7" s="624"/>
      <c r="NW7" s="618" t="s">
        <v>52</v>
      </c>
      <c r="NX7" s="600" t="s">
        <v>61</v>
      </c>
      <c r="NY7" s="593"/>
      <c r="NZ7" s="594"/>
      <c r="OA7" s="623" t="s">
        <v>62</v>
      </c>
      <c r="OB7" s="593"/>
      <c r="OC7" s="593"/>
      <c r="OD7" s="593"/>
      <c r="OE7" s="593"/>
      <c r="OF7" s="593"/>
      <c r="OG7" s="624"/>
      <c r="OH7" s="618" t="s">
        <v>52</v>
      </c>
      <c r="OI7" s="583" t="s">
        <v>61</v>
      </c>
      <c r="OJ7" s="584"/>
      <c r="OK7" s="585"/>
      <c r="OL7" s="620" t="s">
        <v>62</v>
      </c>
      <c r="OM7" s="584"/>
      <c r="ON7" s="584"/>
      <c r="OO7" s="584"/>
      <c r="OP7" s="584"/>
      <c r="OQ7" s="584"/>
      <c r="OR7" s="621"/>
      <c r="OS7" s="622" t="s">
        <v>52</v>
      </c>
    </row>
    <row r="8" spans="1:409" ht="30" customHeight="1" thickBot="1" x14ac:dyDescent="0.25">
      <c r="B8" s="668"/>
      <c r="C8" s="65" t="s">
        <v>43</v>
      </c>
      <c r="D8" s="16" t="s">
        <v>44</v>
      </c>
      <c r="E8" s="41" t="s">
        <v>45</v>
      </c>
      <c r="F8" s="42" t="s">
        <v>83</v>
      </c>
      <c r="G8" s="16" t="s">
        <v>47</v>
      </c>
      <c r="H8" s="16" t="s">
        <v>48</v>
      </c>
      <c r="I8" s="16" t="s">
        <v>49</v>
      </c>
      <c r="J8" s="16" t="s">
        <v>50</v>
      </c>
      <c r="K8" s="16" t="s">
        <v>51</v>
      </c>
      <c r="L8" s="17" t="s">
        <v>45</v>
      </c>
      <c r="M8" s="681"/>
      <c r="N8" s="40" t="s">
        <v>43</v>
      </c>
      <c r="O8" s="16" t="s">
        <v>44</v>
      </c>
      <c r="P8" s="17" t="s">
        <v>45</v>
      </c>
      <c r="Q8" s="42" t="s">
        <v>83</v>
      </c>
      <c r="R8" s="16" t="s">
        <v>47</v>
      </c>
      <c r="S8" s="16" t="s">
        <v>48</v>
      </c>
      <c r="T8" s="16" t="s">
        <v>49</v>
      </c>
      <c r="U8" s="16" t="s">
        <v>50</v>
      </c>
      <c r="V8" s="16" t="s">
        <v>51</v>
      </c>
      <c r="W8" s="17" t="s">
        <v>45</v>
      </c>
      <c r="X8" s="661"/>
      <c r="Y8" s="40" t="s">
        <v>43</v>
      </c>
      <c r="Z8" s="16" t="s">
        <v>44</v>
      </c>
      <c r="AA8" s="17" t="s">
        <v>45</v>
      </c>
      <c r="AB8" s="42" t="s">
        <v>83</v>
      </c>
      <c r="AC8" s="16" t="s">
        <v>47</v>
      </c>
      <c r="AD8" s="16" t="s">
        <v>48</v>
      </c>
      <c r="AE8" s="16" t="s">
        <v>49</v>
      </c>
      <c r="AF8" s="16" t="s">
        <v>50</v>
      </c>
      <c r="AG8" s="16" t="s">
        <v>51</v>
      </c>
      <c r="AH8" s="17" t="s">
        <v>45</v>
      </c>
      <c r="AI8" s="662"/>
      <c r="AJ8" s="40" t="s">
        <v>43</v>
      </c>
      <c r="AK8" s="16" t="s">
        <v>44</v>
      </c>
      <c r="AL8" s="41" t="s">
        <v>45</v>
      </c>
      <c r="AM8" s="42" t="s">
        <v>83</v>
      </c>
      <c r="AN8" s="16" t="s">
        <v>47</v>
      </c>
      <c r="AO8" s="16" t="s">
        <v>48</v>
      </c>
      <c r="AP8" s="16" t="s">
        <v>49</v>
      </c>
      <c r="AQ8" s="16" t="s">
        <v>50</v>
      </c>
      <c r="AR8" s="16" t="s">
        <v>51</v>
      </c>
      <c r="AS8" s="17" t="s">
        <v>45</v>
      </c>
      <c r="AT8" s="662"/>
      <c r="AU8" s="40" t="s">
        <v>43</v>
      </c>
      <c r="AV8" s="16" t="s">
        <v>44</v>
      </c>
      <c r="AW8" s="41" t="s">
        <v>45</v>
      </c>
      <c r="AX8" s="42" t="s">
        <v>83</v>
      </c>
      <c r="AY8" s="16" t="s">
        <v>47</v>
      </c>
      <c r="AZ8" s="16" t="s">
        <v>48</v>
      </c>
      <c r="BA8" s="16" t="s">
        <v>49</v>
      </c>
      <c r="BB8" s="16" t="s">
        <v>50</v>
      </c>
      <c r="BC8" s="16" t="s">
        <v>51</v>
      </c>
      <c r="BD8" s="17" t="s">
        <v>45</v>
      </c>
      <c r="BE8" s="662"/>
      <c r="BF8" s="61" t="s">
        <v>43</v>
      </c>
      <c r="BG8" s="16" t="s">
        <v>44</v>
      </c>
      <c r="BH8" s="41" t="s">
        <v>45</v>
      </c>
      <c r="BI8" s="42" t="s">
        <v>83</v>
      </c>
      <c r="BJ8" s="16" t="s">
        <v>47</v>
      </c>
      <c r="BK8" s="16" t="s">
        <v>48</v>
      </c>
      <c r="BL8" s="16" t="s">
        <v>49</v>
      </c>
      <c r="BM8" s="16" t="s">
        <v>50</v>
      </c>
      <c r="BN8" s="16" t="s">
        <v>51</v>
      </c>
      <c r="BO8" s="17" t="s">
        <v>45</v>
      </c>
      <c r="BP8" s="662"/>
      <c r="BQ8" s="40" t="s">
        <v>43</v>
      </c>
      <c r="BR8" s="16" t="s">
        <v>44</v>
      </c>
      <c r="BS8" s="41" t="s">
        <v>45</v>
      </c>
      <c r="BT8" s="42" t="s">
        <v>83</v>
      </c>
      <c r="BU8" s="16" t="s">
        <v>47</v>
      </c>
      <c r="BV8" s="16" t="s">
        <v>48</v>
      </c>
      <c r="BW8" s="16" t="s">
        <v>49</v>
      </c>
      <c r="BX8" s="16" t="s">
        <v>50</v>
      </c>
      <c r="BY8" s="16" t="s">
        <v>51</v>
      </c>
      <c r="BZ8" s="17" t="s">
        <v>45</v>
      </c>
      <c r="CA8" s="662"/>
      <c r="CB8" s="40" t="s">
        <v>43</v>
      </c>
      <c r="CC8" s="16" t="s">
        <v>44</v>
      </c>
      <c r="CD8" s="41" t="s">
        <v>45</v>
      </c>
      <c r="CE8" s="42" t="s">
        <v>83</v>
      </c>
      <c r="CF8" s="16" t="s">
        <v>47</v>
      </c>
      <c r="CG8" s="16" t="s">
        <v>48</v>
      </c>
      <c r="CH8" s="16" t="s">
        <v>49</v>
      </c>
      <c r="CI8" s="16" t="s">
        <v>50</v>
      </c>
      <c r="CJ8" s="16" t="s">
        <v>51</v>
      </c>
      <c r="CK8" s="17" t="s">
        <v>45</v>
      </c>
      <c r="CL8" s="661"/>
      <c r="CM8" s="40" t="s">
        <v>43</v>
      </c>
      <c r="CN8" s="16" t="s">
        <v>44</v>
      </c>
      <c r="CO8" s="17" t="s">
        <v>45</v>
      </c>
      <c r="CP8" s="42" t="s">
        <v>83</v>
      </c>
      <c r="CQ8" s="16" t="s">
        <v>47</v>
      </c>
      <c r="CR8" s="16" t="s">
        <v>48</v>
      </c>
      <c r="CS8" s="16" t="s">
        <v>49</v>
      </c>
      <c r="CT8" s="16" t="s">
        <v>50</v>
      </c>
      <c r="CU8" s="16" t="s">
        <v>51</v>
      </c>
      <c r="CV8" s="17" t="s">
        <v>45</v>
      </c>
      <c r="CW8" s="661"/>
      <c r="CX8" s="40" t="s">
        <v>43</v>
      </c>
      <c r="CY8" s="16" t="s">
        <v>44</v>
      </c>
      <c r="CZ8" s="17" t="s">
        <v>45</v>
      </c>
      <c r="DA8" s="42" t="s">
        <v>83</v>
      </c>
      <c r="DB8" s="16" t="s">
        <v>47</v>
      </c>
      <c r="DC8" s="16" t="s">
        <v>48</v>
      </c>
      <c r="DD8" s="16" t="s">
        <v>49</v>
      </c>
      <c r="DE8" s="16" t="s">
        <v>50</v>
      </c>
      <c r="DF8" s="16" t="s">
        <v>51</v>
      </c>
      <c r="DG8" s="17" t="s">
        <v>45</v>
      </c>
      <c r="DH8" s="661"/>
      <c r="DI8" s="40" t="s">
        <v>43</v>
      </c>
      <c r="DJ8" s="16" t="s">
        <v>44</v>
      </c>
      <c r="DK8" s="17" t="s">
        <v>45</v>
      </c>
      <c r="DL8" s="42" t="s">
        <v>83</v>
      </c>
      <c r="DM8" s="16" t="s">
        <v>47</v>
      </c>
      <c r="DN8" s="16" t="s">
        <v>48</v>
      </c>
      <c r="DO8" s="16" t="s">
        <v>49</v>
      </c>
      <c r="DP8" s="16" t="s">
        <v>50</v>
      </c>
      <c r="DQ8" s="16" t="s">
        <v>51</v>
      </c>
      <c r="DR8" s="17" t="s">
        <v>45</v>
      </c>
      <c r="DS8" s="661"/>
      <c r="DT8" s="40" t="s">
        <v>43</v>
      </c>
      <c r="DU8" s="16" t="s">
        <v>44</v>
      </c>
      <c r="DV8" s="41" t="s">
        <v>45</v>
      </c>
      <c r="DW8" s="42" t="s">
        <v>83</v>
      </c>
      <c r="DX8" s="16" t="s">
        <v>47</v>
      </c>
      <c r="DY8" s="16" t="s">
        <v>48</v>
      </c>
      <c r="DZ8" s="16" t="s">
        <v>49</v>
      </c>
      <c r="EA8" s="16" t="s">
        <v>50</v>
      </c>
      <c r="EB8" s="16" t="s">
        <v>51</v>
      </c>
      <c r="EC8" s="17" t="s">
        <v>45</v>
      </c>
      <c r="ED8" s="662"/>
      <c r="EE8" s="40" t="s">
        <v>43</v>
      </c>
      <c r="EF8" s="16" t="s">
        <v>44</v>
      </c>
      <c r="EG8" s="41" t="s">
        <v>45</v>
      </c>
      <c r="EH8" s="42" t="s">
        <v>83</v>
      </c>
      <c r="EI8" s="16" t="s">
        <v>47</v>
      </c>
      <c r="EJ8" s="16" t="s">
        <v>48</v>
      </c>
      <c r="EK8" s="16" t="s">
        <v>49</v>
      </c>
      <c r="EL8" s="16" t="s">
        <v>50</v>
      </c>
      <c r="EM8" s="16" t="s">
        <v>51</v>
      </c>
      <c r="EN8" s="17" t="s">
        <v>45</v>
      </c>
      <c r="EO8" s="662"/>
      <c r="EP8" s="40" t="s">
        <v>43</v>
      </c>
      <c r="EQ8" s="16" t="s">
        <v>44</v>
      </c>
      <c r="ER8" s="41" t="s">
        <v>45</v>
      </c>
      <c r="ES8" s="42" t="s">
        <v>83</v>
      </c>
      <c r="ET8" s="16" t="s">
        <v>47</v>
      </c>
      <c r="EU8" s="16" t="s">
        <v>48</v>
      </c>
      <c r="EV8" s="16" t="s">
        <v>49</v>
      </c>
      <c r="EW8" s="16" t="s">
        <v>50</v>
      </c>
      <c r="EX8" s="16" t="s">
        <v>51</v>
      </c>
      <c r="EY8" s="17" t="s">
        <v>45</v>
      </c>
      <c r="EZ8" s="662"/>
      <c r="FA8" s="40" t="s">
        <v>43</v>
      </c>
      <c r="FB8" s="16" t="s">
        <v>44</v>
      </c>
      <c r="FC8" s="41" t="s">
        <v>45</v>
      </c>
      <c r="FD8" s="42" t="s">
        <v>83</v>
      </c>
      <c r="FE8" s="16" t="s">
        <v>47</v>
      </c>
      <c r="FF8" s="16" t="s">
        <v>48</v>
      </c>
      <c r="FG8" s="16" t="s">
        <v>49</v>
      </c>
      <c r="FH8" s="16" t="s">
        <v>50</v>
      </c>
      <c r="FI8" s="16" t="s">
        <v>51</v>
      </c>
      <c r="FJ8" s="17" t="s">
        <v>45</v>
      </c>
      <c r="FK8" s="662"/>
      <c r="FL8" s="40" t="s">
        <v>43</v>
      </c>
      <c r="FM8" s="16" t="s">
        <v>44</v>
      </c>
      <c r="FN8" s="41" t="s">
        <v>45</v>
      </c>
      <c r="FO8" s="42" t="s">
        <v>83</v>
      </c>
      <c r="FP8" s="16" t="s">
        <v>47</v>
      </c>
      <c r="FQ8" s="16" t="s">
        <v>48</v>
      </c>
      <c r="FR8" s="16" t="s">
        <v>49</v>
      </c>
      <c r="FS8" s="16" t="s">
        <v>50</v>
      </c>
      <c r="FT8" s="16" t="s">
        <v>51</v>
      </c>
      <c r="FU8" s="17" t="s">
        <v>45</v>
      </c>
      <c r="FV8" s="660"/>
      <c r="FW8" s="40" t="s">
        <v>43</v>
      </c>
      <c r="FX8" s="16" t="s">
        <v>44</v>
      </c>
      <c r="FY8" s="41" t="s">
        <v>45</v>
      </c>
      <c r="FZ8" s="42" t="s">
        <v>83</v>
      </c>
      <c r="GA8" s="16" t="s">
        <v>47</v>
      </c>
      <c r="GB8" s="16" t="s">
        <v>48</v>
      </c>
      <c r="GC8" s="16" t="s">
        <v>49</v>
      </c>
      <c r="GD8" s="16" t="s">
        <v>50</v>
      </c>
      <c r="GE8" s="16" t="s">
        <v>51</v>
      </c>
      <c r="GF8" s="17" t="s">
        <v>45</v>
      </c>
      <c r="GG8" s="662"/>
      <c r="GH8" s="40" t="s">
        <v>43</v>
      </c>
      <c r="GI8" s="16" t="s">
        <v>44</v>
      </c>
      <c r="GJ8" s="41" t="s">
        <v>45</v>
      </c>
      <c r="GK8" s="42" t="s">
        <v>83</v>
      </c>
      <c r="GL8" s="16" t="s">
        <v>47</v>
      </c>
      <c r="GM8" s="16" t="s">
        <v>48</v>
      </c>
      <c r="GN8" s="16" t="s">
        <v>49</v>
      </c>
      <c r="GO8" s="16" t="s">
        <v>50</v>
      </c>
      <c r="GP8" s="16" t="s">
        <v>51</v>
      </c>
      <c r="GQ8" s="17" t="s">
        <v>45</v>
      </c>
      <c r="GR8" s="664"/>
      <c r="GS8" s="40" t="s">
        <v>43</v>
      </c>
      <c r="GT8" s="16" t="s">
        <v>44</v>
      </c>
      <c r="GU8" s="41" t="s">
        <v>45</v>
      </c>
      <c r="GV8" s="42" t="s">
        <v>83</v>
      </c>
      <c r="GW8" s="16" t="s">
        <v>47</v>
      </c>
      <c r="GX8" s="16" t="s">
        <v>48</v>
      </c>
      <c r="GY8" s="16" t="s">
        <v>49</v>
      </c>
      <c r="GZ8" s="16" t="s">
        <v>50</v>
      </c>
      <c r="HA8" s="16" t="s">
        <v>51</v>
      </c>
      <c r="HB8" s="17" t="s">
        <v>45</v>
      </c>
      <c r="HC8" s="664"/>
      <c r="HD8" s="40" t="s">
        <v>43</v>
      </c>
      <c r="HE8" s="16" t="s">
        <v>44</v>
      </c>
      <c r="HF8" s="41" t="s">
        <v>45</v>
      </c>
      <c r="HG8" s="42" t="s">
        <v>83</v>
      </c>
      <c r="HH8" s="16" t="s">
        <v>47</v>
      </c>
      <c r="HI8" s="16" t="s">
        <v>48</v>
      </c>
      <c r="HJ8" s="16" t="s">
        <v>49</v>
      </c>
      <c r="HK8" s="16" t="s">
        <v>50</v>
      </c>
      <c r="HL8" s="16" t="s">
        <v>51</v>
      </c>
      <c r="HM8" s="17" t="s">
        <v>45</v>
      </c>
      <c r="HN8" s="662"/>
      <c r="HO8" s="40" t="s">
        <v>43</v>
      </c>
      <c r="HP8" s="16" t="s">
        <v>44</v>
      </c>
      <c r="HQ8" s="41" t="s">
        <v>45</v>
      </c>
      <c r="HR8" s="42" t="s">
        <v>83</v>
      </c>
      <c r="HS8" s="16" t="s">
        <v>47</v>
      </c>
      <c r="HT8" s="16" t="s">
        <v>48</v>
      </c>
      <c r="HU8" s="16" t="s">
        <v>49</v>
      </c>
      <c r="HV8" s="16" t="s">
        <v>50</v>
      </c>
      <c r="HW8" s="16" t="s">
        <v>51</v>
      </c>
      <c r="HX8" s="17" t="s">
        <v>45</v>
      </c>
      <c r="HY8" s="662"/>
      <c r="HZ8" s="368" t="s">
        <v>43</v>
      </c>
      <c r="IA8" s="369" t="s">
        <v>44</v>
      </c>
      <c r="IB8" s="41" t="s">
        <v>45</v>
      </c>
      <c r="IC8" s="42" t="s">
        <v>83</v>
      </c>
      <c r="ID8" s="369" t="s">
        <v>47</v>
      </c>
      <c r="IE8" s="369" t="s">
        <v>48</v>
      </c>
      <c r="IF8" s="369" t="s">
        <v>49</v>
      </c>
      <c r="IG8" s="369" t="s">
        <v>50</v>
      </c>
      <c r="IH8" s="369" t="s">
        <v>51</v>
      </c>
      <c r="II8" s="17" t="s">
        <v>45</v>
      </c>
      <c r="IJ8" s="660"/>
      <c r="IK8" s="368" t="s">
        <v>43</v>
      </c>
      <c r="IL8" s="369" t="s">
        <v>44</v>
      </c>
      <c r="IM8" s="41" t="s">
        <v>45</v>
      </c>
      <c r="IN8" s="42" t="s">
        <v>83</v>
      </c>
      <c r="IO8" s="59" t="s">
        <v>47</v>
      </c>
      <c r="IP8" s="59" t="s">
        <v>48</v>
      </c>
      <c r="IQ8" s="59" t="s">
        <v>49</v>
      </c>
      <c r="IR8" s="59" t="s">
        <v>50</v>
      </c>
      <c r="IS8" s="59" t="s">
        <v>51</v>
      </c>
      <c r="IT8" s="64" t="s">
        <v>45</v>
      </c>
      <c r="IU8" s="659"/>
      <c r="IV8" s="61" t="s">
        <v>43</v>
      </c>
      <c r="IW8" s="59" t="s">
        <v>44</v>
      </c>
      <c r="IX8" s="64" t="s">
        <v>45</v>
      </c>
      <c r="IY8" s="33" t="s">
        <v>83</v>
      </c>
      <c r="IZ8" s="59" t="s">
        <v>47</v>
      </c>
      <c r="JA8" s="59" t="s">
        <v>48</v>
      </c>
      <c r="JB8" s="59" t="s">
        <v>49</v>
      </c>
      <c r="JC8" s="59" t="s">
        <v>50</v>
      </c>
      <c r="JD8" s="59" t="s">
        <v>51</v>
      </c>
      <c r="JE8" s="64" t="s">
        <v>45</v>
      </c>
      <c r="JF8" s="659"/>
      <c r="JG8" s="61" t="s">
        <v>43</v>
      </c>
      <c r="JH8" s="59" t="s">
        <v>44</v>
      </c>
      <c r="JI8" s="60" t="s">
        <v>45</v>
      </c>
      <c r="JJ8" s="33" t="s">
        <v>83</v>
      </c>
      <c r="JK8" s="59" t="s">
        <v>47</v>
      </c>
      <c r="JL8" s="59" t="s">
        <v>48</v>
      </c>
      <c r="JM8" s="59" t="s">
        <v>49</v>
      </c>
      <c r="JN8" s="59" t="s">
        <v>50</v>
      </c>
      <c r="JO8" s="59" t="s">
        <v>51</v>
      </c>
      <c r="JP8" s="64" t="s">
        <v>45</v>
      </c>
      <c r="JQ8" s="619"/>
      <c r="JR8" s="61" t="s">
        <v>43</v>
      </c>
      <c r="JS8" s="59" t="s">
        <v>44</v>
      </c>
      <c r="JT8" s="60" t="s">
        <v>45</v>
      </c>
      <c r="JU8" s="33" t="s">
        <v>83</v>
      </c>
      <c r="JV8" s="59" t="s">
        <v>47</v>
      </c>
      <c r="JW8" s="59" t="s">
        <v>48</v>
      </c>
      <c r="JX8" s="59" t="s">
        <v>49</v>
      </c>
      <c r="JY8" s="59" t="s">
        <v>50</v>
      </c>
      <c r="JZ8" s="59" t="s">
        <v>51</v>
      </c>
      <c r="KA8" s="64" t="s">
        <v>45</v>
      </c>
      <c r="KB8" s="619"/>
      <c r="KC8" s="61" t="s">
        <v>43</v>
      </c>
      <c r="KD8" s="59" t="s">
        <v>44</v>
      </c>
      <c r="KE8" s="60" t="s">
        <v>45</v>
      </c>
      <c r="KF8" s="33" t="s">
        <v>83</v>
      </c>
      <c r="KG8" s="59" t="s">
        <v>47</v>
      </c>
      <c r="KH8" s="59" t="s">
        <v>48</v>
      </c>
      <c r="KI8" s="59" t="s">
        <v>49</v>
      </c>
      <c r="KJ8" s="59" t="s">
        <v>50</v>
      </c>
      <c r="KK8" s="59" t="s">
        <v>51</v>
      </c>
      <c r="KL8" s="64" t="s">
        <v>45</v>
      </c>
      <c r="KM8" s="619"/>
      <c r="KN8" s="61" t="s">
        <v>43</v>
      </c>
      <c r="KO8" s="59" t="s">
        <v>44</v>
      </c>
      <c r="KP8" s="60" t="s">
        <v>45</v>
      </c>
      <c r="KQ8" s="42" t="s">
        <v>83</v>
      </c>
      <c r="KR8" s="59" t="s">
        <v>47</v>
      </c>
      <c r="KS8" s="59" t="s">
        <v>48</v>
      </c>
      <c r="KT8" s="59" t="s">
        <v>49</v>
      </c>
      <c r="KU8" s="59" t="s">
        <v>50</v>
      </c>
      <c r="KV8" s="59" t="s">
        <v>51</v>
      </c>
      <c r="KW8" s="64" t="s">
        <v>45</v>
      </c>
      <c r="KX8" s="619"/>
      <c r="KY8" s="61" t="s">
        <v>43</v>
      </c>
      <c r="KZ8" s="59" t="s">
        <v>44</v>
      </c>
      <c r="LA8" s="60" t="s">
        <v>45</v>
      </c>
      <c r="LB8" s="42" t="s">
        <v>83</v>
      </c>
      <c r="LC8" s="59" t="s">
        <v>47</v>
      </c>
      <c r="LD8" s="59" t="s">
        <v>48</v>
      </c>
      <c r="LE8" s="59" t="s">
        <v>49</v>
      </c>
      <c r="LF8" s="59" t="s">
        <v>50</v>
      </c>
      <c r="LG8" s="59" t="s">
        <v>51</v>
      </c>
      <c r="LH8" s="64" t="s">
        <v>45</v>
      </c>
      <c r="LI8" s="619"/>
      <c r="LJ8" s="61" t="s">
        <v>43</v>
      </c>
      <c r="LK8" s="59" t="s">
        <v>44</v>
      </c>
      <c r="LL8" s="60" t="s">
        <v>45</v>
      </c>
      <c r="LM8" s="42" t="s">
        <v>83</v>
      </c>
      <c r="LN8" s="59" t="s">
        <v>47</v>
      </c>
      <c r="LO8" s="59" t="s">
        <v>48</v>
      </c>
      <c r="LP8" s="59" t="s">
        <v>49</v>
      </c>
      <c r="LQ8" s="59" t="s">
        <v>50</v>
      </c>
      <c r="LR8" s="59" t="s">
        <v>51</v>
      </c>
      <c r="LS8" s="64" t="s">
        <v>45</v>
      </c>
      <c r="LT8" s="619"/>
      <c r="LU8" s="61" t="s">
        <v>43</v>
      </c>
      <c r="LV8" s="59" t="s">
        <v>44</v>
      </c>
      <c r="LW8" s="60" t="s">
        <v>45</v>
      </c>
      <c r="LX8" s="42" t="s">
        <v>83</v>
      </c>
      <c r="LY8" s="59" t="s">
        <v>47</v>
      </c>
      <c r="LZ8" s="59" t="s">
        <v>48</v>
      </c>
      <c r="MA8" s="59" t="s">
        <v>49</v>
      </c>
      <c r="MB8" s="59" t="s">
        <v>50</v>
      </c>
      <c r="MC8" s="59" t="s">
        <v>51</v>
      </c>
      <c r="MD8" s="64" t="s">
        <v>45</v>
      </c>
      <c r="ME8" s="619"/>
      <c r="MF8" s="61" t="s">
        <v>43</v>
      </c>
      <c r="MG8" s="59" t="s">
        <v>44</v>
      </c>
      <c r="MH8" s="60" t="s">
        <v>45</v>
      </c>
      <c r="MI8" s="42" t="s">
        <v>83</v>
      </c>
      <c r="MJ8" s="59" t="s">
        <v>47</v>
      </c>
      <c r="MK8" s="59" t="s">
        <v>48</v>
      </c>
      <c r="ML8" s="59" t="s">
        <v>49</v>
      </c>
      <c r="MM8" s="59" t="s">
        <v>50</v>
      </c>
      <c r="MN8" s="59" t="s">
        <v>51</v>
      </c>
      <c r="MO8" s="64" t="s">
        <v>45</v>
      </c>
      <c r="MP8" s="619"/>
      <c r="MQ8" s="61" t="s">
        <v>43</v>
      </c>
      <c r="MR8" s="59" t="s">
        <v>44</v>
      </c>
      <c r="MS8" s="60" t="s">
        <v>45</v>
      </c>
      <c r="MT8" s="42" t="s">
        <v>83</v>
      </c>
      <c r="MU8" s="59" t="s">
        <v>47</v>
      </c>
      <c r="MV8" s="59" t="s">
        <v>48</v>
      </c>
      <c r="MW8" s="59" t="s">
        <v>49</v>
      </c>
      <c r="MX8" s="59" t="s">
        <v>50</v>
      </c>
      <c r="MY8" s="59" t="s">
        <v>51</v>
      </c>
      <c r="MZ8" s="64" t="s">
        <v>45</v>
      </c>
      <c r="NA8" s="619"/>
      <c r="NB8" s="61" t="s">
        <v>43</v>
      </c>
      <c r="NC8" s="59" t="s">
        <v>44</v>
      </c>
      <c r="ND8" s="60" t="s">
        <v>45</v>
      </c>
      <c r="NE8" s="42" t="s">
        <v>83</v>
      </c>
      <c r="NF8" s="59" t="s">
        <v>47</v>
      </c>
      <c r="NG8" s="59" t="s">
        <v>48</v>
      </c>
      <c r="NH8" s="59" t="s">
        <v>49</v>
      </c>
      <c r="NI8" s="59" t="s">
        <v>50</v>
      </c>
      <c r="NJ8" s="59" t="s">
        <v>51</v>
      </c>
      <c r="NK8" s="64" t="s">
        <v>45</v>
      </c>
      <c r="NL8" s="619"/>
      <c r="NM8" s="61" t="s">
        <v>43</v>
      </c>
      <c r="NN8" s="59" t="s">
        <v>44</v>
      </c>
      <c r="NO8" s="60" t="s">
        <v>45</v>
      </c>
      <c r="NP8" s="42" t="s">
        <v>83</v>
      </c>
      <c r="NQ8" s="59" t="s">
        <v>47</v>
      </c>
      <c r="NR8" s="59" t="s">
        <v>48</v>
      </c>
      <c r="NS8" s="59" t="s">
        <v>49</v>
      </c>
      <c r="NT8" s="59" t="s">
        <v>50</v>
      </c>
      <c r="NU8" s="59" t="s">
        <v>51</v>
      </c>
      <c r="NV8" s="64" t="s">
        <v>45</v>
      </c>
      <c r="NW8" s="619"/>
      <c r="NX8" s="61" t="s">
        <v>43</v>
      </c>
      <c r="NY8" s="59" t="s">
        <v>44</v>
      </c>
      <c r="NZ8" s="60" t="s">
        <v>45</v>
      </c>
      <c r="OA8" s="42" t="s">
        <v>83</v>
      </c>
      <c r="OB8" s="59" t="s">
        <v>47</v>
      </c>
      <c r="OC8" s="59" t="s">
        <v>48</v>
      </c>
      <c r="OD8" s="59" t="s">
        <v>49</v>
      </c>
      <c r="OE8" s="59" t="s">
        <v>50</v>
      </c>
      <c r="OF8" s="59" t="s">
        <v>51</v>
      </c>
      <c r="OG8" s="64" t="s">
        <v>45</v>
      </c>
      <c r="OH8" s="619"/>
      <c r="OI8" s="61" t="s">
        <v>43</v>
      </c>
      <c r="OJ8" s="59" t="s">
        <v>44</v>
      </c>
      <c r="OK8" s="60" t="s">
        <v>45</v>
      </c>
      <c r="OL8" s="33" t="s">
        <v>83</v>
      </c>
      <c r="OM8" s="59" t="s">
        <v>47</v>
      </c>
      <c r="ON8" s="59" t="s">
        <v>48</v>
      </c>
      <c r="OO8" s="59" t="s">
        <v>49</v>
      </c>
      <c r="OP8" s="59" t="s">
        <v>50</v>
      </c>
      <c r="OQ8" s="59" t="s">
        <v>51</v>
      </c>
      <c r="OR8" s="64" t="s">
        <v>45</v>
      </c>
      <c r="OS8" s="619"/>
    </row>
    <row r="9" spans="1:409" s="430" customFormat="1" ht="21" customHeight="1" x14ac:dyDescent="0.2">
      <c r="A9" s="44"/>
      <c r="B9" s="386" t="s">
        <v>4</v>
      </c>
      <c r="C9" s="387">
        <v>390465875</v>
      </c>
      <c r="D9" s="388">
        <v>805095772</v>
      </c>
      <c r="E9" s="389">
        <v>1195561647</v>
      </c>
      <c r="F9" s="390">
        <v>0</v>
      </c>
      <c r="G9" s="388">
        <v>5165240737</v>
      </c>
      <c r="H9" s="388">
        <v>6934792872</v>
      </c>
      <c r="I9" s="388">
        <v>5850254134</v>
      </c>
      <c r="J9" s="388">
        <v>5662247116</v>
      </c>
      <c r="K9" s="388">
        <v>4264537205</v>
      </c>
      <c r="L9" s="391">
        <v>27877072064</v>
      </c>
      <c r="M9" s="392">
        <v>29072633711</v>
      </c>
      <c r="N9" s="387">
        <v>92011111</v>
      </c>
      <c r="O9" s="388">
        <v>233100438</v>
      </c>
      <c r="P9" s="393">
        <v>325111549</v>
      </c>
      <c r="Q9" s="387">
        <v>0</v>
      </c>
      <c r="R9" s="388">
        <v>1455169634</v>
      </c>
      <c r="S9" s="388">
        <v>2219902520</v>
      </c>
      <c r="T9" s="388">
        <v>1905239684</v>
      </c>
      <c r="U9" s="388">
        <v>2148099466</v>
      </c>
      <c r="V9" s="388">
        <v>2177178835</v>
      </c>
      <c r="W9" s="393">
        <v>9905590139</v>
      </c>
      <c r="X9" s="392">
        <v>10230701688</v>
      </c>
      <c r="Y9" s="387">
        <v>0</v>
      </c>
      <c r="Z9" s="388">
        <v>13038</v>
      </c>
      <c r="AA9" s="393">
        <v>13038</v>
      </c>
      <c r="AB9" s="394">
        <v>0</v>
      </c>
      <c r="AC9" s="395">
        <v>711056779</v>
      </c>
      <c r="AD9" s="395">
        <v>1120916501</v>
      </c>
      <c r="AE9" s="395">
        <v>1077180517</v>
      </c>
      <c r="AF9" s="395">
        <v>1267074163</v>
      </c>
      <c r="AG9" s="395">
        <v>1288626667</v>
      </c>
      <c r="AH9" s="393">
        <v>5464854627</v>
      </c>
      <c r="AI9" s="392">
        <v>5464867665</v>
      </c>
      <c r="AJ9" s="396">
        <v>90027</v>
      </c>
      <c r="AK9" s="395">
        <v>758282</v>
      </c>
      <c r="AL9" s="393">
        <v>848309</v>
      </c>
      <c r="AM9" s="394">
        <v>0</v>
      </c>
      <c r="AN9" s="395">
        <v>5357288</v>
      </c>
      <c r="AO9" s="391">
        <v>25358481</v>
      </c>
      <c r="AP9" s="395">
        <v>51057454</v>
      </c>
      <c r="AQ9" s="395">
        <v>122995864</v>
      </c>
      <c r="AR9" s="395">
        <v>240666834</v>
      </c>
      <c r="AS9" s="393">
        <v>445435921</v>
      </c>
      <c r="AT9" s="392">
        <v>446284230</v>
      </c>
      <c r="AU9" s="396">
        <v>50657984</v>
      </c>
      <c r="AV9" s="395">
        <v>165173285</v>
      </c>
      <c r="AW9" s="393">
        <v>215831269</v>
      </c>
      <c r="AX9" s="394">
        <v>0</v>
      </c>
      <c r="AY9" s="395">
        <v>449999645</v>
      </c>
      <c r="AZ9" s="395">
        <v>705536303</v>
      </c>
      <c r="BA9" s="395">
        <v>461467347</v>
      </c>
      <c r="BB9" s="395">
        <v>444951965</v>
      </c>
      <c r="BC9" s="395">
        <v>413783372</v>
      </c>
      <c r="BD9" s="393">
        <v>2475738632</v>
      </c>
      <c r="BE9" s="397">
        <v>2691569901</v>
      </c>
      <c r="BF9" s="396">
        <v>6465407</v>
      </c>
      <c r="BG9" s="391">
        <v>23980672</v>
      </c>
      <c r="BH9" s="398">
        <v>30446079</v>
      </c>
      <c r="BI9" s="394">
        <v>0</v>
      </c>
      <c r="BJ9" s="395">
        <v>38044050</v>
      </c>
      <c r="BK9" s="395">
        <v>64927321</v>
      </c>
      <c r="BL9" s="395">
        <v>42777183</v>
      </c>
      <c r="BM9" s="395">
        <v>38508438</v>
      </c>
      <c r="BN9" s="395">
        <v>23040618</v>
      </c>
      <c r="BO9" s="393">
        <v>207297610</v>
      </c>
      <c r="BP9" s="392">
        <v>237743689</v>
      </c>
      <c r="BQ9" s="396">
        <v>34797693</v>
      </c>
      <c r="BR9" s="395">
        <v>43175161</v>
      </c>
      <c r="BS9" s="393">
        <v>77972854</v>
      </c>
      <c r="BT9" s="394">
        <v>0</v>
      </c>
      <c r="BU9" s="395">
        <v>250711872</v>
      </c>
      <c r="BV9" s="395">
        <v>303163914</v>
      </c>
      <c r="BW9" s="395">
        <v>272757183</v>
      </c>
      <c r="BX9" s="395">
        <v>274569036</v>
      </c>
      <c r="BY9" s="395">
        <v>211061344</v>
      </c>
      <c r="BZ9" s="393">
        <v>1312263349</v>
      </c>
      <c r="CA9" s="392">
        <v>1390236203</v>
      </c>
      <c r="CB9" s="396">
        <v>37536867</v>
      </c>
      <c r="CC9" s="395">
        <v>111784011</v>
      </c>
      <c r="CD9" s="393">
        <v>149320878</v>
      </c>
      <c r="CE9" s="394">
        <v>0</v>
      </c>
      <c r="CF9" s="395">
        <v>1448063880</v>
      </c>
      <c r="CG9" s="395">
        <v>1875872900</v>
      </c>
      <c r="CH9" s="399">
        <v>1368489542</v>
      </c>
      <c r="CI9" s="395">
        <v>937559371</v>
      </c>
      <c r="CJ9" s="395">
        <v>468504820</v>
      </c>
      <c r="CK9" s="393">
        <v>6098490513</v>
      </c>
      <c r="CL9" s="392">
        <v>6247811391</v>
      </c>
      <c r="CM9" s="387">
        <v>0</v>
      </c>
      <c r="CN9" s="388">
        <v>22916</v>
      </c>
      <c r="CO9" s="393">
        <v>22916</v>
      </c>
      <c r="CP9" s="394">
        <v>0</v>
      </c>
      <c r="CQ9" s="395">
        <v>1221113020</v>
      </c>
      <c r="CR9" s="395">
        <v>1454741679</v>
      </c>
      <c r="CS9" s="395">
        <v>1064475339</v>
      </c>
      <c r="CT9" s="395">
        <v>717255817</v>
      </c>
      <c r="CU9" s="395">
        <v>379711372</v>
      </c>
      <c r="CV9" s="400">
        <v>4837297227</v>
      </c>
      <c r="CW9" s="392">
        <v>4837320143</v>
      </c>
      <c r="CX9" s="396">
        <v>37536867</v>
      </c>
      <c r="CY9" s="395">
        <v>111761095</v>
      </c>
      <c r="CZ9" s="393">
        <v>149297962</v>
      </c>
      <c r="DA9" s="394">
        <v>0</v>
      </c>
      <c r="DB9" s="395">
        <v>226950860</v>
      </c>
      <c r="DC9" s="395">
        <v>421131221</v>
      </c>
      <c r="DD9" s="395">
        <v>304014203</v>
      </c>
      <c r="DE9" s="395">
        <v>220303554</v>
      </c>
      <c r="DF9" s="395">
        <v>88793448</v>
      </c>
      <c r="DG9" s="393">
        <v>1261193286</v>
      </c>
      <c r="DH9" s="392">
        <v>1410491248</v>
      </c>
      <c r="DI9" s="396">
        <v>1932816</v>
      </c>
      <c r="DJ9" s="395">
        <v>10930870</v>
      </c>
      <c r="DK9" s="398">
        <v>12863686</v>
      </c>
      <c r="DL9" s="394">
        <v>0</v>
      </c>
      <c r="DM9" s="395">
        <v>134971836</v>
      </c>
      <c r="DN9" s="395">
        <v>293641137</v>
      </c>
      <c r="DO9" s="395">
        <v>549407381</v>
      </c>
      <c r="DP9" s="395">
        <v>475133712</v>
      </c>
      <c r="DQ9" s="395">
        <v>261737985</v>
      </c>
      <c r="DR9" s="401">
        <v>1714892051</v>
      </c>
      <c r="DS9" s="392">
        <v>1727755737</v>
      </c>
      <c r="DT9" s="396">
        <v>1812275</v>
      </c>
      <c r="DU9" s="395">
        <v>9802943</v>
      </c>
      <c r="DV9" s="393">
        <v>11615218</v>
      </c>
      <c r="DW9" s="394">
        <v>0</v>
      </c>
      <c r="DX9" s="395">
        <v>121856805</v>
      </c>
      <c r="DY9" s="395">
        <v>263013869</v>
      </c>
      <c r="DZ9" s="395">
        <v>496441565</v>
      </c>
      <c r="EA9" s="395">
        <v>423334952</v>
      </c>
      <c r="EB9" s="395">
        <v>227692039</v>
      </c>
      <c r="EC9" s="393">
        <v>1532339230</v>
      </c>
      <c r="ED9" s="392">
        <v>1543954448</v>
      </c>
      <c r="EE9" s="396">
        <v>120541</v>
      </c>
      <c r="EF9" s="391">
        <v>1127927</v>
      </c>
      <c r="EG9" s="393">
        <v>1248468</v>
      </c>
      <c r="EH9" s="397">
        <v>0</v>
      </c>
      <c r="EI9" s="395">
        <v>13115031</v>
      </c>
      <c r="EJ9" s="395">
        <v>30627268</v>
      </c>
      <c r="EK9" s="395">
        <v>52965816</v>
      </c>
      <c r="EL9" s="395">
        <v>51798760</v>
      </c>
      <c r="EM9" s="399">
        <v>34045946</v>
      </c>
      <c r="EN9" s="391">
        <v>182552821</v>
      </c>
      <c r="EO9" s="392">
        <v>183801289</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89251745</v>
      </c>
      <c r="FM9" s="395">
        <v>183842968</v>
      </c>
      <c r="FN9" s="393">
        <v>273094713</v>
      </c>
      <c r="FO9" s="394">
        <v>0</v>
      </c>
      <c r="FP9" s="395">
        <v>247721626</v>
      </c>
      <c r="FQ9" s="395">
        <v>628177165</v>
      </c>
      <c r="FR9" s="395">
        <v>449545394</v>
      </c>
      <c r="FS9" s="395">
        <v>417323366</v>
      </c>
      <c r="FT9" s="395">
        <v>305959565</v>
      </c>
      <c r="FU9" s="393">
        <v>2048727116</v>
      </c>
      <c r="FV9" s="392">
        <v>2321821829</v>
      </c>
      <c r="FW9" s="396">
        <v>50784862</v>
      </c>
      <c r="FX9" s="395">
        <v>139496506</v>
      </c>
      <c r="FY9" s="391">
        <v>190281368</v>
      </c>
      <c r="FZ9" s="397">
        <v>0</v>
      </c>
      <c r="GA9" s="395">
        <v>196984901</v>
      </c>
      <c r="GB9" s="403">
        <v>577382453</v>
      </c>
      <c r="GC9" s="395">
        <v>418898708</v>
      </c>
      <c r="GD9" s="403">
        <v>392102560</v>
      </c>
      <c r="GE9" s="395">
        <v>297254109</v>
      </c>
      <c r="GF9" s="400">
        <v>1882622731</v>
      </c>
      <c r="GG9" s="404">
        <v>2072904099</v>
      </c>
      <c r="GH9" s="405">
        <v>5305127</v>
      </c>
      <c r="GI9" s="395">
        <v>8675108</v>
      </c>
      <c r="GJ9" s="403">
        <v>13980235</v>
      </c>
      <c r="GK9" s="390">
        <v>0</v>
      </c>
      <c r="GL9" s="395">
        <v>11987045</v>
      </c>
      <c r="GM9" s="391">
        <v>16910446</v>
      </c>
      <c r="GN9" s="395">
        <v>11971658</v>
      </c>
      <c r="GO9" s="391">
        <v>11084164</v>
      </c>
      <c r="GP9" s="395">
        <v>4439880</v>
      </c>
      <c r="GQ9" s="401">
        <v>56393193</v>
      </c>
      <c r="GR9" s="392">
        <v>70373428</v>
      </c>
      <c r="GS9" s="391">
        <v>33161756</v>
      </c>
      <c r="GT9" s="395">
        <v>35671354</v>
      </c>
      <c r="GU9" s="393">
        <v>68833110</v>
      </c>
      <c r="GV9" s="391">
        <v>0</v>
      </c>
      <c r="GW9" s="395">
        <v>38749680</v>
      </c>
      <c r="GX9" s="391">
        <v>33884266</v>
      </c>
      <c r="GY9" s="395">
        <v>18675028</v>
      </c>
      <c r="GZ9" s="391">
        <v>14136642</v>
      </c>
      <c r="HA9" s="395">
        <v>4265576</v>
      </c>
      <c r="HB9" s="391">
        <v>109711192</v>
      </c>
      <c r="HC9" s="392">
        <v>178544302</v>
      </c>
      <c r="HD9" s="391">
        <v>101211351</v>
      </c>
      <c r="HE9" s="395">
        <v>130461000</v>
      </c>
      <c r="HF9" s="391">
        <v>231672351</v>
      </c>
      <c r="HG9" s="397">
        <v>0</v>
      </c>
      <c r="HH9" s="395">
        <v>1036273577</v>
      </c>
      <c r="HI9" s="403">
        <v>1029556572</v>
      </c>
      <c r="HJ9" s="395">
        <v>990731550</v>
      </c>
      <c r="HK9" s="403">
        <v>1266502967</v>
      </c>
      <c r="HL9" s="395">
        <v>796898384</v>
      </c>
      <c r="HM9" s="400">
        <v>5119963050</v>
      </c>
      <c r="HN9" s="391">
        <v>5351635401</v>
      </c>
      <c r="HO9" s="405">
        <v>68521985</v>
      </c>
      <c r="HP9" s="395">
        <v>134976485</v>
      </c>
      <c r="HQ9" s="400">
        <v>203498470</v>
      </c>
      <c r="HR9" s="391">
        <v>0</v>
      </c>
      <c r="HS9" s="395">
        <v>843040184</v>
      </c>
      <c r="HT9" s="391">
        <v>887642578</v>
      </c>
      <c r="HU9" s="395">
        <v>586840583</v>
      </c>
      <c r="HV9" s="391">
        <v>417628234</v>
      </c>
      <c r="HW9" s="395">
        <v>254257616</v>
      </c>
      <c r="HX9" s="391">
        <v>2989409195</v>
      </c>
      <c r="HY9" s="392">
        <v>3192907665</v>
      </c>
      <c r="HZ9" s="406">
        <v>9195260</v>
      </c>
      <c r="IA9" s="407">
        <v>34917223</v>
      </c>
      <c r="IB9" s="408">
        <v>44112483</v>
      </c>
      <c r="IC9" s="409">
        <v>0</v>
      </c>
      <c r="ID9" s="407">
        <v>1648473766</v>
      </c>
      <c r="IE9" s="410">
        <v>2181577682</v>
      </c>
      <c r="IF9" s="411">
        <v>2304284857</v>
      </c>
      <c r="IG9" s="407">
        <v>1753621369</v>
      </c>
      <c r="IH9" s="411">
        <v>1272424826</v>
      </c>
      <c r="II9" s="412">
        <v>9160382500</v>
      </c>
      <c r="IJ9" s="413">
        <v>9204494983</v>
      </c>
      <c r="IK9" s="414">
        <v>0</v>
      </c>
      <c r="IL9" s="415">
        <v>0</v>
      </c>
      <c r="IM9" s="416">
        <v>0</v>
      </c>
      <c r="IN9" s="417"/>
      <c r="IO9" s="418">
        <v>25644015</v>
      </c>
      <c r="IP9" s="418">
        <v>48367585</v>
      </c>
      <c r="IQ9" s="418">
        <v>66400398</v>
      </c>
      <c r="IR9" s="418">
        <v>98905423</v>
      </c>
      <c r="IS9" s="418">
        <v>104448946</v>
      </c>
      <c r="IT9" s="419">
        <v>343766367</v>
      </c>
      <c r="IU9" s="420">
        <v>343766367</v>
      </c>
      <c r="IV9" s="421">
        <v>0</v>
      </c>
      <c r="IW9" s="418">
        <v>0</v>
      </c>
      <c r="IX9" s="422">
        <v>0</v>
      </c>
      <c r="IY9" s="423"/>
      <c r="IZ9" s="418">
        <v>4356906</v>
      </c>
      <c r="JA9" s="418">
        <v>10649036</v>
      </c>
      <c r="JB9" s="418">
        <v>11911202</v>
      </c>
      <c r="JC9" s="418">
        <v>14899031</v>
      </c>
      <c r="JD9" s="418">
        <v>17993500</v>
      </c>
      <c r="JE9" s="422">
        <v>59809675</v>
      </c>
      <c r="JF9" s="424">
        <v>59809675</v>
      </c>
      <c r="JG9" s="421">
        <v>0</v>
      </c>
      <c r="JH9" s="418">
        <v>28505</v>
      </c>
      <c r="JI9" s="419">
        <v>28505</v>
      </c>
      <c r="JJ9" s="425">
        <v>0</v>
      </c>
      <c r="JK9" s="418">
        <v>624754047</v>
      </c>
      <c r="JL9" s="418">
        <v>737334647</v>
      </c>
      <c r="JM9" s="418">
        <v>570084210</v>
      </c>
      <c r="JN9" s="418">
        <v>354067978</v>
      </c>
      <c r="JO9" s="418">
        <v>189070000</v>
      </c>
      <c r="JP9" s="422">
        <v>2475310882</v>
      </c>
      <c r="JQ9" s="420">
        <v>2475339387</v>
      </c>
      <c r="JR9" s="421">
        <v>331474</v>
      </c>
      <c r="JS9" s="418">
        <v>367156</v>
      </c>
      <c r="JT9" s="419">
        <v>698630</v>
      </c>
      <c r="JU9" s="425">
        <v>0</v>
      </c>
      <c r="JV9" s="418">
        <v>71292415</v>
      </c>
      <c r="JW9" s="418">
        <v>110096405</v>
      </c>
      <c r="JX9" s="418">
        <v>161961661</v>
      </c>
      <c r="JY9" s="418">
        <v>96803692</v>
      </c>
      <c r="JZ9" s="418">
        <v>80085136</v>
      </c>
      <c r="KA9" s="422">
        <v>520239309</v>
      </c>
      <c r="KB9" s="420">
        <v>520937939</v>
      </c>
      <c r="KC9" s="426">
        <v>8863786</v>
      </c>
      <c r="KD9" s="427">
        <v>24359246</v>
      </c>
      <c r="KE9" s="422">
        <v>33223032</v>
      </c>
      <c r="KF9" s="425">
        <v>0</v>
      </c>
      <c r="KG9" s="418">
        <v>191914404</v>
      </c>
      <c r="KH9" s="418">
        <v>311889975</v>
      </c>
      <c r="KI9" s="418">
        <v>364441558</v>
      </c>
      <c r="KJ9" s="418">
        <v>287164265</v>
      </c>
      <c r="KK9" s="418">
        <v>159542747</v>
      </c>
      <c r="KL9" s="422">
        <v>1314952949</v>
      </c>
      <c r="KM9" s="428">
        <v>1348175981</v>
      </c>
      <c r="KN9" s="414">
        <v>0</v>
      </c>
      <c r="KO9" s="415">
        <v>10162316</v>
      </c>
      <c r="KP9" s="416">
        <v>10162316</v>
      </c>
      <c r="KQ9" s="417"/>
      <c r="KR9" s="418">
        <v>689973229</v>
      </c>
      <c r="KS9" s="418">
        <v>879455128</v>
      </c>
      <c r="KT9" s="418">
        <v>970946290</v>
      </c>
      <c r="KU9" s="418">
        <v>670593032</v>
      </c>
      <c r="KV9" s="418">
        <v>479989090</v>
      </c>
      <c r="KW9" s="422">
        <v>3690956769</v>
      </c>
      <c r="KX9" s="420">
        <v>3701119085</v>
      </c>
      <c r="KY9" s="421">
        <v>0</v>
      </c>
      <c r="KZ9" s="418">
        <v>0</v>
      </c>
      <c r="LA9" s="422">
        <v>0</v>
      </c>
      <c r="LB9" s="429"/>
      <c r="LC9" s="418">
        <v>5090186</v>
      </c>
      <c r="LD9" s="418">
        <v>9278619</v>
      </c>
      <c r="LE9" s="418">
        <v>9070650</v>
      </c>
      <c r="LF9" s="418">
        <v>15637394</v>
      </c>
      <c r="LG9" s="418">
        <v>11763444</v>
      </c>
      <c r="LH9" s="422">
        <v>50840293</v>
      </c>
      <c r="LI9" s="424">
        <v>50840293</v>
      </c>
      <c r="LJ9" s="421">
        <v>0</v>
      </c>
      <c r="LK9" s="418">
        <v>0</v>
      </c>
      <c r="LL9" s="422">
        <v>0</v>
      </c>
      <c r="LM9" s="429"/>
      <c r="LN9" s="418">
        <v>2372301</v>
      </c>
      <c r="LO9" s="418">
        <v>9345118</v>
      </c>
      <c r="LP9" s="418">
        <v>64845756</v>
      </c>
      <c r="LQ9" s="418">
        <v>98544857</v>
      </c>
      <c r="LR9" s="418">
        <v>70329858</v>
      </c>
      <c r="LS9" s="422">
        <v>245437890</v>
      </c>
      <c r="LT9" s="420">
        <v>245437890</v>
      </c>
      <c r="LU9" s="421">
        <v>0</v>
      </c>
      <c r="LV9" s="418">
        <v>0</v>
      </c>
      <c r="LW9" s="422">
        <v>0</v>
      </c>
      <c r="LX9" s="429"/>
      <c r="LY9" s="418">
        <v>33076263</v>
      </c>
      <c r="LZ9" s="418">
        <v>65161169</v>
      </c>
      <c r="MA9" s="418">
        <v>84623132</v>
      </c>
      <c r="MB9" s="418">
        <v>117005697</v>
      </c>
      <c r="MC9" s="418">
        <v>159202105</v>
      </c>
      <c r="MD9" s="422">
        <v>459068366</v>
      </c>
      <c r="ME9" s="424">
        <v>459068366</v>
      </c>
      <c r="MF9" s="421">
        <v>0</v>
      </c>
      <c r="MG9" s="418">
        <v>0</v>
      </c>
      <c r="MH9" s="422">
        <v>0</v>
      </c>
      <c r="MI9" s="429"/>
      <c r="MJ9" s="418">
        <v>548132332</v>
      </c>
      <c r="MK9" s="418">
        <v>1374208960</v>
      </c>
      <c r="ML9" s="418">
        <v>4091932489</v>
      </c>
      <c r="MM9" s="418">
        <v>6156967691</v>
      </c>
      <c r="MN9" s="418">
        <v>4414830859</v>
      </c>
      <c r="MO9" s="422">
        <v>16586072331</v>
      </c>
      <c r="MP9" s="428">
        <v>16586072331</v>
      </c>
      <c r="MQ9" s="421">
        <v>0</v>
      </c>
      <c r="MR9" s="418">
        <v>0</v>
      </c>
      <c r="MS9" s="422">
        <v>0</v>
      </c>
      <c r="MT9" s="429"/>
      <c r="MU9" s="418">
        <v>99142813</v>
      </c>
      <c r="MV9" s="418">
        <v>376982539</v>
      </c>
      <c r="MW9" s="418">
        <v>2631188817</v>
      </c>
      <c r="MX9" s="418">
        <v>4152549641</v>
      </c>
      <c r="MY9" s="418">
        <v>3169287961</v>
      </c>
      <c r="MZ9" s="422">
        <v>10429151771</v>
      </c>
      <c r="NA9" s="428">
        <v>10429151771</v>
      </c>
      <c r="NB9" s="421">
        <v>0</v>
      </c>
      <c r="NC9" s="418">
        <v>0</v>
      </c>
      <c r="ND9" s="422">
        <v>0</v>
      </c>
      <c r="NE9" s="429"/>
      <c r="NF9" s="418">
        <v>446374357</v>
      </c>
      <c r="NG9" s="418">
        <v>989947375</v>
      </c>
      <c r="NH9" s="418">
        <v>1438645811</v>
      </c>
      <c r="NI9" s="418">
        <v>1839445513</v>
      </c>
      <c r="NJ9" s="418">
        <v>982447487</v>
      </c>
      <c r="NK9" s="422">
        <v>5696860543</v>
      </c>
      <c r="NL9" s="420">
        <v>5696860543</v>
      </c>
      <c r="NM9" s="421">
        <v>0</v>
      </c>
      <c r="NN9" s="418">
        <v>0</v>
      </c>
      <c r="NO9" s="422">
        <v>0</v>
      </c>
      <c r="NP9" s="429"/>
      <c r="NQ9" s="418">
        <v>0</v>
      </c>
      <c r="NR9" s="418">
        <v>0</v>
      </c>
      <c r="NS9" s="418">
        <v>4184706</v>
      </c>
      <c r="NT9" s="418">
        <v>51377884</v>
      </c>
      <c r="NU9" s="418">
        <v>84510286</v>
      </c>
      <c r="NV9" s="422">
        <v>140072876</v>
      </c>
      <c r="NW9" s="424">
        <v>140072876</v>
      </c>
      <c r="NX9" s="421">
        <v>0</v>
      </c>
      <c r="NY9" s="418">
        <v>0</v>
      </c>
      <c r="NZ9" s="422">
        <v>0</v>
      </c>
      <c r="OA9" s="429"/>
      <c r="OB9" s="418">
        <v>2615162</v>
      </c>
      <c r="OC9" s="418">
        <v>7279046</v>
      </c>
      <c r="OD9" s="418">
        <v>17913155</v>
      </c>
      <c r="OE9" s="418">
        <v>113594653</v>
      </c>
      <c r="OF9" s="418">
        <v>178585125</v>
      </c>
      <c r="OG9" s="422">
        <v>319987141</v>
      </c>
      <c r="OH9" s="424">
        <v>319987141</v>
      </c>
      <c r="OI9" s="421">
        <v>399661135</v>
      </c>
      <c r="OJ9" s="418">
        <v>840012995</v>
      </c>
      <c r="OK9" s="419">
        <v>1239674130</v>
      </c>
      <c r="OL9" s="425">
        <v>0</v>
      </c>
      <c r="OM9" s="418">
        <v>7361846835</v>
      </c>
      <c r="ON9" s="418">
        <v>10490579514</v>
      </c>
      <c r="OO9" s="418">
        <v>12246471480</v>
      </c>
      <c r="OP9" s="418">
        <v>13572836176</v>
      </c>
      <c r="OQ9" s="418">
        <v>9951792890</v>
      </c>
      <c r="OR9" s="422">
        <v>53623526895</v>
      </c>
      <c r="OS9" s="428">
        <v>54863201025</v>
      </c>
    </row>
    <row r="10" spans="1:409" s="430" customFormat="1" ht="21" customHeight="1" x14ac:dyDescent="0.2">
      <c r="A10" s="44"/>
      <c r="B10" s="431" t="s">
        <v>5</v>
      </c>
      <c r="C10" s="432">
        <v>158862640</v>
      </c>
      <c r="D10" s="433">
        <v>376470133</v>
      </c>
      <c r="E10" s="434">
        <v>535332773</v>
      </c>
      <c r="F10" s="435">
        <v>0</v>
      </c>
      <c r="G10" s="433">
        <v>1809370685</v>
      </c>
      <c r="H10" s="433">
        <v>3137875646</v>
      </c>
      <c r="I10" s="433">
        <v>2403461193</v>
      </c>
      <c r="J10" s="433">
        <v>2275624960</v>
      </c>
      <c r="K10" s="433">
        <v>1736598192</v>
      </c>
      <c r="L10" s="435">
        <v>11362930676</v>
      </c>
      <c r="M10" s="436">
        <v>11898263449</v>
      </c>
      <c r="N10" s="432">
        <v>39987808</v>
      </c>
      <c r="O10" s="433">
        <v>122167475</v>
      </c>
      <c r="P10" s="434">
        <v>162155283</v>
      </c>
      <c r="Q10" s="432">
        <v>0</v>
      </c>
      <c r="R10" s="433">
        <v>528743410</v>
      </c>
      <c r="S10" s="433">
        <v>1051791442</v>
      </c>
      <c r="T10" s="433">
        <v>793220325</v>
      </c>
      <c r="U10" s="433">
        <v>846609438</v>
      </c>
      <c r="V10" s="433">
        <v>886774185</v>
      </c>
      <c r="W10" s="434">
        <v>4107138800</v>
      </c>
      <c r="X10" s="436">
        <v>4269294083</v>
      </c>
      <c r="Y10" s="432">
        <v>0</v>
      </c>
      <c r="Z10" s="433">
        <v>13038</v>
      </c>
      <c r="AA10" s="434">
        <v>13038</v>
      </c>
      <c r="AB10" s="432">
        <v>0</v>
      </c>
      <c r="AC10" s="433">
        <v>251030408</v>
      </c>
      <c r="AD10" s="433">
        <v>507643512</v>
      </c>
      <c r="AE10" s="433">
        <v>419475254</v>
      </c>
      <c r="AF10" s="433">
        <v>464198827</v>
      </c>
      <c r="AG10" s="433">
        <v>496242952</v>
      </c>
      <c r="AH10" s="434">
        <v>2138590953</v>
      </c>
      <c r="AI10" s="436">
        <v>2138603991</v>
      </c>
      <c r="AJ10" s="432">
        <v>60962</v>
      </c>
      <c r="AK10" s="433">
        <v>284117</v>
      </c>
      <c r="AL10" s="434">
        <v>345079</v>
      </c>
      <c r="AM10" s="432">
        <v>0</v>
      </c>
      <c r="AN10" s="433">
        <v>1306621</v>
      </c>
      <c r="AO10" s="433">
        <v>9849447</v>
      </c>
      <c r="AP10" s="433">
        <v>20022504</v>
      </c>
      <c r="AQ10" s="433">
        <v>49633761</v>
      </c>
      <c r="AR10" s="433">
        <v>107425680</v>
      </c>
      <c r="AS10" s="434">
        <v>188238013</v>
      </c>
      <c r="AT10" s="436">
        <v>188583092</v>
      </c>
      <c r="AU10" s="432">
        <v>22673163</v>
      </c>
      <c r="AV10" s="433">
        <v>87761343</v>
      </c>
      <c r="AW10" s="434">
        <v>110434506</v>
      </c>
      <c r="AX10" s="432">
        <v>0</v>
      </c>
      <c r="AY10" s="433">
        <v>169855616</v>
      </c>
      <c r="AZ10" s="433">
        <v>373116626</v>
      </c>
      <c r="BA10" s="433">
        <v>223432010</v>
      </c>
      <c r="BB10" s="433">
        <v>203974995</v>
      </c>
      <c r="BC10" s="433">
        <v>187804271</v>
      </c>
      <c r="BD10" s="434">
        <v>1158183518</v>
      </c>
      <c r="BE10" s="436">
        <v>1268618024</v>
      </c>
      <c r="BF10" s="432">
        <v>2829321</v>
      </c>
      <c r="BG10" s="433">
        <v>12799555</v>
      </c>
      <c r="BH10" s="437">
        <v>15628876</v>
      </c>
      <c r="BI10" s="438">
        <v>0</v>
      </c>
      <c r="BJ10" s="433">
        <v>9568878</v>
      </c>
      <c r="BK10" s="433">
        <v>26490226</v>
      </c>
      <c r="BL10" s="433">
        <v>17206362</v>
      </c>
      <c r="BM10" s="433">
        <v>15948703</v>
      </c>
      <c r="BN10" s="433">
        <v>8899768</v>
      </c>
      <c r="BO10" s="434">
        <v>78113937</v>
      </c>
      <c r="BP10" s="436">
        <v>93742813</v>
      </c>
      <c r="BQ10" s="432">
        <v>14424362</v>
      </c>
      <c r="BR10" s="433">
        <v>21309422</v>
      </c>
      <c r="BS10" s="434">
        <v>35733784</v>
      </c>
      <c r="BT10" s="432">
        <v>0</v>
      </c>
      <c r="BU10" s="433">
        <v>96981887</v>
      </c>
      <c r="BV10" s="433">
        <v>134691631</v>
      </c>
      <c r="BW10" s="433">
        <v>113084195</v>
      </c>
      <c r="BX10" s="433">
        <v>112853152</v>
      </c>
      <c r="BY10" s="433">
        <v>86401514</v>
      </c>
      <c r="BZ10" s="434">
        <v>544012379</v>
      </c>
      <c r="CA10" s="436">
        <v>579746163</v>
      </c>
      <c r="CB10" s="432">
        <v>16897911</v>
      </c>
      <c r="CC10" s="433">
        <v>51961948</v>
      </c>
      <c r="CD10" s="434">
        <v>68859859</v>
      </c>
      <c r="CE10" s="432">
        <v>0</v>
      </c>
      <c r="CF10" s="433">
        <v>461598809</v>
      </c>
      <c r="CG10" s="433">
        <v>786961241</v>
      </c>
      <c r="CH10" s="433">
        <v>518534086</v>
      </c>
      <c r="CI10" s="433">
        <v>342102930</v>
      </c>
      <c r="CJ10" s="433">
        <v>173038255</v>
      </c>
      <c r="CK10" s="434">
        <v>2282235321</v>
      </c>
      <c r="CL10" s="436">
        <v>2351095180</v>
      </c>
      <c r="CM10" s="432">
        <v>0</v>
      </c>
      <c r="CN10" s="433">
        <v>22916</v>
      </c>
      <c r="CO10" s="434">
        <v>22916</v>
      </c>
      <c r="CP10" s="438">
        <v>0</v>
      </c>
      <c r="CQ10" s="433">
        <v>394594288</v>
      </c>
      <c r="CR10" s="433">
        <v>591447832</v>
      </c>
      <c r="CS10" s="433">
        <v>382833589</v>
      </c>
      <c r="CT10" s="433">
        <v>244941334</v>
      </c>
      <c r="CU10" s="433">
        <v>131653765</v>
      </c>
      <c r="CV10" s="434">
        <v>1745470808</v>
      </c>
      <c r="CW10" s="436">
        <v>1745493724</v>
      </c>
      <c r="CX10" s="432">
        <v>16897911</v>
      </c>
      <c r="CY10" s="433">
        <v>51939032</v>
      </c>
      <c r="CZ10" s="434">
        <v>68836943</v>
      </c>
      <c r="DA10" s="432">
        <v>0</v>
      </c>
      <c r="DB10" s="433">
        <v>67004521</v>
      </c>
      <c r="DC10" s="433">
        <v>195513409</v>
      </c>
      <c r="DD10" s="433">
        <v>135700497</v>
      </c>
      <c r="DE10" s="433">
        <v>97161596</v>
      </c>
      <c r="DF10" s="433">
        <v>41384490</v>
      </c>
      <c r="DG10" s="434">
        <v>536764513</v>
      </c>
      <c r="DH10" s="436">
        <v>605601456</v>
      </c>
      <c r="DI10" s="432">
        <v>602561</v>
      </c>
      <c r="DJ10" s="433">
        <v>4517527</v>
      </c>
      <c r="DK10" s="437">
        <v>5120088</v>
      </c>
      <c r="DL10" s="438">
        <v>0</v>
      </c>
      <c r="DM10" s="433">
        <v>45518888</v>
      </c>
      <c r="DN10" s="433">
        <v>122981622</v>
      </c>
      <c r="DO10" s="433">
        <v>227124945</v>
      </c>
      <c r="DP10" s="433">
        <v>189951125</v>
      </c>
      <c r="DQ10" s="433">
        <v>111061758</v>
      </c>
      <c r="DR10" s="434">
        <v>696638338</v>
      </c>
      <c r="DS10" s="436">
        <v>701758426</v>
      </c>
      <c r="DT10" s="432">
        <v>568022</v>
      </c>
      <c r="DU10" s="433">
        <v>3853204</v>
      </c>
      <c r="DV10" s="434">
        <v>4421226</v>
      </c>
      <c r="DW10" s="432">
        <v>0</v>
      </c>
      <c r="DX10" s="433">
        <v>38686590</v>
      </c>
      <c r="DY10" s="433">
        <v>105148653</v>
      </c>
      <c r="DZ10" s="433">
        <v>195769978</v>
      </c>
      <c r="EA10" s="433">
        <v>159501519</v>
      </c>
      <c r="EB10" s="433">
        <v>91049027</v>
      </c>
      <c r="EC10" s="434">
        <v>590155767</v>
      </c>
      <c r="ED10" s="436">
        <v>594576993</v>
      </c>
      <c r="EE10" s="432">
        <v>34539</v>
      </c>
      <c r="EF10" s="437">
        <v>664323</v>
      </c>
      <c r="EG10" s="434">
        <v>698862</v>
      </c>
      <c r="EH10" s="432">
        <v>0</v>
      </c>
      <c r="EI10" s="433">
        <v>6832298</v>
      </c>
      <c r="EJ10" s="433">
        <v>17832969</v>
      </c>
      <c r="EK10" s="433">
        <v>31354967</v>
      </c>
      <c r="EL10" s="433">
        <v>30449606</v>
      </c>
      <c r="EM10" s="433">
        <v>20012731</v>
      </c>
      <c r="EN10" s="437">
        <v>106482571</v>
      </c>
      <c r="EO10" s="436">
        <v>107181433</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33672248</v>
      </c>
      <c r="FM10" s="433">
        <v>79430270</v>
      </c>
      <c r="FN10" s="434">
        <v>113102518</v>
      </c>
      <c r="FO10" s="432">
        <v>0</v>
      </c>
      <c r="FP10" s="433">
        <v>69930352</v>
      </c>
      <c r="FQ10" s="433">
        <v>272457352</v>
      </c>
      <c r="FR10" s="433">
        <v>181567169</v>
      </c>
      <c r="FS10" s="433">
        <v>159007299</v>
      </c>
      <c r="FT10" s="433">
        <v>124714588</v>
      </c>
      <c r="FU10" s="434">
        <v>807676760</v>
      </c>
      <c r="FV10" s="436">
        <v>920779278</v>
      </c>
      <c r="FW10" s="440">
        <v>16604094</v>
      </c>
      <c r="FX10" s="433">
        <v>57828203</v>
      </c>
      <c r="FY10" s="437">
        <v>74432297</v>
      </c>
      <c r="FZ10" s="438">
        <v>0</v>
      </c>
      <c r="GA10" s="433">
        <v>52215693</v>
      </c>
      <c r="GB10" s="433">
        <v>248660424</v>
      </c>
      <c r="GC10" s="433">
        <v>168613289</v>
      </c>
      <c r="GD10" s="433">
        <v>149420576</v>
      </c>
      <c r="GE10" s="433">
        <v>120477637</v>
      </c>
      <c r="GF10" s="434">
        <v>739387619</v>
      </c>
      <c r="GG10" s="441">
        <v>813819916</v>
      </c>
      <c r="GH10" s="440">
        <v>2053119</v>
      </c>
      <c r="GI10" s="433">
        <v>4118856</v>
      </c>
      <c r="GJ10" s="437">
        <v>6171975</v>
      </c>
      <c r="GK10" s="438">
        <v>0</v>
      </c>
      <c r="GL10" s="433">
        <v>4051119</v>
      </c>
      <c r="GM10" s="433">
        <v>7330084</v>
      </c>
      <c r="GN10" s="433">
        <v>4676046</v>
      </c>
      <c r="GO10" s="433">
        <v>3744341</v>
      </c>
      <c r="GP10" s="433">
        <v>1981796</v>
      </c>
      <c r="GQ10" s="434">
        <v>21783386</v>
      </c>
      <c r="GR10" s="436">
        <v>27955361</v>
      </c>
      <c r="GS10" s="432">
        <v>15015035</v>
      </c>
      <c r="GT10" s="433">
        <v>17483211</v>
      </c>
      <c r="GU10" s="434">
        <v>32498246</v>
      </c>
      <c r="GV10" s="432">
        <v>0</v>
      </c>
      <c r="GW10" s="433">
        <v>13663540</v>
      </c>
      <c r="GX10" s="433">
        <v>16466844</v>
      </c>
      <c r="GY10" s="433">
        <v>8277834</v>
      </c>
      <c r="GZ10" s="433">
        <v>5842382</v>
      </c>
      <c r="HA10" s="433">
        <v>2255155</v>
      </c>
      <c r="HB10" s="437">
        <v>46505755</v>
      </c>
      <c r="HC10" s="436">
        <v>79004001</v>
      </c>
      <c r="HD10" s="432">
        <v>42166362</v>
      </c>
      <c r="HE10" s="433">
        <v>57250307</v>
      </c>
      <c r="HF10" s="437">
        <v>99416669</v>
      </c>
      <c r="HG10" s="438">
        <v>0</v>
      </c>
      <c r="HH10" s="433">
        <v>419353775</v>
      </c>
      <c r="HI10" s="433">
        <v>491988024</v>
      </c>
      <c r="HJ10" s="433">
        <v>432613375</v>
      </c>
      <c r="HK10" s="433">
        <v>565684710</v>
      </c>
      <c r="HL10" s="433">
        <v>333861006</v>
      </c>
      <c r="HM10" s="434">
        <v>2243500890</v>
      </c>
      <c r="HN10" s="435">
        <v>2342917559</v>
      </c>
      <c r="HO10" s="440">
        <v>25535750</v>
      </c>
      <c r="HP10" s="433">
        <v>61142606</v>
      </c>
      <c r="HQ10" s="434">
        <v>86678356</v>
      </c>
      <c r="HR10" s="432">
        <v>0</v>
      </c>
      <c r="HS10" s="433">
        <v>284225451</v>
      </c>
      <c r="HT10" s="433">
        <v>411695965</v>
      </c>
      <c r="HU10" s="433">
        <v>250401293</v>
      </c>
      <c r="HV10" s="433">
        <v>172269458</v>
      </c>
      <c r="HW10" s="433">
        <v>107148400</v>
      </c>
      <c r="HX10" s="437">
        <v>1225740567</v>
      </c>
      <c r="HY10" s="436">
        <v>1312418923</v>
      </c>
      <c r="HZ10" s="442">
        <v>3747223</v>
      </c>
      <c r="IA10" s="443">
        <v>13061330</v>
      </c>
      <c r="IB10" s="444">
        <v>16808553</v>
      </c>
      <c r="IC10" s="445">
        <v>0</v>
      </c>
      <c r="ID10" s="446">
        <v>657264607</v>
      </c>
      <c r="IE10" s="447">
        <v>975895668</v>
      </c>
      <c r="IF10" s="448">
        <v>981742879</v>
      </c>
      <c r="IG10" s="446">
        <v>734952147</v>
      </c>
      <c r="IH10" s="448">
        <v>567742169</v>
      </c>
      <c r="II10" s="449">
        <v>3917597470</v>
      </c>
      <c r="IJ10" s="450">
        <v>3934406023</v>
      </c>
      <c r="IK10" s="451">
        <v>0</v>
      </c>
      <c r="IL10" s="452">
        <v>0</v>
      </c>
      <c r="IM10" s="453">
        <v>0</v>
      </c>
      <c r="IN10" s="454"/>
      <c r="IO10" s="455">
        <v>10871296</v>
      </c>
      <c r="IP10" s="455">
        <v>22179271</v>
      </c>
      <c r="IQ10" s="455">
        <v>33316262</v>
      </c>
      <c r="IR10" s="455">
        <v>48337129</v>
      </c>
      <c r="IS10" s="455">
        <v>50261443</v>
      </c>
      <c r="IT10" s="456">
        <v>164965401</v>
      </c>
      <c r="IU10" s="457">
        <v>164965401</v>
      </c>
      <c r="IV10" s="458">
        <v>0</v>
      </c>
      <c r="IW10" s="455">
        <v>0</v>
      </c>
      <c r="IX10" s="459">
        <v>0</v>
      </c>
      <c r="IY10" s="460"/>
      <c r="IZ10" s="455">
        <v>2375841</v>
      </c>
      <c r="JA10" s="455">
        <v>8169352</v>
      </c>
      <c r="JB10" s="455">
        <v>9179823</v>
      </c>
      <c r="JC10" s="455">
        <v>11342867</v>
      </c>
      <c r="JD10" s="455">
        <v>13858495</v>
      </c>
      <c r="JE10" s="459">
        <v>44926378</v>
      </c>
      <c r="JF10" s="461">
        <v>44926378</v>
      </c>
      <c r="JG10" s="458">
        <v>0</v>
      </c>
      <c r="JH10" s="455">
        <v>0</v>
      </c>
      <c r="JI10" s="456">
        <v>0</v>
      </c>
      <c r="JJ10" s="462">
        <v>0</v>
      </c>
      <c r="JK10" s="455">
        <v>215690054</v>
      </c>
      <c r="JL10" s="455">
        <v>333355313</v>
      </c>
      <c r="JM10" s="455">
        <v>252440883</v>
      </c>
      <c r="JN10" s="455">
        <v>160843792</v>
      </c>
      <c r="JO10" s="455">
        <v>87519641</v>
      </c>
      <c r="JP10" s="459">
        <v>1049849683</v>
      </c>
      <c r="JQ10" s="457">
        <v>1049849683</v>
      </c>
      <c r="JR10" s="458">
        <v>135786</v>
      </c>
      <c r="JS10" s="455">
        <v>107026</v>
      </c>
      <c r="JT10" s="456">
        <v>242812</v>
      </c>
      <c r="JU10" s="462">
        <v>0</v>
      </c>
      <c r="JV10" s="455">
        <v>34385761</v>
      </c>
      <c r="JW10" s="455">
        <v>59502108</v>
      </c>
      <c r="JX10" s="455">
        <v>89137256</v>
      </c>
      <c r="JY10" s="455">
        <v>53119787</v>
      </c>
      <c r="JZ10" s="455">
        <v>45230926</v>
      </c>
      <c r="KA10" s="459">
        <v>281375838</v>
      </c>
      <c r="KB10" s="457">
        <v>281618650</v>
      </c>
      <c r="KC10" s="463">
        <v>3611437</v>
      </c>
      <c r="KD10" s="464">
        <v>9357590</v>
      </c>
      <c r="KE10" s="459">
        <v>12969027</v>
      </c>
      <c r="KF10" s="462">
        <v>0</v>
      </c>
      <c r="KG10" s="455">
        <v>74844614</v>
      </c>
      <c r="KH10" s="455">
        <v>136186022</v>
      </c>
      <c r="KI10" s="455">
        <v>154113770</v>
      </c>
      <c r="KJ10" s="455">
        <v>129457307</v>
      </c>
      <c r="KK10" s="455">
        <v>83098664</v>
      </c>
      <c r="KL10" s="459">
        <v>577700377</v>
      </c>
      <c r="KM10" s="465">
        <v>590669404</v>
      </c>
      <c r="KN10" s="451">
        <v>0</v>
      </c>
      <c r="KO10" s="452">
        <v>3596714</v>
      </c>
      <c r="KP10" s="453">
        <v>3596714</v>
      </c>
      <c r="KQ10" s="454"/>
      <c r="KR10" s="455">
        <v>310465067</v>
      </c>
      <c r="KS10" s="455">
        <v>395833328</v>
      </c>
      <c r="KT10" s="455">
        <v>411652574</v>
      </c>
      <c r="KU10" s="455">
        <v>285561780</v>
      </c>
      <c r="KV10" s="455">
        <v>214797082</v>
      </c>
      <c r="KW10" s="459">
        <v>1618309831</v>
      </c>
      <c r="KX10" s="457">
        <v>1621906545</v>
      </c>
      <c r="KY10" s="458">
        <v>0</v>
      </c>
      <c r="KZ10" s="455">
        <v>0</v>
      </c>
      <c r="LA10" s="459">
        <v>0</v>
      </c>
      <c r="LB10" s="466"/>
      <c r="LC10" s="455">
        <v>175400</v>
      </c>
      <c r="LD10" s="455">
        <v>197079</v>
      </c>
      <c r="LE10" s="455">
        <v>878932</v>
      </c>
      <c r="LF10" s="455">
        <v>240765</v>
      </c>
      <c r="LG10" s="455">
        <v>1315500</v>
      </c>
      <c r="LH10" s="459">
        <v>2807676</v>
      </c>
      <c r="LI10" s="461">
        <v>2807676</v>
      </c>
      <c r="LJ10" s="458">
        <v>0</v>
      </c>
      <c r="LK10" s="455">
        <v>0</v>
      </c>
      <c r="LL10" s="459">
        <v>0</v>
      </c>
      <c r="LM10" s="466"/>
      <c r="LN10" s="455">
        <v>1028126</v>
      </c>
      <c r="LO10" s="455">
        <v>3232941</v>
      </c>
      <c r="LP10" s="455">
        <v>9016862</v>
      </c>
      <c r="LQ10" s="455">
        <v>13524919</v>
      </c>
      <c r="LR10" s="455">
        <v>7766964</v>
      </c>
      <c r="LS10" s="459">
        <v>34569812</v>
      </c>
      <c r="LT10" s="457">
        <v>34569812</v>
      </c>
      <c r="LU10" s="458">
        <v>0</v>
      </c>
      <c r="LV10" s="455">
        <v>0</v>
      </c>
      <c r="LW10" s="459">
        <v>0</v>
      </c>
      <c r="LX10" s="466"/>
      <c r="LY10" s="455">
        <v>7428448</v>
      </c>
      <c r="LZ10" s="455">
        <v>17240254</v>
      </c>
      <c r="MA10" s="455">
        <v>22006517</v>
      </c>
      <c r="MB10" s="455">
        <v>32523801</v>
      </c>
      <c r="MC10" s="455">
        <v>63893454</v>
      </c>
      <c r="MD10" s="459">
        <v>143092474</v>
      </c>
      <c r="ME10" s="461">
        <v>143092474</v>
      </c>
      <c r="MF10" s="458">
        <v>0</v>
      </c>
      <c r="MG10" s="455">
        <v>0</v>
      </c>
      <c r="MH10" s="459">
        <v>0</v>
      </c>
      <c r="MI10" s="466"/>
      <c r="MJ10" s="455">
        <v>223862180</v>
      </c>
      <c r="MK10" s="455">
        <v>687031524</v>
      </c>
      <c r="ML10" s="455">
        <v>1783332338</v>
      </c>
      <c r="MM10" s="455">
        <v>2627655293</v>
      </c>
      <c r="MN10" s="455">
        <v>1936938531</v>
      </c>
      <c r="MO10" s="459">
        <v>7258819866</v>
      </c>
      <c r="MP10" s="465">
        <v>7258819866</v>
      </c>
      <c r="MQ10" s="458">
        <v>0</v>
      </c>
      <c r="MR10" s="455">
        <v>0</v>
      </c>
      <c r="MS10" s="459">
        <v>0</v>
      </c>
      <c r="MT10" s="466"/>
      <c r="MU10" s="455">
        <v>54333657</v>
      </c>
      <c r="MV10" s="455">
        <v>235592518</v>
      </c>
      <c r="MW10" s="455">
        <v>1135850824</v>
      </c>
      <c r="MX10" s="455">
        <v>1746957529</v>
      </c>
      <c r="MY10" s="455">
        <v>1375983741</v>
      </c>
      <c r="MZ10" s="459">
        <v>4548718269</v>
      </c>
      <c r="NA10" s="465">
        <v>4548718269</v>
      </c>
      <c r="NB10" s="458">
        <v>0</v>
      </c>
      <c r="NC10" s="455">
        <v>0</v>
      </c>
      <c r="ND10" s="459">
        <v>0</v>
      </c>
      <c r="NE10" s="466"/>
      <c r="NF10" s="455">
        <v>169295927</v>
      </c>
      <c r="NG10" s="455">
        <v>450105708</v>
      </c>
      <c r="NH10" s="455">
        <v>641150812</v>
      </c>
      <c r="NI10" s="455">
        <v>830358853</v>
      </c>
      <c r="NJ10" s="455">
        <v>487974640</v>
      </c>
      <c r="NK10" s="459">
        <v>2578885940</v>
      </c>
      <c r="NL10" s="457">
        <v>2578885940</v>
      </c>
      <c r="NM10" s="458">
        <v>0</v>
      </c>
      <c r="NN10" s="455">
        <v>0</v>
      </c>
      <c r="NO10" s="459">
        <v>0</v>
      </c>
      <c r="NP10" s="466"/>
      <c r="NQ10" s="455">
        <v>0</v>
      </c>
      <c r="NR10" s="455">
        <v>0</v>
      </c>
      <c r="NS10" s="455">
        <v>654846</v>
      </c>
      <c r="NT10" s="455">
        <v>18696543</v>
      </c>
      <c r="NU10" s="455">
        <v>32475981</v>
      </c>
      <c r="NV10" s="459">
        <v>51827370</v>
      </c>
      <c r="NW10" s="461">
        <v>51827370</v>
      </c>
      <c r="NX10" s="458">
        <v>0</v>
      </c>
      <c r="NY10" s="455">
        <v>0</v>
      </c>
      <c r="NZ10" s="459">
        <v>0</v>
      </c>
      <c r="OA10" s="466"/>
      <c r="OB10" s="455">
        <v>232596</v>
      </c>
      <c r="OC10" s="455">
        <v>1333298</v>
      </c>
      <c r="OD10" s="455">
        <v>5675856</v>
      </c>
      <c r="OE10" s="455">
        <v>31642368</v>
      </c>
      <c r="OF10" s="455">
        <v>40504169</v>
      </c>
      <c r="OG10" s="459">
        <v>79388287</v>
      </c>
      <c r="OH10" s="461">
        <v>79388287</v>
      </c>
      <c r="OI10" s="458">
        <v>162609863</v>
      </c>
      <c r="OJ10" s="455">
        <v>389531463</v>
      </c>
      <c r="OK10" s="456">
        <v>552141326</v>
      </c>
      <c r="OL10" s="462">
        <v>0</v>
      </c>
      <c r="OM10" s="455">
        <v>2690497472</v>
      </c>
      <c r="ON10" s="455">
        <v>4800802838</v>
      </c>
      <c r="OO10" s="455">
        <v>5168536410</v>
      </c>
      <c r="OP10" s="455">
        <v>5638232400</v>
      </c>
      <c r="OQ10" s="455">
        <v>4241278892</v>
      </c>
      <c r="OR10" s="459">
        <v>22539348012</v>
      </c>
      <c r="OS10" s="465">
        <v>23091489338</v>
      </c>
    </row>
    <row r="11" spans="1:409" ht="21" customHeight="1" x14ac:dyDescent="0.2">
      <c r="B11" s="62" t="s">
        <v>6</v>
      </c>
      <c r="C11" s="110">
        <v>50872100</v>
      </c>
      <c r="D11" s="114">
        <v>93979259</v>
      </c>
      <c r="E11" s="113">
        <v>144851359</v>
      </c>
      <c r="F11" s="109">
        <v>0</v>
      </c>
      <c r="G11" s="114">
        <v>861532671</v>
      </c>
      <c r="H11" s="114">
        <v>906998364</v>
      </c>
      <c r="I11" s="114">
        <v>851804671</v>
      </c>
      <c r="J11" s="114">
        <v>869752990</v>
      </c>
      <c r="K11" s="114">
        <v>669510607</v>
      </c>
      <c r="L11" s="109">
        <v>4159599303</v>
      </c>
      <c r="M11" s="116">
        <v>4304450662</v>
      </c>
      <c r="N11" s="110">
        <v>13989906</v>
      </c>
      <c r="O11" s="114">
        <v>29125707</v>
      </c>
      <c r="P11" s="113">
        <v>43115613</v>
      </c>
      <c r="Q11" s="110">
        <v>0</v>
      </c>
      <c r="R11" s="114">
        <v>270384242</v>
      </c>
      <c r="S11" s="114">
        <v>314665992</v>
      </c>
      <c r="T11" s="114">
        <v>304300389</v>
      </c>
      <c r="U11" s="114">
        <v>347451937</v>
      </c>
      <c r="V11" s="114">
        <v>353989366</v>
      </c>
      <c r="W11" s="113">
        <v>1590791926</v>
      </c>
      <c r="X11" s="116">
        <v>1633907539</v>
      </c>
      <c r="Y11" s="110">
        <v>0</v>
      </c>
      <c r="Z11" s="114">
        <v>0</v>
      </c>
      <c r="AA11" s="113">
        <v>0</v>
      </c>
      <c r="AB11" s="110">
        <v>0</v>
      </c>
      <c r="AC11" s="114">
        <v>132819171</v>
      </c>
      <c r="AD11" s="114">
        <v>163437095</v>
      </c>
      <c r="AE11" s="114">
        <v>178932985</v>
      </c>
      <c r="AF11" s="114">
        <v>208306005</v>
      </c>
      <c r="AG11" s="114">
        <v>215388607</v>
      </c>
      <c r="AH11" s="113">
        <v>898883863</v>
      </c>
      <c r="AI11" s="116">
        <v>898883863</v>
      </c>
      <c r="AJ11" s="110">
        <v>11418</v>
      </c>
      <c r="AK11" s="114">
        <v>55463</v>
      </c>
      <c r="AL11" s="113">
        <v>66881</v>
      </c>
      <c r="AM11" s="110">
        <v>0</v>
      </c>
      <c r="AN11" s="114">
        <v>752992</v>
      </c>
      <c r="AO11" s="114">
        <v>3117909</v>
      </c>
      <c r="AP11" s="114">
        <v>6102034</v>
      </c>
      <c r="AQ11" s="114">
        <v>16784567</v>
      </c>
      <c r="AR11" s="114">
        <v>34078652</v>
      </c>
      <c r="AS11" s="113">
        <v>60836154</v>
      </c>
      <c r="AT11" s="116">
        <v>60903035</v>
      </c>
      <c r="AU11" s="110">
        <v>7376624</v>
      </c>
      <c r="AV11" s="114">
        <v>20834499</v>
      </c>
      <c r="AW11" s="113">
        <v>28211123</v>
      </c>
      <c r="AX11" s="110">
        <v>0</v>
      </c>
      <c r="AY11" s="114">
        <v>84168753</v>
      </c>
      <c r="AZ11" s="114">
        <v>90581861</v>
      </c>
      <c r="BA11" s="114">
        <v>66715811</v>
      </c>
      <c r="BB11" s="114">
        <v>70416196</v>
      </c>
      <c r="BC11" s="114">
        <v>63312930</v>
      </c>
      <c r="BD11" s="113">
        <v>375195551</v>
      </c>
      <c r="BE11" s="116">
        <v>403406674</v>
      </c>
      <c r="BF11" s="110">
        <v>525010</v>
      </c>
      <c r="BG11" s="114">
        <v>1714839</v>
      </c>
      <c r="BH11" s="112">
        <v>2239849</v>
      </c>
      <c r="BI11" s="111">
        <v>0</v>
      </c>
      <c r="BJ11" s="114">
        <v>6533830</v>
      </c>
      <c r="BK11" s="114">
        <v>7762546</v>
      </c>
      <c r="BL11" s="114">
        <v>5395790</v>
      </c>
      <c r="BM11" s="114">
        <v>4694824</v>
      </c>
      <c r="BN11" s="114">
        <v>2704230</v>
      </c>
      <c r="BO11" s="113">
        <v>27091220</v>
      </c>
      <c r="BP11" s="116">
        <v>29331069</v>
      </c>
      <c r="BQ11" s="110">
        <v>6076854</v>
      </c>
      <c r="BR11" s="114">
        <v>6520906</v>
      </c>
      <c r="BS11" s="113">
        <v>12597760</v>
      </c>
      <c r="BT11" s="110">
        <v>0</v>
      </c>
      <c r="BU11" s="114">
        <v>46109496</v>
      </c>
      <c r="BV11" s="114">
        <v>49766581</v>
      </c>
      <c r="BW11" s="114">
        <v>47153769</v>
      </c>
      <c r="BX11" s="114">
        <v>47250345</v>
      </c>
      <c r="BY11" s="114">
        <v>38504947</v>
      </c>
      <c r="BZ11" s="113">
        <v>228785138</v>
      </c>
      <c r="CA11" s="116">
        <v>241382898</v>
      </c>
      <c r="CB11" s="110">
        <v>2482149</v>
      </c>
      <c r="CC11" s="114">
        <v>8726227</v>
      </c>
      <c r="CD11" s="113">
        <v>11208376</v>
      </c>
      <c r="CE11" s="110">
        <v>0</v>
      </c>
      <c r="CF11" s="114">
        <v>240297963</v>
      </c>
      <c r="CG11" s="114">
        <v>235266243</v>
      </c>
      <c r="CH11" s="114">
        <v>192356069</v>
      </c>
      <c r="CI11" s="114">
        <v>143408426</v>
      </c>
      <c r="CJ11" s="114">
        <v>71044362</v>
      </c>
      <c r="CK11" s="113">
        <v>882373063</v>
      </c>
      <c r="CL11" s="116">
        <v>893581439</v>
      </c>
      <c r="CM11" s="110">
        <v>0</v>
      </c>
      <c r="CN11" s="114">
        <v>0</v>
      </c>
      <c r="CO11" s="113">
        <v>0</v>
      </c>
      <c r="CP11" s="111">
        <v>0</v>
      </c>
      <c r="CQ11" s="114">
        <v>207611392</v>
      </c>
      <c r="CR11" s="114">
        <v>188780448</v>
      </c>
      <c r="CS11" s="114">
        <v>148667385</v>
      </c>
      <c r="CT11" s="114">
        <v>110329146</v>
      </c>
      <c r="CU11" s="114">
        <v>58503128</v>
      </c>
      <c r="CV11" s="113">
        <v>713891499</v>
      </c>
      <c r="CW11" s="116">
        <v>713891499</v>
      </c>
      <c r="CX11" s="110">
        <v>2482149</v>
      </c>
      <c r="CY11" s="114">
        <v>8726227</v>
      </c>
      <c r="CZ11" s="113">
        <v>11208376</v>
      </c>
      <c r="DA11" s="110">
        <v>0</v>
      </c>
      <c r="DB11" s="114">
        <v>32686571</v>
      </c>
      <c r="DC11" s="114">
        <v>46485795</v>
      </c>
      <c r="DD11" s="114">
        <v>43688684</v>
      </c>
      <c r="DE11" s="114">
        <v>33079280</v>
      </c>
      <c r="DF11" s="114">
        <v>12541234</v>
      </c>
      <c r="DG11" s="113">
        <v>168481564</v>
      </c>
      <c r="DH11" s="116">
        <v>179689940</v>
      </c>
      <c r="DI11" s="110">
        <v>220797</v>
      </c>
      <c r="DJ11" s="114">
        <v>1709062</v>
      </c>
      <c r="DK11" s="112">
        <v>1929859</v>
      </c>
      <c r="DL11" s="111">
        <v>0</v>
      </c>
      <c r="DM11" s="114">
        <v>17915966</v>
      </c>
      <c r="DN11" s="114">
        <v>32640636</v>
      </c>
      <c r="DO11" s="114">
        <v>60402500</v>
      </c>
      <c r="DP11" s="114">
        <v>59320510</v>
      </c>
      <c r="DQ11" s="114">
        <v>30429800</v>
      </c>
      <c r="DR11" s="113">
        <v>200709412</v>
      </c>
      <c r="DS11" s="116">
        <v>202639271</v>
      </c>
      <c r="DT11" s="110">
        <v>174932</v>
      </c>
      <c r="DU11" s="114">
        <v>1521712</v>
      </c>
      <c r="DV11" s="113">
        <v>1696644</v>
      </c>
      <c r="DW11" s="110">
        <v>0</v>
      </c>
      <c r="DX11" s="114">
        <v>16033749</v>
      </c>
      <c r="DY11" s="114">
        <v>29937031</v>
      </c>
      <c r="DZ11" s="114">
        <v>53438571</v>
      </c>
      <c r="EA11" s="114">
        <v>51970539</v>
      </c>
      <c r="EB11" s="114">
        <v>26732875</v>
      </c>
      <c r="EC11" s="113">
        <v>178112765</v>
      </c>
      <c r="ED11" s="116">
        <v>179809409</v>
      </c>
      <c r="EE11" s="110">
        <v>45865</v>
      </c>
      <c r="EF11" s="112">
        <v>187350</v>
      </c>
      <c r="EG11" s="113">
        <v>233215</v>
      </c>
      <c r="EH11" s="110">
        <v>0</v>
      </c>
      <c r="EI11" s="114">
        <v>1882217</v>
      </c>
      <c r="EJ11" s="114">
        <v>2703605</v>
      </c>
      <c r="EK11" s="114">
        <v>6963929</v>
      </c>
      <c r="EL11" s="114">
        <v>7349971</v>
      </c>
      <c r="EM11" s="114">
        <v>3696925</v>
      </c>
      <c r="EN11" s="112">
        <v>22596647</v>
      </c>
      <c r="EO11" s="116">
        <v>22829862</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10023208</v>
      </c>
      <c r="FM11" s="114">
        <v>20086273</v>
      </c>
      <c r="FN11" s="113">
        <v>30109481</v>
      </c>
      <c r="FO11" s="110">
        <v>0</v>
      </c>
      <c r="FP11" s="114">
        <v>44946804</v>
      </c>
      <c r="FQ11" s="114">
        <v>80684609</v>
      </c>
      <c r="FR11" s="114">
        <v>66470488</v>
      </c>
      <c r="FS11" s="114">
        <v>67757448</v>
      </c>
      <c r="FT11" s="114">
        <v>48216389</v>
      </c>
      <c r="FU11" s="113">
        <v>308075738</v>
      </c>
      <c r="FV11" s="116">
        <v>338185219</v>
      </c>
      <c r="FW11" s="115">
        <v>6996255</v>
      </c>
      <c r="FX11" s="114">
        <v>17062253</v>
      </c>
      <c r="FY11" s="112">
        <v>24058508</v>
      </c>
      <c r="FZ11" s="111">
        <v>0</v>
      </c>
      <c r="GA11" s="114">
        <v>39328688</v>
      </c>
      <c r="GB11" s="114">
        <v>75625021</v>
      </c>
      <c r="GC11" s="114">
        <v>62747353</v>
      </c>
      <c r="GD11" s="114">
        <v>64433239</v>
      </c>
      <c r="GE11" s="114">
        <v>46968254</v>
      </c>
      <c r="GF11" s="113">
        <v>289102555</v>
      </c>
      <c r="GG11" s="318">
        <v>313161063</v>
      </c>
      <c r="GH11" s="115">
        <v>579434</v>
      </c>
      <c r="GI11" s="114">
        <v>1058477</v>
      </c>
      <c r="GJ11" s="112">
        <v>1637911</v>
      </c>
      <c r="GK11" s="111">
        <v>0</v>
      </c>
      <c r="GL11" s="114">
        <v>1511830</v>
      </c>
      <c r="GM11" s="114">
        <v>2255018</v>
      </c>
      <c r="GN11" s="114">
        <v>1797307</v>
      </c>
      <c r="GO11" s="114">
        <v>1590517</v>
      </c>
      <c r="GP11" s="114">
        <v>931655</v>
      </c>
      <c r="GQ11" s="113">
        <v>8086327</v>
      </c>
      <c r="GR11" s="116">
        <v>9724238</v>
      </c>
      <c r="GS11" s="110">
        <v>2447519</v>
      </c>
      <c r="GT11" s="114">
        <v>1965543</v>
      </c>
      <c r="GU11" s="113">
        <v>4413062</v>
      </c>
      <c r="GV11" s="110">
        <v>0</v>
      </c>
      <c r="GW11" s="114">
        <v>4106286</v>
      </c>
      <c r="GX11" s="114">
        <v>2804570</v>
      </c>
      <c r="GY11" s="114">
        <v>1925828</v>
      </c>
      <c r="GZ11" s="114">
        <v>1733692</v>
      </c>
      <c r="HA11" s="114">
        <v>316480</v>
      </c>
      <c r="HB11" s="112">
        <v>10886856</v>
      </c>
      <c r="HC11" s="116">
        <v>15299918</v>
      </c>
      <c r="HD11" s="110">
        <v>14587723</v>
      </c>
      <c r="HE11" s="114">
        <v>17904111</v>
      </c>
      <c r="HF11" s="112">
        <v>32491834</v>
      </c>
      <c r="HG11" s="111">
        <v>0</v>
      </c>
      <c r="HH11" s="114">
        <v>146705419</v>
      </c>
      <c r="HI11" s="114">
        <v>135342392</v>
      </c>
      <c r="HJ11" s="114">
        <v>145793071</v>
      </c>
      <c r="HK11" s="114">
        <v>186420643</v>
      </c>
      <c r="HL11" s="114">
        <v>126450051</v>
      </c>
      <c r="HM11" s="113">
        <v>740711576</v>
      </c>
      <c r="HN11" s="109">
        <v>773203410</v>
      </c>
      <c r="HO11" s="115">
        <v>9568317</v>
      </c>
      <c r="HP11" s="114">
        <v>16427879</v>
      </c>
      <c r="HQ11" s="113">
        <v>25996196</v>
      </c>
      <c r="HR11" s="110">
        <v>0</v>
      </c>
      <c r="HS11" s="114">
        <v>141282277</v>
      </c>
      <c r="HT11" s="114">
        <v>108398492</v>
      </c>
      <c r="HU11" s="114">
        <v>82482154</v>
      </c>
      <c r="HV11" s="114">
        <v>65394026</v>
      </c>
      <c r="HW11" s="114">
        <v>39380639</v>
      </c>
      <c r="HX11" s="112">
        <v>436937588</v>
      </c>
      <c r="HY11" s="116">
        <v>462933784</v>
      </c>
      <c r="HZ11" s="131">
        <v>1053983</v>
      </c>
      <c r="IA11" s="132">
        <v>3781220</v>
      </c>
      <c r="IB11" s="133">
        <v>4835203</v>
      </c>
      <c r="IC11" s="146">
        <v>0</v>
      </c>
      <c r="ID11" s="132">
        <v>282647073</v>
      </c>
      <c r="IE11" s="147">
        <v>332906283</v>
      </c>
      <c r="IF11" s="133">
        <v>367189861</v>
      </c>
      <c r="IG11" s="132">
        <v>308350181</v>
      </c>
      <c r="IH11" s="133">
        <v>228667082</v>
      </c>
      <c r="II11" s="148">
        <v>1519760480</v>
      </c>
      <c r="IJ11" s="139">
        <v>1524595683</v>
      </c>
      <c r="IK11" s="232">
        <v>0</v>
      </c>
      <c r="IL11" s="236">
        <v>0</v>
      </c>
      <c r="IM11" s="237">
        <v>0</v>
      </c>
      <c r="IN11" s="140"/>
      <c r="IO11" s="119">
        <v>5901620</v>
      </c>
      <c r="IP11" s="119">
        <v>10467562</v>
      </c>
      <c r="IQ11" s="119">
        <v>13338575</v>
      </c>
      <c r="IR11" s="119">
        <v>26129325</v>
      </c>
      <c r="IS11" s="119">
        <v>30006396</v>
      </c>
      <c r="IT11" s="141">
        <v>85843478</v>
      </c>
      <c r="IU11" s="320">
        <v>85843478</v>
      </c>
      <c r="IV11" s="142">
        <v>0</v>
      </c>
      <c r="IW11" s="119">
        <v>0</v>
      </c>
      <c r="IX11" s="120">
        <v>0</v>
      </c>
      <c r="IY11" s="144"/>
      <c r="IZ11" s="119">
        <v>1501679</v>
      </c>
      <c r="JA11" s="119">
        <v>1968521</v>
      </c>
      <c r="JB11" s="119">
        <v>2174688</v>
      </c>
      <c r="JC11" s="119">
        <v>2821099</v>
      </c>
      <c r="JD11" s="119">
        <v>3489830</v>
      </c>
      <c r="JE11" s="120">
        <v>11955817</v>
      </c>
      <c r="JF11" s="121">
        <v>11955817</v>
      </c>
      <c r="JG11" s="142">
        <v>0</v>
      </c>
      <c r="JH11" s="119">
        <v>0</v>
      </c>
      <c r="JI11" s="141">
        <v>0</v>
      </c>
      <c r="JJ11" s="118">
        <v>0</v>
      </c>
      <c r="JK11" s="119">
        <v>92002137</v>
      </c>
      <c r="JL11" s="119">
        <v>81530660</v>
      </c>
      <c r="JM11" s="119">
        <v>69846079</v>
      </c>
      <c r="JN11" s="119">
        <v>47533367</v>
      </c>
      <c r="JO11" s="119">
        <v>26417691</v>
      </c>
      <c r="JP11" s="120">
        <v>317329934</v>
      </c>
      <c r="JQ11" s="320">
        <v>317329934</v>
      </c>
      <c r="JR11" s="142">
        <v>83915</v>
      </c>
      <c r="JS11" s="119">
        <v>34956</v>
      </c>
      <c r="JT11" s="141">
        <v>118871</v>
      </c>
      <c r="JU11" s="118">
        <v>0</v>
      </c>
      <c r="JV11" s="119">
        <v>17125983</v>
      </c>
      <c r="JW11" s="119">
        <v>23931334</v>
      </c>
      <c r="JX11" s="119">
        <v>30775420</v>
      </c>
      <c r="JY11" s="119">
        <v>23083580</v>
      </c>
      <c r="JZ11" s="119">
        <v>14474252</v>
      </c>
      <c r="KA11" s="120">
        <v>109390569</v>
      </c>
      <c r="KB11" s="320">
        <v>109509440</v>
      </c>
      <c r="KC11" s="234">
        <v>970068</v>
      </c>
      <c r="KD11" s="230">
        <v>2702806</v>
      </c>
      <c r="KE11" s="120">
        <v>3672874</v>
      </c>
      <c r="KF11" s="118">
        <v>0</v>
      </c>
      <c r="KG11" s="119">
        <v>30980794</v>
      </c>
      <c r="KH11" s="119">
        <v>43949837</v>
      </c>
      <c r="KI11" s="119">
        <v>50909581</v>
      </c>
      <c r="KJ11" s="119">
        <v>40337979</v>
      </c>
      <c r="KK11" s="119">
        <v>23457407</v>
      </c>
      <c r="KL11" s="120">
        <v>189635598</v>
      </c>
      <c r="KM11" s="143">
        <v>193308472</v>
      </c>
      <c r="KN11" s="232">
        <v>0</v>
      </c>
      <c r="KO11" s="236">
        <v>1043458</v>
      </c>
      <c r="KP11" s="237">
        <v>1043458</v>
      </c>
      <c r="KQ11" s="140"/>
      <c r="KR11" s="119">
        <v>124464653</v>
      </c>
      <c r="KS11" s="119">
        <v>150155348</v>
      </c>
      <c r="KT11" s="119">
        <v>160342122</v>
      </c>
      <c r="KU11" s="119">
        <v>110422781</v>
      </c>
      <c r="KV11" s="119">
        <v>76437662</v>
      </c>
      <c r="KW11" s="120">
        <v>621822566</v>
      </c>
      <c r="KX11" s="320">
        <v>622866024</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934531</v>
      </c>
      <c r="LO11" s="119">
        <v>2057670</v>
      </c>
      <c r="LP11" s="119">
        <v>19167847</v>
      </c>
      <c r="LQ11" s="119">
        <v>29251580</v>
      </c>
      <c r="LR11" s="119">
        <v>21827139</v>
      </c>
      <c r="LS11" s="120">
        <v>73238767</v>
      </c>
      <c r="LT11" s="320">
        <v>73238767</v>
      </c>
      <c r="LU11" s="142">
        <v>0</v>
      </c>
      <c r="LV11" s="119">
        <v>0</v>
      </c>
      <c r="LW11" s="120">
        <v>0</v>
      </c>
      <c r="LX11" s="145"/>
      <c r="LY11" s="119">
        <v>9735676</v>
      </c>
      <c r="LZ11" s="119">
        <v>18845351</v>
      </c>
      <c r="MA11" s="119">
        <v>20635549</v>
      </c>
      <c r="MB11" s="119">
        <v>28770470</v>
      </c>
      <c r="MC11" s="119">
        <v>32556705</v>
      </c>
      <c r="MD11" s="120">
        <v>110543751</v>
      </c>
      <c r="ME11" s="121">
        <v>110543751</v>
      </c>
      <c r="MF11" s="142">
        <v>0</v>
      </c>
      <c r="MG11" s="119">
        <v>0</v>
      </c>
      <c r="MH11" s="120">
        <v>0</v>
      </c>
      <c r="MI11" s="145"/>
      <c r="MJ11" s="119">
        <v>73919617</v>
      </c>
      <c r="MK11" s="119">
        <v>134982055</v>
      </c>
      <c r="ML11" s="119">
        <v>483616559</v>
      </c>
      <c r="MM11" s="119">
        <v>758179464</v>
      </c>
      <c r="MN11" s="119">
        <v>554578641</v>
      </c>
      <c r="MO11" s="120">
        <v>2005276336</v>
      </c>
      <c r="MP11" s="143">
        <v>2005276336</v>
      </c>
      <c r="MQ11" s="142">
        <v>0</v>
      </c>
      <c r="MR11" s="119">
        <v>0</v>
      </c>
      <c r="MS11" s="120">
        <v>0</v>
      </c>
      <c r="MT11" s="145"/>
      <c r="MU11" s="119">
        <v>18530545</v>
      </c>
      <c r="MV11" s="119">
        <v>40955496</v>
      </c>
      <c r="MW11" s="119">
        <v>334968626</v>
      </c>
      <c r="MX11" s="119">
        <v>501181507</v>
      </c>
      <c r="MY11" s="119">
        <v>384713254</v>
      </c>
      <c r="MZ11" s="120">
        <v>1280349428</v>
      </c>
      <c r="NA11" s="143">
        <v>1280349428</v>
      </c>
      <c r="NB11" s="142">
        <v>0</v>
      </c>
      <c r="NC11" s="119">
        <v>0</v>
      </c>
      <c r="ND11" s="120">
        <v>0</v>
      </c>
      <c r="NE11" s="145"/>
      <c r="NF11" s="119">
        <v>55389072</v>
      </c>
      <c r="NG11" s="119">
        <v>93764398</v>
      </c>
      <c r="NH11" s="119">
        <v>144348011</v>
      </c>
      <c r="NI11" s="119">
        <v>220897991</v>
      </c>
      <c r="NJ11" s="119">
        <v>105829896</v>
      </c>
      <c r="NK11" s="120">
        <v>620229368</v>
      </c>
      <c r="NL11" s="320">
        <v>620229368</v>
      </c>
      <c r="NM11" s="142">
        <v>0</v>
      </c>
      <c r="NN11" s="119">
        <v>0</v>
      </c>
      <c r="NO11" s="120">
        <v>0</v>
      </c>
      <c r="NP11" s="145"/>
      <c r="NQ11" s="119">
        <v>0</v>
      </c>
      <c r="NR11" s="119">
        <v>0</v>
      </c>
      <c r="NS11" s="119">
        <v>3109825</v>
      </c>
      <c r="NT11" s="119">
        <v>20563618</v>
      </c>
      <c r="NU11" s="119">
        <v>34732714</v>
      </c>
      <c r="NV11" s="120">
        <v>58406157</v>
      </c>
      <c r="NW11" s="121">
        <v>58406157</v>
      </c>
      <c r="NX11" s="142">
        <v>0</v>
      </c>
      <c r="NY11" s="119">
        <v>0</v>
      </c>
      <c r="NZ11" s="120">
        <v>0</v>
      </c>
      <c r="OA11" s="145"/>
      <c r="OB11" s="119">
        <v>0</v>
      </c>
      <c r="OC11" s="119">
        <v>262161</v>
      </c>
      <c r="OD11" s="119">
        <v>1190097</v>
      </c>
      <c r="OE11" s="119">
        <v>15536348</v>
      </c>
      <c r="OF11" s="119">
        <v>29302777</v>
      </c>
      <c r="OG11" s="120">
        <v>46291383</v>
      </c>
      <c r="OH11" s="121">
        <v>46291383</v>
      </c>
      <c r="OI11" s="142">
        <v>51926083</v>
      </c>
      <c r="OJ11" s="119">
        <v>97760479</v>
      </c>
      <c r="OK11" s="141">
        <v>149686562</v>
      </c>
      <c r="OL11" s="118">
        <v>0</v>
      </c>
      <c r="OM11" s="119">
        <v>1218099361</v>
      </c>
      <c r="ON11" s="119">
        <v>1374886702</v>
      </c>
      <c r="OO11" s="119">
        <v>1702611091</v>
      </c>
      <c r="OP11" s="119">
        <v>1936282635</v>
      </c>
      <c r="OQ11" s="119">
        <v>1452756330</v>
      </c>
      <c r="OR11" s="120">
        <v>7684636119</v>
      </c>
      <c r="OS11" s="143">
        <v>7834322681</v>
      </c>
    </row>
    <row r="12" spans="1:409" ht="21" customHeight="1" x14ac:dyDescent="0.2">
      <c r="B12" s="62" t="s">
        <v>14</v>
      </c>
      <c r="C12" s="110">
        <v>26966170</v>
      </c>
      <c r="D12" s="114">
        <v>72199079</v>
      </c>
      <c r="E12" s="113">
        <v>99165249</v>
      </c>
      <c r="F12" s="109">
        <v>0</v>
      </c>
      <c r="G12" s="114">
        <v>334781980</v>
      </c>
      <c r="H12" s="114">
        <v>513122187</v>
      </c>
      <c r="I12" s="114">
        <v>477259123</v>
      </c>
      <c r="J12" s="114">
        <v>418591246</v>
      </c>
      <c r="K12" s="114">
        <v>300694698</v>
      </c>
      <c r="L12" s="112">
        <v>2044449234</v>
      </c>
      <c r="M12" s="116">
        <v>2143614483</v>
      </c>
      <c r="N12" s="110">
        <v>5331684</v>
      </c>
      <c r="O12" s="114">
        <v>17688186</v>
      </c>
      <c r="P12" s="113">
        <v>23019870</v>
      </c>
      <c r="Q12" s="110">
        <v>0</v>
      </c>
      <c r="R12" s="114">
        <v>93459782</v>
      </c>
      <c r="S12" s="114">
        <v>163498684</v>
      </c>
      <c r="T12" s="114">
        <v>155946815</v>
      </c>
      <c r="U12" s="114">
        <v>152008460</v>
      </c>
      <c r="V12" s="114">
        <v>145916814</v>
      </c>
      <c r="W12" s="113">
        <v>710830555</v>
      </c>
      <c r="X12" s="116">
        <v>733850425</v>
      </c>
      <c r="Y12" s="110">
        <v>0</v>
      </c>
      <c r="Z12" s="114">
        <v>0</v>
      </c>
      <c r="AA12" s="113">
        <v>0</v>
      </c>
      <c r="AB12" s="110">
        <v>0</v>
      </c>
      <c r="AC12" s="114">
        <v>49053606</v>
      </c>
      <c r="AD12" s="114">
        <v>89195714</v>
      </c>
      <c r="AE12" s="114">
        <v>91728564</v>
      </c>
      <c r="AF12" s="114">
        <v>88578504</v>
      </c>
      <c r="AG12" s="114">
        <v>83690935</v>
      </c>
      <c r="AH12" s="113">
        <v>402247323</v>
      </c>
      <c r="AI12" s="116">
        <v>402247323</v>
      </c>
      <c r="AJ12" s="110">
        <v>0</v>
      </c>
      <c r="AK12" s="114">
        <v>62168</v>
      </c>
      <c r="AL12" s="113">
        <v>62168</v>
      </c>
      <c r="AM12" s="110">
        <v>0</v>
      </c>
      <c r="AN12" s="114">
        <v>266743</v>
      </c>
      <c r="AO12" s="114">
        <v>959884</v>
      </c>
      <c r="AP12" s="114">
        <v>3666896</v>
      </c>
      <c r="AQ12" s="114">
        <v>7773231</v>
      </c>
      <c r="AR12" s="114">
        <v>15581968</v>
      </c>
      <c r="AS12" s="113">
        <v>28248722</v>
      </c>
      <c r="AT12" s="116">
        <v>28310890</v>
      </c>
      <c r="AU12" s="110">
        <v>2766721</v>
      </c>
      <c r="AV12" s="114">
        <v>12836027</v>
      </c>
      <c r="AW12" s="113">
        <v>15602748</v>
      </c>
      <c r="AX12" s="110">
        <v>0</v>
      </c>
      <c r="AY12" s="114">
        <v>25301202</v>
      </c>
      <c r="AZ12" s="114">
        <v>46912054</v>
      </c>
      <c r="BA12" s="114">
        <v>34600810</v>
      </c>
      <c r="BB12" s="114">
        <v>32945243</v>
      </c>
      <c r="BC12" s="114">
        <v>30104648</v>
      </c>
      <c r="BD12" s="113">
        <v>169863957</v>
      </c>
      <c r="BE12" s="116">
        <v>185466705</v>
      </c>
      <c r="BF12" s="110">
        <v>179728</v>
      </c>
      <c r="BG12" s="114">
        <v>1378596</v>
      </c>
      <c r="BH12" s="112">
        <v>1558324</v>
      </c>
      <c r="BI12" s="111">
        <v>0</v>
      </c>
      <c r="BJ12" s="114">
        <v>875222</v>
      </c>
      <c r="BK12" s="114">
        <v>3304594</v>
      </c>
      <c r="BL12" s="114">
        <v>1855862</v>
      </c>
      <c r="BM12" s="114">
        <v>2085515</v>
      </c>
      <c r="BN12" s="114">
        <v>1116326</v>
      </c>
      <c r="BO12" s="113">
        <v>9237519</v>
      </c>
      <c r="BP12" s="116">
        <v>10795843</v>
      </c>
      <c r="BQ12" s="110">
        <v>2385235</v>
      </c>
      <c r="BR12" s="114">
        <v>3411395</v>
      </c>
      <c r="BS12" s="113">
        <v>5796630</v>
      </c>
      <c r="BT12" s="110">
        <v>0</v>
      </c>
      <c r="BU12" s="114">
        <v>17963009</v>
      </c>
      <c r="BV12" s="114">
        <v>23126438</v>
      </c>
      <c r="BW12" s="114">
        <v>24094683</v>
      </c>
      <c r="BX12" s="114">
        <v>20625967</v>
      </c>
      <c r="BY12" s="114">
        <v>15422937</v>
      </c>
      <c r="BZ12" s="113">
        <v>101233034</v>
      </c>
      <c r="CA12" s="116">
        <v>107029664</v>
      </c>
      <c r="CB12" s="110">
        <v>1615360</v>
      </c>
      <c r="CC12" s="114">
        <v>7410257</v>
      </c>
      <c r="CD12" s="113">
        <v>9025617</v>
      </c>
      <c r="CE12" s="110">
        <v>0</v>
      </c>
      <c r="CF12" s="114">
        <v>101044076</v>
      </c>
      <c r="CG12" s="114">
        <v>151179418</v>
      </c>
      <c r="CH12" s="114">
        <v>130911070</v>
      </c>
      <c r="CI12" s="114">
        <v>91847898</v>
      </c>
      <c r="CJ12" s="114">
        <v>48642048</v>
      </c>
      <c r="CK12" s="113">
        <v>523624510</v>
      </c>
      <c r="CL12" s="116">
        <v>532650127</v>
      </c>
      <c r="CM12" s="110">
        <v>0</v>
      </c>
      <c r="CN12" s="114">
        <v>0</v>
      </c>
      <c r="CO12" s="113">
        <v>0</v>
      </c>
      <c r="CP12" s="111">
        <v>0</v>
      </c>
      <c r="CQ12" s="114">
        <v>93079262</v>
      </c>
      <c r="CR12" s="114">
        <v>128521626</v>
      </c>
      <c r="CS12" s="114">
        <v>111805528</v>
      </c>
      <c r="CT12" s="114">
        <v>76866177</v>
      </c>
      <c r="CU12" s="114">
        <v>43077930</v>
      </c>
      <c r="CV12" s="113">
        <v>453350523</v>
      </c>
      <c r="CW12" s="116">
        <v>453350523</v>
      </c>
      <c r="CX12" s="110">
        <v>1615360</v>
      </c>
      <c r="CY12" s="114">
        <v>7410257</v>
      </c>
      <c r="CZ12" s="113">
        <v>9025617</v>
      </c>
      <c r="DA12" s="110">
        <v>0</v>
      </c>
      <c r="DB12" s="114">
        <v>7964814</v>
      </c>
      <c r="DC12" s="114">
        <v>22657792</v>
      </c>
      <c r="DD12" s="114">
        <v>19105542</v>
      </c>
      <c r="DE12" s="114">
        <v>14981721</v>
      </c>
      <c r="DF12" s="114">
        <v>5564118</v>
      </c>
      <c r="DG12" s="113">
        <v>70273987</v>
      </c>
      <c r="DH12" s="116">
        <v>79299604</v>
      </c>
      <c r="DI12" s="110">
        <v>86106</v>
      </c>
      <c r="DJ12" s="114">
        <v>801763</v>
      </c>
      <c r="DK12" s="112">
        <v>887869</v>
      </c>
      <c r="DL12" s="111">
        <v>0</v>
      </c>
      <c r="DM12" s="114">
        <v>7542937</v>
      </c>
      <c r="DN12" s="114">
        <v>21038260</v>
      </c>
      <c r="DO12" s="114">
        <v>44023772</v>
      </c>
      <c r="DP12" s="114">
        <v>40074540</v>
      </c>
      <c r="DQ12" s="114">
        <v>22152954</v>
      </c>
      <c r="DR12" s="113">
        <v>134832463</v>
      </c>
      <c r="DS12" s="116">
        <v>135720332</v>
      </c>
      <c r="DT12" s="110">
        <v>86106</v>
      </c>
      <c r="DU12" s="114">
        <v>801763</v>
      </c>
      <c r="DV12" s="113">
        <v>887869</v>
      </c>
      <c r="DW12" s="110">
        <v>0</v>
      </c>
      <c r="DX12" s="114">
        <v>7419128</v>
      </c>
      <c r="DY12" s="114">
        <v>20387932</v>
      </c>
      <c r="DZ12" s="114">
        <v>42557734</v>
      </c>
      <c r="EA12" s="114">
        <v>39600185</v>
      </c>
      <c r="EB12" s="114">
        <v>21809235</v>
      </c>
      <c r="EC12" s="113">
        <v>131774214</v>
      </c>
      <c r="ED12" s="116">
        <v>132662083</v>
      </c>
      <c r="EE12" s="110">
        <v>0</v>
      </c>
      <c r="EF12" s="112">
        <v>0</v>
      </c>
      <c r="EG12" s="113">
        <v>0</v>
      </c>
      <c r="EH12" s="110">
        <v>0</v>
      </c>
      <c r="EI12" s="114">
        <v>123809</v>
      </c>
      <c r="EJ12" s="114">
        <v>650328</v>
      </c>
      <c r="EK12" s="114">
        <v>1466038</v>
      </c>
      <c r="EL12" s="114">
        <v>474355</v>
      </c>
      <c r="EM12" s="114">
        <v>343719</v>
      </c>
      <c r="EN12" s="112">
        <v>3058249</v>
      </c>
      <c r="EO12" s="116">
        <v>3058249</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7014633</v>
      </c>
      <c r="FM12" s="114">
        <v>22029171</v>
      </c>
      <c r="FN12" s="113">
        <v>29043804</v>
      </c>
      <c r="FO12" s="110">
        <v>0</v>
      </c>
      <c r="FP12" s="114">
        <v>19420814</v>
      </c>
      <c r="FQ12" s="114">
        <v>52756510</v>
      </c>
      <c r="FR12" s="114">
        <v>39234699</v>
      </c>
      <c r="FS12" s="114">
        <v>35431375</v>
      </c>
      <c r="FT12" s="114">
        <v>23808340</v>
      </c>
      <c r="FU12" s="113">
        <v>170651738</v>
      </c>
      <c r="FV12" s="116">
        <v>199695542</v>
      </c>
      <c r="FW12" s="115">
        <v>4418739</v>
      </c>
      <c r="FX12" s="114">
        <v>16982732</v>
      </c>
      <c r="FY12" s="112">
        <v>21401471</v>
      </c>
      <c r="FZ12" s="111">
        <v>0</v>
      </c>
      <c r="GA12" s="114">
        <v>15155411</v>
      </c>
      <c r="GB12" s="114">
        <v>48328916</v>
      </c>
      <c r="GC12" s="114">
        <v>36668086</v>
      </c>
      <c r="GD12" s="114">
        <v>32554897</v>
      </c>
      <c r="GE12" s="114">
        <v>22939763</v>
      </c>
      <c r="GF12" s="113">
        <v>155647073</v>
      </c>
      <c r="GG12" s="318">
        <v>177048544</v>
      </c>
      <c r="GH12" s="115">
        <v>371509</v>
      </c>
      <c r="GI12" s="114">
        <v>922484</v>
      </c>
      <c r="GJ12" s="112">
        <v>1293993</v>
      </c>
      <c r="GK12" s="111">
        <v>0</v>
      </c>
      <c r="GL12" s="114">
        <v>1022658</v>
      </c>
      <c r="GM12" s="114">
        <v>1166882</v>
      </c>
      <c r="GN12" s="114">
        <v>1261072</v>
      </c>
      <c r="GO12" s="114">
        <v>1320588</v>
      </c>
      <c r="GP12" s="114">
        <v>348800</v>
      </c>
      <c r="GQ12" s="113">
        <v>5120000</v>
      </c>
      <c r="GR12" s="116">
        <v>6413993</v>
      </c>
      <c r="GS12" s="110">
        <v>2224385</v>
      </c>
      <c r="GT12" s="114">
        <v>4123955</v>
      </c>
      <c r="GU12" s="113">
        <v>6348340</v>
      </c>
      <c r="GV12" s="110">
        <v>0</v>
      </c>
      <c r="GW12" s="114">
        <v>3242745</v>
      </c>
      <c r="GX12" s="114">
        <v>3260712</v>
      </c>
      <c r="GY12" s="114">
        <v>1305541</v>
      </c>
      <c r="GZ12" s="114">
        <v>1555890</v>
      </c>
      <c r="HA12" s="114">
        <v>519777</v>
      </c>
      <c r="HB12" s="112">
        <v>9884665</v>
      </c>
      <c r="HC12" s="116">
        <v>16233005</v>
      </c>
      <c r="HD12" s="110">
        <v>8203367</v>
      </c>
      <c r="HE12" s="114">
        <v>11459272</v>
      </c>
      <c r="HF12" s="112">
        <v>19662639</v>
      </c>
      <c r="HG12" s="111">
        <v>0</v>
      </c>
      <c r="HH12" s="114">
        <v>57439528</v>
      </c>
      <c r="HI12" s="114">
        <v>54034160</v>
      </c>
      <c r="HJ12" s="114">
        <v>57939988</v>
      </c>
      <c r="HK12" s="114">
        <v>66479769</v>
      </c>
      <c r="HL12" s="114">
        <v>41349195</v>
      </c>
      <c r="HM12" s="113">
        <v>277242640</v>
      </c>
      <c r="HN12" s="109">
        <v>296905279</v>
      </c>
      <c r="HO12" s="115">
        <v>4715020</v>
      </c>
      <c r="HP12" s="114">
        <v>12810430</v>
      </c>
      <c r="HQ12" s="113">
        <v>17525450</v>
      </c>
      <c r="HR12" s="110">
        <v>0</v>
      </c>
      <c r="HS12" s="114">
        <v>55874843</v>
      </c>
      <c r="HT12" s="114">
        <v>70615155</v>
      </c>
      <c r="HU12" s="114">
        <v>49202779</v>
      </c>
      <c r="HV12" s="114">
        <v>32749204</v>
      </c>
      <c r="HW12" s="114">
        <v>18825347</v>
      </c>
      <c r="HX12" s="112">
        <v>227267328</v>
      </c>
      <c r="HY12" s="116">
        <v>244792778</v>
      </c>
      <c r="HZ12" s="131">
        <v>873813</v>
      </c>
      <c r="IA12" s="132">
        <v>3229579</v>
      </c>
      <c r="IB12" s="133">
        <v>4103392</v>
      </c>
      <c r="IC12" s="134">
        <v>0</v>
      </c>
      <c r="ID12" s="135">
        <v>128105389</v>
      </c>
      <c r="IE12" s="136">
        <v>178225652</v>
      </c>
      <c r="IF12" s="137">
        <v>195011861</v>
      </c>
      <c r="IG12" s="135">
        <v>137564336</v>
      </c>
      <c r="IH12" s="137">
        <v>87929165</v>
      </c>
      <c r="II12" s="138">
        <v>726836403</v>
      </c>
      <c r="IJ12" s="139">
        <v>730939795</v>
      </c>
      <c r="IK12" s="232">
        <v>0</v>
      </c>
      <c r="IL12" s="236">
        <v>0</v>
      </c>
      <c r="IM12" s="237">
        <v>0</v>
      </c>
      <c r="IN12" s="140"/>
      <c r="IO12" s="119">
        <v>1791314</v>
      </c>
      <c r="IP12" s="119">
        <v>1633446</v>
      </c>
      <c r="IQ12" s="119">
        <v>5089498</v>
      </c>
      <c r="IR12" s="119">
        <v>3965656</v>
      </c>
      <c r="IS12" s="119">
        <v>5845013</v>
      </c>
      <c r="IT12" s="141">
        <v>18324927</v>
      </c>
      <c r="IU12" s="320">
        <v>18324927</v>
      </c>
      <c r="IV12" s="142">
        <v>0</v>
      </c>
      <c r="IW12" s="119">
        <v>0</v>
      </c>
      <c r="IX12" s="120">
        <v>0</v>
      </c>
      <c r="IY12" s="144"/>
      <c r="IZ12" s="119">
        <v>22974</v>
      </c>
      <c r="JA12" s="119">
        <v>11609</v>
      </c>
      <c r="JB12" s="119">
        <v>77050</v>
      </c>
      <c r="JC12" s="119">
        <v>58363</v>
      </c>
      <c r="JD12" s="119">
        <v>129168</v>
      </c>
      <c r="JE12" s="120">
        <v>299164</v>
      </c>
      <c r="JF12" s="121">
        <v>299164</v>
      </c>
      <c r="JG12" s="142">
        <v>0</v>
      </c>
      <c r="JH12" s="119">
        <v>0</v>
      </c>
      <c r="JI12" s="141">
        <v>0</v>
      </c>
      <c r="JJ12" s="118">
        <v>0</v>
      </c>
      <c r="JK12" s="119">
        <v>45479266</v>
      </c>
      <c r="JL12" s="119">
        <v>66065296</v>
      </c>
      <c r="JM12" s="119">
        <v>51703241</v>
      </c>
      <c r="JN12" s="119">
        <v>32720908</v>
      </c>
      <c r="JO12" s="119">
        <v>18536820</v>
      </c>
      <c r="JP12" s="120">
        <v>214505531</v>
      </c>
      <c r="JQ12" s="320">
        <v>214505531</v>
      </c>
      <c r="JR12" s="142">
        <v>51480</v>
      </c>
      <c r="JS12" s="119">
        <v>0</v>
      </c>
      <c r="JT12" s="141">
        <v>51480</v>
      </c>
      <c r="JU12" s="118">
        <v>0</v>
      </c>
      <c r="JV12" s="119">
        <v>1650397</v>
      </c>
      <c r="JW12" s="119">
        <v>2730023</v>
      </c>
      <c r="JX12" s="119">
        <v>5242965</v>
      </c>
      <c r="JY12" s="119">
        <v>3503157</v>
      </c>
      <c r="JZ12" s="119">
        <v>4245719</v>
      </c>
      <c r="KA12" s="120">
        <v>17372261</v>
      </c>
      <c r="KB12" s="320">
        <v>17423741</v>
      </c>
      <c r="KC12" s="234">
        <v>822333</v>
      </c>
      <c r="KD12" s="230">
        <v>2711750</v>
      </c>
      <c r="KE12" s="120">
        <v>3534083</v>
      </c>
      <c r="KF12" s="118">
        <v>0</v>
      </c>
      <c r="KG12" s="119">
        <v>15514084</v>
      </c>
      <c r="KH12" s="119">
        <v>27548963</v>
      </c>
      <c r="KI12" s="119">
        <v>29867884</v>
      </c>
      <c r="KJ12" s="119">
        <v>25006112</v>
      </c>
      <c r="KK12" s="119">
        <v>6667882</v>
      </c>
      <c r="KL12" s="120">
        <v>104604925</v>
      </c>
      <c r="KM12" s="143">
        <v>108139008</v>
      </c>
      <c r="KN12" s="232">
        <v>0</v>
      </c>
      <c r="KO12" s="236">
        <v>517829</v>
      </c>
      <c r="KP12" s="237">
        <v>517829</v>
      </c>
      <c r="KQ12" s="140"/>
      <c r="KR12" s="119">
        <v>61974180</v>
      </c>
      <c r="KS12" s="119">
        <v>78052835</v>
      </c>
      <c r="KT12" s="119">
        <v>95089303</v>
      </c>
      <c r="KU12" s="119">
        <v>60012385</v>
      </c>
      <c r="KV12" s="119">
        <v>44385949</v>
      </c>
      <c r="KW12" s="120">
        <v>339514652</v>
      </c>
      <c r="KX12" s="320">
        <v>340032481</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416135</v>
      </c>
      <c r="LP12" s="119">
        <v>3826632</v>
      </c>
      <c r="LQ12" s="119">
        <v>8535016</v>
      </c>
      <c r="LR12" s="119">
        <v>3549658</v>
      </c>
      <c r="LS12" s="120">
        <v>16327441</v>
      </c>
      <c r="LT12" s="320">
        <v>16327441</v>
      </c>
      <c r="LU12" s="142">
        <v>0</v>
      </c>
      <c r="LV12" s="119">
        <v>0</v>
      </c>
      <c r="LW12" s="120">
        <v>0</v>
      </c>
      <c r="LX12" s="145"/>
      <c r="LY12" s="119">
        <v>1673174</v>
      </c>
      <c r="LZ12" s="119">
        <v>1767345</v>
      </c>
      <c r="MA12" s="119">
        <v>4115288</v>
      </c>
      <c r="MB12" s="119">
        <v>3762739</v>
      </c>
      <c r="MC12" s="119">
        <v>4568956</v>
      </c>
      <c r="MD12" s="120">
        <v>15887502</v>
      </c>
      <c r="ME12" s="121">
        <v>15887502</v>
      </c>
      <c r="MF12" s="142">
        <v>0</v>
      </c>
      <c r="MG12" s="119">
        <v>0</v>
      </c>
      <c r="MH12" s="120">
        <v>0</v>
      </c>
      <c r="MI12" s="145"/>
      <c r="MJ12" s="119">
        <v>22334528</v>
      </c>
      <c r="MK12" s="119">
        <v>73887670</v>
      </c>
      <c r="ML12" s="119">
        <v>319042371</v>
      </c>
      <c r="MM12" s="119">
        <v>533241901</v>
      </c>
      <c r="MN12" s="119">
        <v>360813759</v>
      </c>
      <c r="MO12" s="120">
        <v>1309320229</v>
      </c>
      <c r="MP12" s="143">
        <v>1309320229</v>
      </c>
      <c r="MQ12" s="142">
        <v>0</v>
      </c>
      <c r="MR12" s="119">
        <v>0</v>
      </c>
      <c r="MS12" s="120">
        <v>0</v>
      </c>
      <c r="MT12" s="145"/>
      <c r="MU12" s="119">
        <v>2042486</v>
      </c>
      <c r="MV12" s="119">
        <v>14526653</v>
      </c>
      <c r="MW12" s="119">
        <v>226004039</v>
      </c>
      <c r="MX12" s="119">
        <v>372552789</v>
      </c>
      <c r="MY12" s="119">
        <v>255366021</v>
      </c>
      <c r="MZ12" s="120">
        <v>870491988</v>
      </c>
      <c r="NA12" s="143">
        <v>870491988</v>
      </c>
      <c r="NB12" s="142">
        <v>0</v>
      </c>
      <c r="NC12" s="119">
        <v>0</v>
      </c>
      <c r="ND12" s="120">
        <v>0</v>
      </c>
      <c r="NE12" s="145"/>
      <c r="NF12" s="119">
        <v>20292042</v>
      </c>
      <c r="NG12" s="119">
        <v>59361017</v>
      </c>
      <c r="NH12" s="119">
        <v>91083110</v>
      </c>
      <c r="NI12" s="119">
        <v>124818376</v>
      </c>
      <c r="NJ12" s="119">
        <v>65905810</v>
      </c>
      <c r="NK12" s="120">
        <v>361460355</v>
      </c>
      <c r="NL12" s="320">
        <v>361460355</v>
      </c>
      <c r="NM12" s="142">
        <v>0</v>
      </c>
      <c r="NN12" s="119">
        <v>0</v>
      </c>
      <c r="NO12" s="120">
        <v>0</v>
      </c>
      <c r="NP12" s="145"/>
      <c r="NQ12" s="119">
        <v>0</v>
      </c>
      <c r="NR12" s="119">
        <v>0</v>
      </c>
      <c r="NS12" s="119">
        <v>57961</v>
      </c>
      <c r="NT12" s="119">
        <v>7526219</v>
      </c>
      <c r="NU12" s="119">
        <v>8051616</v>
      </c>
      <c r="NV12" s="120">
        <v>15635796</v>
      </c>
      <c r="NW12" s="121">
        <v>15635796</v>
      </c>
      <c r="NX12" s="142">
        <v>0</v>
      </c>
      <c r="NY12" s="119">
        <v>0</v>
      </c>
      <c r="NZ12" s="120">
        <v>0</v>
      </c>
      <c r="OA12" s="145"/>
      <c r="OB12" s="119">
        <v>0</v>
      </c>
      <c r="OC12" s="119">
        <v>0</v>
      </c>
      <c r="OD12" s="119">
        <v>1897261</v>
      </c>
      <c r="OE12" s="119">
        <v>28344517</v>
      </c>
      <c r="OF12" s="119">
        <v>31490312</v>
      </c>
      <c r="OG12" s="120">
        <v>61732090</v>
      </c>
      <c r="OH12" s="121">
        <v>61732090</v>
      </c>
      <c r="OI12" s="142">
        <v>27839983</v>
      </c>
      <c r="OJ12" s="119">
        <v>75428658</v>
      </c>
      <c r="OK12" s="141">
        <v>103268641</v>
      </c>
      <c r="OL12" s="118">
        <v>0</v>
      </c>
      <c r="OM12" s="119">
        <v>485221897</v>
      </c>
      <c r="ON12" s="119">
        <v>765235509</v>
      </c>
      <c r="OO12" s="119">
        <v>991313355</v>
      </c>
      <c r="OP12" s="119">
        <v>1089397483</v>
      </c>
      <c r="OQ12" s="119">
        <v>749437622</v>
      </c>
      <c r="OR12" s="120">
        <v>4080605866</v>
      </c>
      <c r="OS12" s="143">
        <v>4183874507</v>
      </c>
    </row>
    <row r="13" spans="1:409" ht="21" customHeight="1" x14ac:dyDescent="0.2">
      <c r="B13" s="62" t="s">
        <v>7</v>
      </c>
      <c r="C13" s="110">
        <v>13533738</v>
      </c>
      <c r="D13" s="114">
        <v>17439145</v>
      </c>
      <c r="E13" s="113">
        <v>30972883</v>
      </c>
      <c r="F13" s="109">
        <v>0</v>
      </c>
      <c r="G13" s="114">
        <v>355189902</v>
      </c>
      <c r="H13" s="114">
        <v>331234155</v>
      </c>
      <c r="I13" s="114">
        <v>271180386</v>
      </c>
      <c r="J13" s="114">
        <v>287089385</v>
      </c>
      <c r="K13" s="114">
        <v>201295411</v>
      </c>
      <c r="L13" s="109">
        <v>1445989239</v>
      </c>
      <c r="M13" s="116">
        <v>1476962122</v>
      </c>
      <c r="N13" s="110">
        <v>2058245</v>
      </c>
      <c r="O13" s="114">
        <v>2007687</v>
      </c>
      <c r="P13" s="113">
        <v>4065932</v>
      </c>
      <c r="Q13" s="110">
        <v>0</v>
      </c>
      <c r="R13" s="114">
        <v>82283722</v>
      </c>
      <c r="S13" s="114">
        <v>92209388</v>
      </c>
      <c r="T13" s="114">
        <v>87587655</v>
      </c>
      <c r="U13" s="114">
        <v>124696292</v>
      </c>
      <c r="V13" s="114">
        <v>112335059</v>
      </c>
      <c r="W13" s="113">
        <v>499112116</v>
      </c>
      <c r="X13" s="116">
        <v>503178048</v>
      </c>
      <c r="Y13" s="110">
        <v>0</v>
      </c>
      <c r="Z13" s="114">
        <v>0</v>
      </c>
      <c r="AA13" s="113">
        <v>0</v>
      </c>
      <c r="AB13" s="110">
        <v>0</v>
      </c>
      <c r="AC13" s="114">
        <v>45990683</v>
      </c>
      <c r="AD13" s="114">
        <v>50818949</v>
      </c>
      <c r="AE13" s="114">
        <v>54844950</v>
      </c>
      <c r="AF13" s="114">
        <v>83063349</v>
      </c>
      <c r="AG13" s="114">
        <v>74929370</v>
      </c>
      <c r="AH13" s="113">
        <v>309647301</v>
      </c>
      <c r="AI13" s="116">
        <v>309647301</v>
      </c>
      <c r="AJ13" s="110">
        <v>0</v>
      </c>
      <c r="AK13" s="114">
        <v>0</v>
      </c>
      <c r="AL13" s="113">
        <v>0</v>
      </c>
      <c r="AM13" s="110">
        <v>0</v>
      </c>
      <c r="AN13" s="114">
        <v>658068</v>
      </c>
      <c r="AO13" s="114">
        <v>2752791</v>
      </c>
      <c r="AP13" s="114">
        <v>3603394</v>
      </c>
      <c r="AQ13" s="114">
        <v>7757571</v>
      </c>
      <c r="AR13" s="114">
        <v>11812827</v>
      </c>
      <c r="AS13" s="113">
        <v>26584651</v>
      </c>
      <c r="AT13" s="116">
        <v>26584651</v>
      </c>
      <c r="AU13" s="110">
        <v>482985</v>
      </c>
      <c r="AV13" s="114">
        <v>635412</v>
      </c>
      <c r="AW13" s="113">
        <v>1118397</v>
      </c>
      <c r="AX13" s="110">
        <v>0</v>
      </c>
      <c r="AY13" s="114">
        <v>18665586</v>
      </c>
      <c r="AZ13" s="114">
        <v>23084383</v>
      </c>
      <c r="BA13" s="114">
        <v>15238344</v>
      </c>
      <c r="BB13" s="114">
        <v>18968678</v>
      </c>
      <c r="BC13" s="114">
        <v>15732223</v>
      </c>
      <c r="BD13" s="113">
        <v>91689214</v>
      </c>
      <c r="BE13" s="116">
        <v>92807611</v>
      </c>
      <c r="BF13" s="110">
        <v>93310</v>
      </c>
      <c r="BG13" s="114">
        <v>221050</v>
      </c>
      <c r="BH13" s="112">
        <v>314360</v>
      </c>
      <c r="BI13" s="111">
        <v>0</v>
      </c>
      <c r="BJ13" s="114">
        <v>2045356</v>
      </c>
      <c r="BK13" s="114">
        <v>2719652</v>
      </c>
      <c r="BL13" s="114">
        <v>1930310</v>
      </c>
      <c r="BM13" s="114">
        <v>1805197</v>
      </c>
      <c r="BN13" s="114">
        <v>1076055</v>
      </c>
      <c r="BO13" s="113">
        <v>9576570</v>
      </c>
      <c r="BP13" s="116">
        <v>9890930</v>
      </c>
      <c r="BQ13" s="110">
        <v>1481950</v>
      </c>
      <c r="BR13" s="114">
        <v>1151225</v>
      </c>
      <c r="BS13" s="113">
        <v>2633175</v>
      </c>
      <c r="BT13" s="110">
        <v>0</v>
      </c>
      <c r="BU13" s="114">
        <v>14924029</v>
      </c>
      <c r="BV13" s="114">
        <v>12833613</v>
      </c>
      <c r="BW13" s="114">
        <v>11970657</v>
      </c>
      <c r="BX13" s="114">
        <v>13101497</v>
      </c>
      <c r="BY13" s="114">
        <v>8784584</v>
      </c>
      <c r="BZ13" s="113">
        <v>61614380</v>
      </c>
      <c r="CA13" s="116">
        <v>64247555</v>
      </c>
      <c r="CB13" s="110">
        <v>754421</v>
      </c>
      <c r="CC13" s="114">
        <v>2202563</v>
      </c>
      <c r="CD13" s="113">
        <v>2956984</v>
      </c>
      <c r="CE13" s="110">
        <v>0</v>
      </c>
      <c r="CF13" s="114">
        <v>98783140</v>
      </c>
      <c r="CG13" s="114">
        <v>87242549</v>
      </c>
      <c r="CH13" s="114">
        <v>57865245</v>
      </c>
      <c r="CI13" s="114">
        <v>36950451</v>
      </c>
      <c r="CJ13" s="114">
        <v>15667171</v>
      </c>
      <c r="CK13" s="113">
        <v>296508556</v>
      </c>
      <c r="CL13" s="116">
        <v>299465540</v>
      </c>
      <c r="CM13" s="110">
        <v>0</v>
      </c>
      <c r="CN13" s="114">
        <v>0</v>
      </c>
      <c r="CO13" s="113">
        <v>0</v>
      </c>
      <c r="CP13" s="111">
        <v>0</v>
      </c>
      <c r="CQ13" s="114">
        <v>84431673</v>
      </c>
      <c r="CR13" s="114">
        <v>71646113</v>
      </c>
      <c r="CS13" s="114">
        <v>47616521</v>
      </c>
      <c r="CT13" s="114">
        <v>31168778</v>
      </c>
      <c r="CU13" s="114">
        <v>13790307</v>
      </c>
      <c r="CV13" s="113">
        <v>248653392</v>
      </c>
      <c r="CW13" s="116">
        <v>248653392</v>
      </c>
      <c r="CX13" s="110">
        <v>754421</v>
      </c>
      <c r="CY13" s="114">
        <v>2202563</v>
      </c>
      <c r="CZ13" s="113">
        <v>2956984</v>
      </c>
      <c r="DA13" s="110">
        <v>0</v>
      </c>
      <c r="DB13" s="114">
        <v>14351467</v>
      </c>
      <c r="DC13" s="114">
        <v>15596436</v>
      </c>
      <c r="DD13" s="114">
        <v>10248724</v>
      </c>
      <c r="DE13" s="114">
        <v>5781673</v>
      </c>
      <c r="DF13" s="114">
        <v>1876864</v>
      </c>
      <c r="DG13" s="113">
        <v>47855164</v>
      </c>
      <c r="DH13" s="116">
        <v>50812148</v>
      </c>
      <c r="DI13" s="110">
        <v>50046</v>
      </c>
      <c r="DJ13" s="114">
        <v>102647</v>
      </c>
      <c r="DK13" s="112">
        <v>152693</v>
      </c>
      <c r="DL13" s="111">
        <v>0</v>
      </c>
      <c r="DM13" s="114">
        <v>12264967</v>
      </c>
      <c r="DN13" s="114">
        <v>22166574</v>
      </c>
      <c r="DO13" s="114">
        <v>25215344</v>
      </c>
      <c r="DP13" s="114">
        <v>21645937</v>
      </c>
      <c r="DQ13" s="114">
        <v>10304445</v>
      </c>
      <c r="DR13" s="113">
        <v>91597267</v>
      </c>
      <c r="DS13" s="116">
        <v>91749960</v>
      </c>
      <c r="DT13" s="110">
        <v>50046</v>
      </c>
      <c r="DU13" s="114">
        <v>102647</v>
      </c>
      <c r="DV13" s="113">
        <v>152693</v>
      </c>
      <c r="DW13" s="110">
        <v>0</v>
      </c>
      <c r="DX13" s="114">
        <v>11977282</v>
      </c>
      <c r="DY13" s="114">
        <v>20834648</v>
      </c>
      <c r="DZ13" s="114">
        <v>23234520</v>
      </c>
      <c r="EA13" s="114">
        <v>19909281</v>
      </c>
      <c r="EB13" s="114">
        <v>9278084</v>
      </c>
      <c r="EC13" s="113">
        <v>85233815</v>
      </c>
      <c r="ED13" s="116">
        <v>85386508</v>
      </c>
      <c r="EE13" s="110">
        <v>0</v>
      </c>
      <c r="EF13" s="112">
        <v>0</v>
      </c>
      <c r="EG13" s="113">
        <v>0</v>
      </c>
      <c r="EH13" s="110">
        <v>0</v>
      </c>
      <c r="EI13" s="114">
        <v>287685</v>
      </c>
      <c r="EJ13" s="114">
        <v>1331926</v>
      </c>
      <c r="EK13" s="114">
        <v>1980824</v>
      </c>
      <c r="EL13" s="114">
        <v>1736656</v>
      </c>
      <c r="EM13" s="114">
        <v>1026361</v>
      </c>
      <c r="EN13" s="112">
        <v>6363452</v>
      </c>
      <c r="EO13" s="116">
        <v>6363452</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2925295</v>
      </c>
      <c r="FM13" s="114">
        <v>4710963</v>
      </c>
      <c r="FN13" s="113">
        <v>7636258</v>
      </c>
      <c r="FO13" s="110">
        <v>0</v>
      </c>
      <c r="FP13" s="114">
        <v>12952732</v>
      </c>
      <c r="FQ13" s="114">
        <v>31802472</v>
      </c>
      <c r="FR13" s="114">
        <v>20718370</v>
      </c>
      <c r="FS13" s="114">
        <v>19904158</v>
      </c>
      <c r="FT13" s="114">
        <v>12834639</v>
      </c>
      <c r="FU13" s="113">
        <v>98212371</v>
      </c>
      <c r="FV13" s="116">
        <v>105848629</v>
      </c>
      <c r="FW13" s="115">
        <v>1366984</v>
      </c>
      <c r="FX13" s="114">
        <v>3271238</v>
      </c>
      <c r="FY13" s="112">
        <v>4638222</v>
      </c>
      <c r="FZ13" s="111">
        <v>0</v>
      </c>
      <c r="GA13" s="114">
        <v>11161754</v>
      </c>
      <c r="GB13" s="114">
        <v>29474793</v>
      </c>
      <c r="GC13" s="114">
        <v>19181530</v>
      </c>
      <c r="GD13" s="114">
        <v>18634969</v>
      </c>
      <c r="GE13" s="114">
        <v>12542886</v>
      </c>
      <c r="GF13" s="113">
        <v>90995932</v>
      </c>
      <c r="GG13" s="318">
        <v>95634154</v>
      </c>
      <c r="GH13" s="115">
        <v>334152</v>
      </c>
      <c r="GI13" s="114">
        <v>163764</v>
      </c>
      <c r="GJ13" s="112">
        <v>497916</v>
      </c>
      <c r="GK13" s="111">
        <v>0</v>
      </c>
      <c r="GL13" s="114">
        <v>663391</v>
      </c>
      <c r="GM13" s="114">
        <v>1163269</v>
      </c>
      <c r="GN13" s="114">
        <v>788420</v>
      </c>
      <c r="GO13" s="114">
        <v>718989</v>
      </c>
      <c r="GP13" s="114">
        <v>233373</v>
      </c>
      <c r="GQ13" s="113">
        <v>3567442</v>
      </c>
      <c r="GR13" s="116">
        <v>4065358</v>
      </c>
      <c r="GS13" s="110">
        <v>1224159</v>
      </c>
      <c r="GT13" s="114">
        <v>1275961</v>
      </c>
      <c r="GU13" s="113">
        <v>2500120</v>
      </c>
      <c r="GV13" s="110">
        <v>0</v>
      </c>
      <c r="GW13" s="114">
        <v>1127587</v>
      </c>
      <c r="GX13" s="114">
        <v>1164410</v>
      </c>
      <c r="GY13" s="114">
        <v>748420</v>
      </c>
      <c r="GZ13" s="114">
        <v>550200</v>
      </c>
      <c r="HA13" s="114">
        <v>58380</v>
      </c>
      <c r="HB13" s="112">
        <v>3648997</v>
      </c>
      <c r="HC13" s="116">
        <v>6149117</v>
      </c>
      <c r="HD13" s="110">
        <v>5832276</v>
      </c>
      <c r="HE13" s="114">
        <v>4835094</v>
      </c>
      <c r="HF13" s="112">
        <v>10667370</v>
      </c>
      <c r="HG13" s="111">
        <v>0</v>
      </c>
      <c r="HH13" s="114">
        <v>83522095</v>
      </c>
      <c r="HI13" s="114">
        <v>51621870</v>
      </c>
      <c r="HJ13" s="114">
        <v>50449572</v>
      </c>
      <c r="HK13" s="114">
        <v>62264445</v>
      </c>
      <c r="HL13" s="114">
        <v>38385782</v>
      </c>
      <c r="HM13" s="113">
        <v>286243764</v>
      </c>
      <c r="HN13" s="109">
        <v>296911134</v>
      </c>
      <c r="HO13" s="115">
        <v>1913455</v>
      </c>
      <c r="HP13" s="114">
        <v>3580191</v>
      </c>
      <c r="HQ13" s="113">
        <v>5493646</v>
      </c>
      <c r="HR13" s="110">
        <v>0</v>
      </c>
      <c r="HS13" s="114">
        <v>65383246</v>
      </c>
      <c r="HT13" s="114">
        <v>46191302</v>
      </c>
      <c r="HU13" s="114">
        <v>29344200</v>
      </c>
      <c r="HV13" s="114">
        <v>21628102</v>
      </c>
      <c r="HW13" s="114">
        <v>11768315</v>
      </c>
      <c r="HX13" s="112">
        <v>174315165</v>
      </c>
      <c r="HY13" s="116">
        <v>179808811</v>
      </c>
      <c r="HZ13" s="131">
        <v>288276</v>
      </c>
      <c r="IA13" s="132">
        <v>998615</v>
      </c>
      <c r="IB13" s="133">
        <v>1286891</v>
      </c>
      <c r="IC13" s="146">
        <v>0</v>
      </c>
      <c r="ID13" s="132">
        <v>97139985</v>
      </c>
      <c r="IE13" s="147">
        <v>100968152</v>
      </c>
      <c r="IF13" s="133">
        <v>108301428</v>
      </c>
      <c r="IG13" s="132">
        <v>70300440</v>
      </c>
      <c r="IH13" s="133">
        <v>42987166</v>
      </c>
      <c r="II13" s="148">
        <v>419697171</v>
      </c>
      <c r="IJ13" s="139">
        <v>420984062</v>
      </c>
      <c r="IK13" s="232">
        <v>0</v>
      </c>
      <c r="IL13" s="236">
        <v>0</v>
      </c>
      <c r="IM13" s="237">
        <v>0</v>
      </c>
      <c r="IN13" s="140"/>
      <c r="IO13" s="119">
        <v>212878</v>
      </c>
      <c r="IP13" s="119">
        <v>1281273</v>
      </c>
      <c r="IQ13" s="119">
        <v>1018820</v>
      </c>
      <c r="IR13" s="119">
        <v>1694487</v>
      </c>
      <c r="IS13" s="119">
        <v>2071011</v>
      </c>
      <c r="IT13" s="141">
        <v>6278469</v>
      </c>
      <c r="IU13" s="320">
        <v>6278469</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49226081</v>
      </c>
      <c r="JL13" s="119">
        <v>38564753</v>
      </c>
      <c r="JM13" s="119">
        <v>30457651</v>
      </c>
      <c r="JN13" s="119">
        <v>13139638</v>
      </c>
      <c r="JO13" s="119">
        <v>6600803</v>
      </c>
      <c r="JP13" s="120">
        <v>137988926</v>
      </c>
      <c r="JQ13" s="320">
        <v>137988926</v>
      </c>
      <c r="JR13" s="142">
        <v>0</v>
      </c>
      <c r="JS13" s="119">
        <v>0</v>
      </c>
      <c r="JT13" s="141">
        <v>0</v>
      </c>
      <c r="JU13" s="118">
        <v>0</v>
      </c>
      <c r="JV13" s="119">
        <v>7830927</v>
      </c>
      <c r="JW13" s="119">
        <v>11088094</v>
      </c>
      <c r="JX13" s="119">
        <v>14914806</v>
      </c>
      <c r="JY13" s="119">
        <v>6217353</v>
      </c>
      <c r="JZ13" s="119">
        <v>3120932</v>
      </c>
      <c r="KA13" s="120">
        <v>43172112</v>
      </c>
      <c r="KB13" s="320">
        <v>43172112</v>
      </c>
      <c r="KC13" s="234">
        <v>288276</v>
      </c>
      <c r="KD13" s="230">
        <v>998615</v>
      </c>
      <c r="KE13" s="120">
        <v>1286891</v>
      </c>
      <c r="KF13" s="118">
        <v>0</v>
      </c>
      <c r="KG13" s="119">
        <v>6686145</v>
      </c>
      <c r="KH13" s="119">
        <v>6782682</v>
      </c>
      <c r="KI13" s="119">
        <v>7978451</v>
      </c>
      <c r="KJ13" s="119">
        <v>7398729</v>
      </c>
      <c r="KK13" s="119">
        <v>1510025</v>
      </c>
      <c r="KL13" s="120">
        <v>30356032</v>
      </c>
      <c r="KM13" s="143">
        <v>31642923</v>
      </c>
      <c r="KN13" s="232">
        <v>0</v>
      </c>
      <c r="KO13" s="236">
        <v>0</v>
      </c>
      <c r="KP13" s="237">
        <v>0</v>
      </c>
      <c r="KQ13" s="140"/>
      <c r="KR13" s="119">
        <v>31761349</v>
      </c>
      <c r="KS13" s="119">
        <v>39739280</v>
      </c>
      <c r="KT13" s="119">
        <v>50725729</v>
      </c>
      <c r="KU13" s="119">
        <v>38396617</v>
      </c>
      <c r="KV13" s="119">
        <v>22518895</v>
      </c>
      <c r="KW13" s="120">
        <v>183141870</v>
      </c>
      <c r="KX13" s="320">
        <v>183141870</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1422605</v>
      </c>
      <c r="LZ13" s="119">
        <v>3512070</v>
      </c>
      <c r="MA13" s="119">
        <v>3205971</v>
      </c>
      <c r="MB13" s="119">
        <v>3453616</v>
      </c>
      <c r="MC13" s="119">
        <v>7165500</v>
      </c>
      <c r="MD13" s="120">
        <v>18759762</v>
      </c>
      <c r="ME13" s="121">
        <v>18759762</v>
      </c>
      <c r="MF13" s="142">
        <v>0</v>
      </c>
      <c r="MG13" s="119">
        <v>0</v>
      </c>
      <c r="MH13" s="120">
        <v>0</v>
      </c>
      <c r="MI13" s="145"/>
      <c r="MJ13" s="119">
        <v>44138193</v>
      </c>
      <c r="MK13" s="119">
        <v>70647309</v>
      </c>
      <c r="ML13" s="119">
        <v>218437605</v>
      </c>
      <c r="MM13" s="119">
        <v>361870724</v>
      </c>
      <c r="MN13" s="119">
        <v>212195441</v>
      </c>
      <c r="MO13" s="120">
        <v>907289272</v>
      </c>
      <c r="MP13" s="143">
        <v>907289272</v>
      </c>
      <c r="MQ13" s="142">
        <v>0</v>
      </c>
      <c r="MR13" s="119">
        <v>0</v>
      </c>
      <c r="MS13" s="120">
        <v>0</v>
      </c>
      <c r="MT13" s="145"/>
      <c r="MU13" s="119">
        <v>4254597</v>
      </c>
      <c r="MV13" s="119">
        <v>11414644</v>
      </c>
      <c r="MW13" s="119">
        <v>146053633</v>
      </c>
      <c r="MX13" s="119">
        <v>261561315</v>
      </c>
      <c r="MY13" s="119">
        <v>177343671</v>
      </c>
      <c r="MZ13" s="120">
        <v>600627860</v>
      </c>
      <c r="NA13" s="143">
        <v>600627860</v>
      </c>
      <c r="NB13" s="142">
        <v>0</v>
      </c>
      <c r="NC13" s="119">
        <v>0</v>
      </c>
      <c r="ND13" s="120">
        <v>0</v>
      </c>
      <c r="NE13" s="145"/>
      <c r="NF13" s="119">
        <v>39883596</v>
      </c>
      <c r="NG13" s="119">
        <v>59232665</v>
      </c>
      <c r="NH13" s="119">
        <v>71676191</v>
      </c>
      <c r="NI13" s="119">
        <v>99228699</v>
      </c>
      <c r="NJ13" s="119">
        <v>31614706</v>
      </c>
      <c r="NK13" s="120">
        <v>301635857</v>
      </c>
      <c r="NL13" s="320">
        <v>301635857</v>
      </c>
      <c r="NM13" s="142">
        <v>0</v>
      </c>
      <c r="NN13" s="119">
        <v>0</v>
      </c>
      <c r="NO13" s="120">
        <v>0</v>
      </c>
      <c r="NP13" s="145"/>
      <c r="NQ13" s="119">
        <v>0</v>
      </c>
      <c r="NR13" s="119">
        <v>0</v>
      </c>
      <c r="NS13" s="119">
        <v>0</v>
      </c>
      <c r="NT13" s="119">
        <v>684270</v>
      </c>
      <c r="NU13" s="119">
        <v>1487167</v>
      </c>
      <c r="NV13" s="120">
        <v>2171437</v>
      </c>
      <c r="NW13" s="121">
        <v>2171437</v>
      </c>
      <c r="NX13" s="142">
        <v>0</v>
      </c>
      <c r="NY13" s="119">
        <v>0</v>
      </c>
      <c r="NZ13" s="120">
        <v>0</v>
      </c>
      <c r="OA13" s="145"/>
      <c r="OB13" s="119">
        <v>0</v>
      </c>
      <c r="OC13" s="119">
        <v>0</v>
      </c>
      <c r="OD13" s="119">
        <v>707781</v>
      </c>
      <c r="OE13" s="119">
        <v>396440</v>
      </c>
      <c r="OF13" s="119">
        <v>1749897</v>
      </c>
      <c r="OG13" s="120">
        <v>2854118</v>
      </c>
      <c r="OH13" s="121">
        <v>2854118</v>
      </c>
      <c r="OI13" s="142">
        <v>13822014</v>
      </c>
      <c r="OJ13" s="119">
        <v>18437760</v>
      </c>
      <c r="OK13" s="141">
        <v>32259774</v>
      </c>
      <c r="OL13" s="118">
        <v>0</v>
      </c>
      <c r="OM13" s="119">
        <v>496468080</v>
      </c>
      <c r="ON13" s="119">
        <v>502849616</v>
      </c>
      <c r="OO13" s="119">
        <v>597919419</v>
      </c>
      <c r="OP13" s="119">
        <v>719260549</v>
      </c>
      <c r="OQ13" s="119">
        <v>456478018</v>
      </c>
      <c r="OR13" s="120">
        <v>2772975682</v>
      </c>
      <c r="OS13" s="143">
        <v>2805235456</v>
      </c>
    </row>
    <row r="14" spans="1:409" ht="21" customHeight="1" x14ac:dyDescent="0.2">
      <c r="B14" s="62" t="s">
        <v>8</v>
      </c>
      <c r="C14" s="110">
        <v>12128637</v>
      </c>
      <c r="D14" s="114">
        <v>14628343</v>
      </c>
      <c r="E14" s="113">
        <v>26756980</v>
      </c>
      <c r="F14" s="109">
        <v>0</v>
      </c>
      <c r="G14" s="114">
        <v>147202366</v>
      </c>
      <c r="H14" s="114">
        <v>203911881</v>
      </c>
      <c r="I14" s="114">
        <v>182926119</v>
      </c>
      <c r="J14" s="114">
        <v>163259160</v>
      </c>
      <c r="K14" s="114">
        <v>136309528</v>
      </c>
      <c r="L14" s="109">
        <v>833609054</v>
      </c>
      <c r="M14" s="116">
        <v>860366034</v>
      </c>
      <c r="N14" s="110">
        <v>2207242</v>
      </c>
      <c r="O14" s="114">
        <v>2911703</v>
      </c>
      <c r="P14" s="113">
        <v>5118945</v>
      </c>
      <c r="Q14" s="110">
        <v>0</v>
      </c>
      <c r="R14" s="114">
        <v>38937234</v>
      </c>
      <c r="S14" s="114">
        <v>65500514</v>
      </c>
      <c r="T14" s="114">
        <v>58676385</v>
      </c>
      <c r="U14" s="114">
        <v>65617773</v>
      </c>
      <c r="V14" s="114">
        <v>71702476</v>
      </c>
      <c r="W14" s="113">
        <v>300434382</v>
      </c>
      <c r="X14" s="116">
        <v>305553327</v>
      </c>
      <c r="Y14" s="110">
        <v>0</v>
      </c>
      <c r="Z14" s="114">
        <v>0</v>
      </c>
      <c r="AA14" s="113">
        <v>0</v>
      </c>
      <c r="AB14" s="110">
        <v>0</v>
      </c>
      <c r="AC14" s="114">
        <v>21703001</v>
      </c>
      <c r="AD14" s="114">
        <v>39372605</v>
      </c>
      <c r="AE14" s="114">
        <v>38023432</v>
      </c>
      <c r="AF14" s="114">
        <v>42694458</v>
      </c>
      <c r="AG14" s="114">
        <v>46440131</v>
      </c>
      <c r="AH14" s="113">
        <v>188233627</v>
      </c>
      <c r="AI14" s="116">
        <v>188233627</v>
      </c>
      <c r="AJ14" s="110">
        <v>0</v>
      </c>
      <c r="AK14" s="114">
        <v>0</v>
      </c>
      <c r="AL14" s="113">
        <v>0</v>
      </c>
      <c r="AM14" s="110">
        <v>0</v>
      </c>
      <c r="AN14" s="114">
        <v>149560</v>
      </c>
      <c r="AO14" s="114">
        <v>564333</v>
      </c>
      <c r="AP14" s="114">
        <v>1726476</v>
      </c>
      <c r="AQ14" s="114">
        <v>4020266</v>
      </c>
      <c r="AR14" s="114">
        <v>6574174</v>
      </c>
      <c r="AS14" s="113">
        <v>13034809</v>
      </c>
      <c r="AT14" s="116">
        <v>13034809</v>
      </c>
      <c r="AU14" s="110">
        <v>1070260</v>
      </c>
      <c r="AV14" s="114">
        <v>2021428</v>
      </c>
      <c r="AW14" s="113">
        <v>3091688</v>
      </c>
      <c r="AX14" s="110">
        <v>0</v>
      </c>
      <c r="AY14" s="114">
        <v>9910334</v>
      </c>
      <c r="AZ14" s="114">
        <v>15669628</v>
      </c>
      <c r="BA14" s="114">
        <v>10848263</v>
      </c>
      <c r="BB14" s="114">
        <v>10299097</v>
      </c>
      <c r="BC14" s="114">
        <v>12279661</v>
      </c>
      <c r="BD14" s="113">
        <v>59006983</v>
      </c>
      <c r="BE14" s="116">
        <v>62098671</v>
      </c>
      <c r="BF14" s="110">
        <v>202218</v>
      </c>
      <c r="BG14" s="114">
        <v>412438</v>
      </c>
      <c r="BH14" s="112">
        <v>614656</v>
      </c>
      <c r="BI14" s="111">
        <v>0</v>
      </c>
      <c r="BJ14" s="114">
        <v>1648705</v>
      </c>
      <c r="BK14" s="114">
        <v>3044926</v>
      </c>
      <c r="BL14" s="114">
        <v>2082741</v>
      </c>
      <c r="BM14" s="114">
        <v>1840620</v>
      </c>
      <c r="BN14" s="114">
        <v>1201977</v>
      </c>
      <c r="BO14" s="113">
        <v>9818969</v>
      </c>
      <c r="BP14" s="116">
        <v>10433625</v>
      </c>
      <c r="BQ14" s="110">
        <v>934764</v>
      </c>
      <c r="BR14" s="114">
        <v>477837</v>
      </c>
      <c r="BS14" s="113">
        <v>1412601</v>
      </c>
      <c r="BT14" s="110">
        <v>0</v>
      </c>
      <c r="BU14" s="114">
        <v>5525634</v>
      </c>
      <c r="BV14" s="114">
        <v>6849022</v>
      </c>
      <c r="BW14" s="114">
        <v>5995473</v>
      </c>
      <c r="BX14" s="114">
        <v>6763332</v>
      </c>
      <c r="BY14" s="114">
        <v>5206533</v>
      </c>
      <c r="BZ14" s="113">
        <v>30339994</v>
      </c>
      <c r="CA14" s="116">
        <v>31752595</v>
      </c>
      <c r="CB14" s="110">
        <v>1311879</v>
      </c>
      <c r="CC14" s="114">
        <v>2347943</v>
      </c>
      <c r="CD14" s="113">
        <v>3659822</v>
      </c>
      <c r="CE14" s="110">
        <v>0</v>
      </c>
      <c r="CF14" s="114">
        <v>42303475</v>
      </c>
      <c r="CG14" s="114">
        <v>58153880</v>
      </c>
      <c r="CH14" s="114">
        <v>46785185</v>
      </c>
      <c r="CI14" s="114">
        <v>30079913</v>
      </c>
      <c r="CJ14" s="114">
        <v>18092555</v>
      </c>
      <c r="CK14" s="113">
        <v>195415008</v>
      </c>
      <c r="CL14" s="116">
        <v>199074830</v>
      </c>
      <c r="CM14" s="110">
        <v>0</v>
      </c>
      <c r="CN14" s="114">
        <v>0</v>
      </c>
      <c r="CO14" s="113">
        <v>0</v>
      </c>
      <c r="CP14" s="111">
        <v>0</v>
      </c>
      <c r="CQ14" s="114">
        <v>36337840</v>
      </c>
      <c r="CR14" s="114">
        <v>46769101</v>
      </c>
      <c r="CS14" s="114">
        <v>38467836</v>
      </c>
      <c r="CT14" s="114">
        <v>24335573</v>
      </c>
      <c r="CU14" s="114">
        <v>16361470</v>
      </c>
      <c r="CV14" s="113">
        <v>162271820</v>
      </c>
      <c r="CW14" s="116">
        <v>162271820</v>
      </c>
      <c r="CX14" s="110">
        <v>1311879</v>
      </c>
      <c r="CY14" s="114">
        <v>2347943</v>
      </c>
      <c r="CZ14" s="113">
        <v>3659822</v>
      </c>
      <c r="DA14" s="110">
        <v>0</v>
      </c>
      <c r="DB14" s="114">
        <v>5965635</v>
      </c>
      <c r="DC14" s="114">
        <v>11384779</v>
      </c>
      <c r="DD14" s="114">
        <v>8317349</v>
      </c>
      <c r="DE14" s="114">
        <v>5744340</v>
      </c>
      <c r="DF14" s="114">
        <v>1731085</v>
      </c>
      <c r="DG14" s="113">
        <v>33143188</v>
      </c>
      <c r="DH14" s="116">
        <v>36803010</v>
      </c>
      <c r="DI14" s="110">
        <v>5192</v>
      </c>
      <c r="DJ14" s="114">
        <v>170430</v>
      </c>
      <c r="DK14" s="112">
        <v>175622</v>
      </c>
      <c r="DL14" s="111">
        <v>0</v>
      </c>
      <c r="DM14" s="114">
        <v>4055830</v>
      </c>
      <c r="DN14" s="114">
        <v>9200751</v>
      </c>
      <c r="DO14" s="114">
        <v>22161929</v>
      </c>
      <c r="DP14" s="114">
        <v>13628457</v>
      </c>
      <c r="DQ14" s="114">
        <v>9206917</v>
      </c>
      <c r="DR14" s="113">
        <v>58253884</v>
      </c>
      <c r="DS14" s="116">
        <v>58429506</v>
      </c>
      <c r="DT14" s="110">
        <v>5192</v>
      </c>
      <c r="DU14" s="114">
        <v>170430</v>
      </c>
      <c r="DV14" s="113">
        <v>175622</v>
      </c>
      <c r="DW14" s="110">
        <v>0</v>
      </c>
      <c r="DX14" s="114">
        <v>3940486</v>
      </c>
      <c r="DY14" s="114">
        <v>8918106</v>
      </c>
      <c r="DZ14" s="114">
        <v>21608529</v>
      </c>
      <c r="EA14" s="114">
        <v>13526070</v>
      </c>
      <c r="EB14" s="114">
        <v>9110569</v>
      </c>
      <c r="EC14" s="113">
        <v>57103760</v>
      </c>
      <c r="ED14" s="116">
        <v>57279382</v>
      </c>
      <c r="EE14" s="110">
        <v>0</v>
      </c>
      <c r="EF14" s="112">
        <v>0</v>
      </c>
      <c r="EG14" s="113">
        <v>0</v>
      </c>
      <c r="EH14" s="110">
        <v>0</v>
      </c>
      <c r="EI14" s="114">
        <v>115344</v>
      </c>
      <c r="EJ14" s="114">
        <v>282645</v>
      </c>
      <c r="EK14" s="114">
        <v>553400</v>
      </c>
      <c r="EL14" s="114">
        <v>102387</v>
      </c>
      <c r="EM14" s="114">
        <v>96348</v>
      </c>
      <c r="EN14" s="112">
        <v>1150124</v>
      </c>
      <c r="EO14" s="116">
        <v>1150124</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3306377</v>
      </c>
      <c r="FM14" s="114">
        <v>4365646</v>
      </c>
      <c r="FN14" s="113">
        <v>7672023</v>
      </c>
      <c r="FO14" s="110">
        <v>0</v>
      </c>
      <c r="FP14" s="114">
        <v>9418068</v>
      </c>
      <c r="FQ14" s="114">
        <v>20846849</v>
      </c>
      <c r="FR14" s="114">
        <v>14484250</v>
      </c>
      <c r="FS14" s="114">
        <v>12484897</v>
      </c>
      <c r="FT14" s="114">
        <v>9310490</v>
      </c>
      <c r="FU14" s="113">
        <v>66544554</v>
      </c>
      <c r="FV14" s="116">
        <v>74216577</v>
      </c>
      <c r="FW14" s="115">
        <v>2001589</v>
      </c>
      <c r="FX14" s="114">
        <v>3528854</v>
      </c>
      <c r="FY14" s="112">
        <v>5530443</v>
      </c>
      <c r="FZ14" s="111">
        <v>0</v>
      </c>
      <c r="GA14" s="114">
        <v>6866213</v>
      </c>
      <c r="GB14" s="114">
        <v>19533167</v>
      </c>
      <c r="GC14" s="114">
        <v>13767301</v>
      </c>
      <c r="GD14" s="114">
        <v>11786461</v>
      </c>
      <c r="GE14" s="114">
        <v>9234674</v>
      </c>
      <c r="GF14" s="113">
        <v>61187816</v>
      </c>
      <c r="GG14" s="318">
        <v>66718259</v>
      </c>
      <c r="GH14" s="115">
        <v>158408</v>
      </c>
      <c r="GI14" s="114">
        <v>390392</v>
      </c>
      <c r="GJ14" s="112">
        <v>548800</v>
      </c>
      <c r="GK14" s="111">
        <v>0</v>
      </c>
      <c r="GL14" s="114">
        <v>308398</v>
      </c>
      <c r="GM14" s="114">
        <v>479686</v>
      </c>
      <c r="GN14" s="114">
        <v>319608</v>
      </c>
      <c r="GO14" s="114">
        <v>268917</v>
      </c>
      <c r="GP14" s="114">
        <v>36450</v>
      </c>
      <c r="GQ14" s="113">
        <v>1413059</v>
      </c>
      <c r="GR14" s="116">
        <v>1961859</v>
      </c>
      <c r="GS14" s="110">
        <v>1146380</v>
      </c>
      <c r="GT14" s="114">
        <v>446400</v>
      </c>
      <c r="GU14" s="113">
        <v>1592780</v>
      </c>
      <c r="GV14" s="110">
        <v>0</v>
      </c>
      <c r="GW14" s="114">
        <v>2243457</v>
      </c>
      <c r="GX14" s="114">
        <v>833996</v>
      </c>
      <c r="GY14" s="114">
        <v>397341</v>
      </c>
      <c r="GZ14" s="114">
        <v>429519</v>
      </c>
      <c r="HA14" s="114">
        <v>39366</v>
      </c>
      <c r="HB14" s="112">
        <v>3943679</v>
      </c>
      <c r="HC14" s="116">
        <v>5536459</v>
      </c>
      <c r="HD14" s="110">
        <v>2940550</v>
      </c>
      <c r="HE14" s="114">
        <v>1858570</v>
      </c>
      <c r="HF14" s="112">
        <v>4799120</v>
      </c>
      <c r="HG14" s="111">
        <v>0</v>
      </c>
      <c r="HH14" s="114">
        <v>25838320</v>
      </c>
      <c r="HI14" s="114">
        <v>21762711</v>
      </c>
      <c r="HJ14" s="114">
        <v>21791806</v>
      </c>
      <c r="HK14" s="114">
        <v>29449986</v>
      </c>
      <c r="HL14" s="114">
        <v>20298542</v>
      </c>
      <c r="HM14" s="113">
        <v>119141365</v>
      </c>
      <c r="HN14" s="109">
        <v>123940485</v>
      </c>
      <c r="HO14" s="115">
        <v>2357397</v>
      </c>
      <c r="HP14" s="114">
        <v>2974051</v>
      </c>
      <c r="HQ14" s="113">
        <v>5331448</v>
      </c>
      <c r="HR14" s="110">
        <v>0</v>
      </c>
      <c r="HS14" s="114">
        <v>26649439</v>
      </c>
      <c r="HT14" s="114">
        <v>28447176</v>
      </c>
      <c r="HU14" s="114">
        <v>19026564</v>
      </c>
      <c r="HV14" s="114">
        <v>11998134</v>
      </c>
      <c r="HW14" s="114">
        <v>7698548</v>
      </c>
      <c r="HX14" s="112">
        <v>93819861</v>
      </c>
      <c r="HY14" s="116">
        <v>99151309</v>
      </c>
      <c r="HZ14" s="131">
        <v>575438</v>
      </c>
      <c r="IA14" s="132">
        <v>975139</v>
      </c>
      <c r="IB14" s="133">
        <v>1550577</v>
      </c>
      <c r="IC14" s="134">
        <v>0</v>
      </c>
      <c r="ID14" s="135">
        <v>57188003</v>
      </c>
      <c r="IE14" s="136">
        <v>72395248</v>
      </c>
      <c r="IF14" s="137">
        <v>72572024</v>
      </c>
      <c r="IG14" s="135">
        <v>53524896</v>
      </c>
      <c r="IH14" s="137">
        <v>26162958</v>
      </c>
      <c r="II14" s="138">
        <v>281843129</v>
      </c>
      <c r="IJ14" s="139">
        <v>283393706</v>
      </c>
      <c r="IK14" s="232">
        <v>0</v>
      </c>
      <c r="IL14" s="236">
        <v>0</v>
      </c>
      <c r="IM14" s="237">
        <v>0</v>
      </c>
      <c r="IN14" s="140"/>
      <c r="IO14" s="119">
        <v>268280</v>
      </c>
      <c r="IP14" s="119">
        <v>1200686</v>
      </c>
      <c r="IQ14" s="119">
        <v>617539</v>
      </c>
      <c r="IR14" s="119">
        <v>1305189</v>
      </c>
      <c r="IS14" s="119">
        <v>853637</v>
      </c>
      <c r="IT14" s="141">
        <v>4245331</v>
      </c>
      <c r="IU14" s="320">
        <v>4245331</v>
      </c>
      <c r="IV14" s="142">
        <v>0</v>
      </c>
      <c r="IW14" s="119">
        <v>0</v>
      </c>
      <c r="IX14" s="120">
        <v>0</v>
      </c>
      <c r="IY14" s="144"/>
      <c r="IZ14" s="119">
        <v>37882</v>
      </c>
      <c r="JA14" s="119">
        <v>18941</v>
      </c>
      <c r="JB14" s="119">
        <v>0</v>
      </c>
      <c r="JC14" s="119">
        <v>0</v>
      </c>
      <c r="JD14" s="119">
        <v>137117</v>
      </c>
      <c r="JE14" s="120">
        <v>193940</v>
      </c>
      <c r="JF14" s="121">
        <v>193940</v>
      </c>
      <c r="JG14" s="142">
        <v>0</v>
      </c>
      <c r="JH14" s="119">
        <v>28505</v>
      </c>
      <c r="JI14" s="141">
        <v>28505</v>
      </c>
      <c r="JJ14" s="118">
        <v>0</v>
      </c>
      <c r="JK14" s="119">
        <v>29163030</v>
      </c>
      <c r="JL14" s="119">
        <v>34315329</v>
      </c>
      <c r="JM14" s="119">
        <v>25945653</v>
      </c>
      <c r="JN14" s="119">
        <v>13759382</v>
      </c>
      <c r="JO14" s="119">
        <v>5445796</v>
      </c>
      <c r="JP14" s="120">
        <v>108629190</v>
      </c>
      <c r="JQ14" s="320">
        <v>108657695</v>
      </c>
      <c r="JR14" s="142">
        <v>0</v>
      </c>
      <c r="JS14" s="119">
        <v>0</v>
      </c>
      <c r="JT14" s="141">
        <v>0</v>
      </c>
      <c r="JU14" s="118">
        <v>0</v>
      </c>
      <c r="JV14" s="119">
        <v>494218</v>
      </c>
      <c r="JW14" s="119">
        <v>910218</v>
      </c>
      <c r="JX14" s="119">
        <v>1498302</v>
      </c>
      <c r="JY14" s="119">
        <v>935622</v>
      </c>
      <c r="JZ14" s="119">
        <v>1480287</v>
      </c>
      <c r="KA14" s="120">
        <v>5318647</v>
      </c>
      <c r="KB14" s="320">
        <v>5318647</v>
      </c>
      <c r="KC14" s="234">
        <v>575438</v>
      </c>
      <c r="KD14" s="230">
        <v>946634</v>
      </c>
      <c r="KE14" s="120">
        <v>1522072</v>
      </c>
      <c r="KF14" s="118">
        <v>0</v>
      </c>
      <c r="KG14" s="119">
        <v>8666518</v>
      </c>
      <c r="KH14" s="119">
        <v>9328539</v>
      </c>
      <c r="KI14" s="119">
        <v>13195462</v>
      </c>
      <c r="KJ14" s="119">
        <v>8496934</v>
      </c>
      <c r="KK14" s="119">
        <v>605058</v>
      </c>
      <c r="KL14" s="120">
        <v>40292511</v>
      </c>
      <c r="KM14" s="143">
        <v>41814583</v>
      </c>
      <c r="KN14" s="232">
        <v>0</v>
      </c>
      <c r="KO14" s="236">
        <v>0</v>
      </c>
      <c r="KP14" s="237">
        <v>0</v>
      </c>
      <c r="KQ14" s="140"/>
      <c r="KR14" s="119">
        <v>16485636</v>
      </c>
      <c r="KS14" s="119">
        <v>20676025</v>
      </c>
      <c r="KT14" s="119">
        <v>21366389</v>
      </c>
      <c r="KU14" s="119">
        <v>17860076</v>
      </c>
      <c r="KV14" s="119">
        <v>9764327</v>
      </c>
      <c r="KW14" s="120">
        <v>86152453</v>
      </c>
      <c r="KX14" s="320">
        <v>86152453</v>
      </c>
      <c r="KY14" s="142">
        <v>0</v>
      </c>
      <c r="KZ14" s="119">
        <v>0</v>
      </c>
      <c r="LA14" s="120">
        <v>0</v>
      </c>
      <c r="LB14" s="145"/>
      <c r="LC14" s="119">
        <v>566901</v>
      </c>
      <c r="LD14" s="119">
        <v>1883695</v>
      </c>
      <c r="LE14" s="119">
        <v>2225421</v>
      </c>
      <c r="LF14" s="119">
        <v>3183040</v>
      </c>
      <c r="LG14" s="119">
        <v>803014</v>
      </c>
      <c r="LH14" s="120">
        <v>8662071</v>
      </c>
      <c r="LI14" s="121">
        <v>8662071</v>
      </c>
      <c r="LJ14" s="142">
        <v>0</v>
      </c>
      <c r="LK14" s="119">
        <v>0</v>
      </c>
      <c r="LL14" s="120">
        <v>0</v>
      </c>
      <c r="LM14" s="145"/>
      <c r="LN14" s="119">
        <v>0</v>
      </c>
      <c r="LO14" s="119">
        <v>467802</v>
      </c>
      <c r="LP14" s="119">
        <v>4058465</v>
      </c>
      <c r="LQ14" s="119">
        <v>5124196</v>
      </c>
      <c r="LR14" s="119">
        <v>4600551</v>
      </c>
      <c r="LS14" s="120">
        <v>14251014</v>
      </c>
      <c r="LT14" s="320">
        <v>14251014</v>
      </c>
      <c r="LU14" s="142">
        <v>0</v>
      </c>
      <c r="LV14" s="119">
        <v>0</v>
      </c>
      <c r="LW14" s="120">
        <v>0</v>
      </c>
      <c r="LX14" s="145"/>
      <c r="LY14" s="119">
        <v>1505538</v>
      </c>
      <c r="LZ14" s="119">
        <v>3594013</v>
      </c>
      <c r="MA14" s="119">
        <v>3664793</v>
      </c>
      <c r="MB14" s="119">
        <v>2860457</v>
      </c>
      <c r="MC14" s="119">
        <v>2473171</v>
      </c>
      <c r="MD14" s="120">
        <v>14097972</v>
      </c>
      <c r="ME14" s="121">
        <v>14097972</v>
      </c>
      <c r="MF14" s="142">
        <v>0</v>
      </c>
      <c r="MG14" s="119">
        <v>0</v>
      </c>
      <c r="MH14" s="120">
        <v>0</v>
      </c>
      <c r="MI14" s="145"/>
      <c r="MJ14" s="119">
        <v>15940397</v>
      </c>
      <c r="MK14" s="119">
        <v>44335188</v>
      </c>
      <c r="ML14" s="119">
        <v>144216642</v>
      </c>
      <c r="MM14" s="119">
        <v>158798460</v>
      </c>
      <c r="MN14" s="119">
        <v>99012670</v>
      </c>
      <c r="MO14" s="120">
        <v>462303357</v>
      </c>
      <c r="MP14" s="143">
        <v>462303357</v>
      </c>
      <c r="MQ14" s="142">
        <v>0</v>
      </c>
      <c r="MR14" s="119">
        <v>0</v>
      </c>
      <c r="MS14" s="120">
        <v>0</v>
      </c>
      <c r="MT14" s="145"/>
      <c r="MU14" s="119">
        <v>4300839</v>
      </c>
      <c r="MV14" s="119">
        <v>15286474</v>
      </c>
      <c r="MW14" s="119">
        <v>94031992</v>
      </c>
      <c r="MX14" s="119">
        <v>115773120</v>
      </c>
      <c r="MY14" s="119">
        <v>73085939</v>
      </c>
      <c r="MZ14" s="120">
        <v>302478364</v>
      </c>
      <c r="NA14" s="143">
        <v>302478364</v>
      </c>
      <c r="NB14" s="142">
        <v>0</v>
      </c>
      <c r="NC14" s="119">
        <v>0</v>
      </c>
      <c r="ND14" s="120">
        <v>0</v>
      </c>
      <c r="NE14" s="145"/>
      <c r="NF14" s="119">
        <v>11414198</v>
      </c>
      <c r="NG14" s="119">
        <v>29048714</v>
      </c>
      <c r="NH14" s="119">
        <v>49417472</v>
      </c>
      <c r="NI14" s="119">
        <v>40011236</v>
      </c>
      <c r="NJ14" s="119">
        <v>21397476</v>
      </c>
      <c r="NK14" s="120">
        <v>151289096</v>
      </c>
      <c r="NL14" s="320">
        <v>151289096</v>
      </c>
      <c r="NM14" s="142">
        <v>0</v>
      </c>
      <c r="NN14" s="119">
        <v>0</v>
      </c>
      <c r="NO14" s="120">
        <v>0</v>
      </c>
      <c r="NP14" s="145"/>
      <c r="NQ14" s="119">
        <v>0</v>
      </c>
      <c r="NR14" s="119">
        <v>0</v>
      </c>
      <c r="NS14" s="119">
        <v>0</v>
      </c>
      <c r="NT14" s="119">
        <v>364811</v>
      </c>
      <c r="NU14" s="119">
        <v>0</v>
      </c>
      <c r="NV14" s="120">
        <v>364811</v>
      </c>
      <c r="NW14" s="121">
        <v>364811</v>
      </c>
      <c r="NX14" s="142">
        <v>0</v>
      </c>
      <c r="NY14" s="119">
        <v>0</v>
      </c>
      <c r="NZ14" s="120">
        <v>0</v>
      </c>
      <c r="OA14" s="145"/>
      <c r="OB14" s="119">
        <v>225360</v>
      </c>
      <c r="OC14" s="119">
        <v>0</v>
      </c>
      <c r="OD14" s="119">
        <v>767178</v>
      </c>
      <c r="OE14" s="119">
        <v>2649293</v>
      </c>
      <c r="OF14" s="119">
        <v>4529255</v>
      </c>
      <c r="OG14" s="120">
        <v>8171086</v>
      </c>
      <c r="OH14" s="121">
        <v>8171086</v>
      </c>
      <c r="OI14" s="142">
        <v>12704075</v>
      </c>
      <c r="OJ14" s="119">
        <v>15603482</v>
      </c>
      <c r="OK14" s="141">
        <v>28307557</v>
      </c>
      <c r="OL14" s="118">
        <v>0</v>
      </c>
      <c r="OM14" s="119">
        <v>220330766</v>
      </c>
      <c r="ON14" s="119">
        <v>320642317</v>
      </c>
      <c r="OO14" s="119">
        <v>399714785</v>
      </c>
      <c r="OP14" s="119">
        <v>375582516</v>
      </c>
      <c r="OQ14" s="119">
        <v>261485156</v>
      </c>
      <c r="OR14" s="120">
        <v>1577755540</v>
      </c>
      <c r="OS14" s="143">
        <v>1606063097</v>
      </c>
    </row>
    <row r="15" spans="1:409" ht="21" customHeight="1" x14ac:dyDescent="0.2">
      <c r="B15" s="62" t="s">
        <v>9</v>
      </c>
      <c r="C15" s="110">
        <v>11241645</v>
      </c>
      <c r="D15" s="114">
        <v>14108103</v>
      </c>
      <c r="E15" s="113">
        <v>25349748</v>
      </c>
      <c r="F15" s="111">
        <v>0</v>
      </c>
      <c r="G15" s="114">
        <v>151341165</v>
      </c>
      <c r="H15" s="114">
        <v>155028695</v>
      </c>
      <c r="I15" s="114">
        <v>151707935</v>
      </c>
      <c r="J15" s="114">
        <v>165653597</v>
      </c>
      <c r="K15" s="114">
        <v>138547945</v>
      </c>
      <c r="L15" s="109">
        <v>762279337</v>
      </c>
      <c r="M15" s="116">
        <v>787629085</v>
      </c>
      <c r="N15" s="110">
        <v>1801445</v>
      </c>
      <c r="O15" s="114">
        <v>2794626</v>
      </c>
      <c r="P15" s="113">
        <v>4596071</v>
      </c>
      <c r="Q15" s="110">
        <v>0</v>
      </c>
      <c r="R15" s="114">
        <v>43725408</v>
      </c>
      <c r="S15" s="114">
        <v>51669384</v>
      </c>
      <c r="T15" s="114">
        <v>51530025</v>
      </c>
      <c r="U15" s="114">
        <v>70336232</v>
      </c>
      <c r="V15" s="114">
        <v>74925337</v>
      </c>
      <c r="W15" s="113">
        <v>292186386</v>
      </c>
      <c r="X15" s="116">
        <v>296782457</v>
      </c>
      <c r="Y15" s="110">
        <v>0</v>
      </c>
      <c r="Z15" s="114">
        <v>0</v>
      </c>
      <c r="AA15" s="113">
        <v>0</v>
      </c>
      <c r="AB15" s="110">
        <v>0</v>
      </c>
      <c r="AC15" s="114">
        <v>20548308</v>
      </c>
      <c r="AD15" s="114">
        <v>28175843</v>
      </c>
      <c r="AE15" s="114">
        <v>30972865</v>
      </c>
      <c r="AF15" s="114">
        <v>45266064</v>
      </c>
      <c r="AG15" s="114">
        <v>48243492</v>
      </c>
      <c r="AH15" s="113">
        <v>173206572</v>
      </c>
      <c r="AI15" s="116">
        <v>173206572</v>
      </c>
      <c r="AJ15" s="110">
        <v>0</v>
      </c>
      <c r="AK15" s="114">
        <v>0</v>
      </c>
      <c r="AL15" s="113">
        <v>0</v>
      </c>
      <c r="AM15" s="110">
        <v>0</v>
      </c>
      <c r="AN15" s="114">
        <v>105650</v>
      </c>
      <c r="AO15" s="114">
        <v>318634</v>
      </c>
      <c r="AP15" s="114">
        <v>889984</v>
      </c>
      <c r="AQ15" s="114">
        <v>3415511</v>
      </c>
      <c r="AR15" s="114">
        <v>6913033</v>
      </c>
      <c r="AS15" s="113">
        <v>11642812</v>
      </c>
      <c r="AT15" s="116">
        <v>11642812</v>
      </c>
      <c r="AU15" s="110">
        <v>782948</v>
      </c>
      <c r="AV15" s="114">
        <v>1750155</v>
      </c>
      <c r="AW15" s="113">
        <v>2533103</v>
      </c>
      <c r="AX15" s="110">
        <v>0</v>
      </c>
      <c r="AY15" s="114">
        <v>14434911</v>
      </c>
      <c r="AZ15" s="114">
        <v>13713525</v>
      </c>
      <c r="BA15" s="114">
        <v>10232174</v>
      </c>
      <c r="BB15" s="114">
        <v>11597908</v>
      </c>
      <c r="BC15" s="114">
        <v>11947924</v>
      </c>
      <c r="BD15" s="113">
        <v>61926442</v>
      </c>
      <c r="BE15" s="116">
        <v>64459545</v>
      </c>
      <c r="BF15" s="110">
        <v>73217</v>
      </c>
      <c r="BG15" s="114">
        <v>445868</v>
      </c>
      <c r="BH15" s="112">
        <v>519085</v>
      </c>
      <c r="BI15" s="111">
        <v>0</v>
      </c>
      <c r="BJ15" s="114">
        <v>1672750</v>
      </c>
      <c r="BK15" s="114">
        <v>1977121</v>
      </c>
      <c r="BL15" s="114">
        <v>1933895</v>
      </c>
      <c r="BM15" s="114">
        <v>1713711</v>
      </c>
      <c r="BN15" s="114">
        <v>1572020</v>
      </c>
      <c r="BO15" s="113">
        <v>8869497</v>
      </c>
      <c r="BP15" s="116">
        <v>9388582</v>
      </c>
      <c r="BQ15" s="110">
        <v>945280</v>
      </c>
      <c r="BR15" s="114">
        <v>598603</v>
      </c>
      <c r="BS15" s="113">
        <v>1543883</v>
      </c>
      <c r="BT15" s="110">
        <v>0</v>
      </c>
      <c r="BU15" s="114">
        <v>6963789</v>
      </c>
      <c r="BV15" s="114">
        <v>7484261</v>
      </c>
      <c r="BW15" s="114">
        <v>7501107</v>
      </c>
      <c r="BX15" s="114">
        <v>8343038</v>
      </c>
      <c r="BY15" s="114">
        <v>6248868</v>
      </c>
      <c r="BZ15" s="113">
        <v>36541063</v>
      </c>
      <c r="CA15" s="116">
        <v>38084946</v>
      </c>
      <c r="CB15" s="110">
        <v>900792</v>
      </c>
      <c r="CC15" s="114">
        <v>2567887</v>
      </c>
      <c r="CD15" s="113">
        <v>3468679</v>
      </c>
      <c r="CE15" s="110">
        <v>0</v>
      </c>
      <c r="CF15" s="114">
        <v>33846210</v>
      </c>
      <c r="CG15" s="114">
        <v>32156151</v>
      </c>
      <c r="CH15" s="114">
        <v>28304900</v>
      </c>
      <c r="CI15" s="114">
        <v>19971242</v>
      </c>
      <c r="CJ15" s="114">
        <v>9308939</v>
      </c>
      <c r="CK15" s="113">
        <v>123587442</v>
      </c>
      <c r="CL15" s="116">
        <v>127056121</v>
      </c>
      <c r="CM15" s="110">
        <v>0</v>
      </c>
      <c r="CN15" s="114">
        <v>0</v>
      </c>
      <c r="CO15" s="113">
        <v>0</v>
      </c>
      <c r="CP15" s="111">
        <v>0</v>
      </c>
      <c r="CQ15" s="114">
        <v>27716332</v>
      </c>
      <c r="CR15" s="114">
        <v>24549632</v>
      </c>
      <c r="CS15" s="114">
        <v>22033617</v>
      </c>
      <c r="CT15" s="114">
        <v>14964467</v>
      </c>
      <c r="CU15" s="114">
        <v>6776251</v>
      </c>
      <c r="CV15" s="113">
        <v>96040299</v>
      </c>
      <c r="CW15" s="116">
        <v>96040299</v>
      </c>
      <c r="CX15" s="110">
        <v>900792</v>
      </c>
      <c r="CY15" s="114">
        <v>2567887</v>
      </c>
      <c r="CZ15" s="113">
        <v>3468679</v>
      </c>
      <c r="DA15" s="110">
        <v>0</v>
      </c>
      <c r="DB15" s="114">
        <v>6129878</v>
      </c>
      <c r="DC15" s="114">
        <v>7606519</v>
      </c>
      <c r="DD15" s="114">
        <v>6271283</v>
      </c>
      <c r="DE15" s="114">
        <v>5006775</v>
      </c>
      <c r="DF15" s="114">
        <v>2532688</v>
      </c>
      <c r="DG15" s="113">
        <v>27547143</v>
      </c>
      <c r="DH15" s="116">
        <v>31015822</v>
      </c>
      <c r="DI15" s="110">
        <v>89698</v>
      </c>
      <c r="DJ15" s="114">
        <v>167973</v>
      </c>
      <c r="DK15" s="112">
        <v>257671</v>
      </c>
      <c r="DL15" s="111">
        <v>0</v>
      </c>
      <c r="DM15" s="114">
        <v>3294255</v>
      </c>
      <c r="DN15" s="114">
        <v>8117954</v>
      </c>
      <c r="DO15" s="114">
        <v>16336602</v>
      </c>
      <c r="DP15" s="114">
        <v>13674759</v>
      </c>
      <c r="DQ15" s="114">
        <v>7464603</v>
      </c>
      <c r="DR15" s="113">
        <v>48888173</v>
      </c>
      <c r="DS15" s="116">
        <v>49145844</v>
      </c>
      <c r="DT15" s="110">
        <v>89698</v>
      </c>
      <c r="DU15" s="114">
        <v>167973</v>
      </c>
      <c r="DV15" s="113">
        <v>257671</v>
      </c>
      <c r="DW15" s="110">
        <v>0</v>
      </c>
      <c r="DX15" s="114">
        <v>2954141</v>
      </c>
      <c r="DY15" s="114">
        <v>7570001</v>
      </c>
      <c r="DZ15" s="114">
        <v>14630622</v>
      </c>
      <c r="EA15" s="114">
        <v>12072768</v>
      </c>
      <c r="EB15" s="114">
        <v>6302110</v>
      </c>
      <c r="EC15" s="113">
        <v>43529642</v>
      </c>
      <c r="ED15" s="116">
        <v>43787313</v>
      </c>
      <c r="EE15" s="110">
        <v>0</v>
      </c>
      <c r="EF15" s="112">
        <v>0</v>
      </c>
      <c r="EG15" s="113">
        <v>0</v>
      </c>
      <c r="EH15" s="110">
        <v>0</v>
      </c>
      <c r="EI15" s="114">
        <v>340114</v>
      </c>
      <c r="EJ15" s="114">
        <v>547953</v>
      </c>
      <c r="EK15" s="114">
        <v>1705980</v>
      </c>
      <c r="EL15" s="114">
        <v>1601991</v>
      </c>
      <c r="EM15" s="114">
        <v>1162493</v>
      </c>
      <c r="EN15" s="112">
        <v>5358531</v>
      </c>
      <c r="EO15" s="116">
        <v>5358531</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3637189</v>
      </c>
      <c r="FM15" s="114">
        <v>3690353</v>
      </c>
      <c r="FN15" s="113">
        <v>7327542</v>
      </c>
      <c r="FO15" s="110">
        <v>0</v>
      </c>
      <c r="FP15" s="114">
        <v>10235877</v>
      </c>
      <c r="FQ15" s="114">
        <v>13721236</v>
      </c>
      <c r="FR15" s="114">
        <v>11263123</v>
      </c>
      <c r="FS15" s="114">
        <v>12081504</v>
      </c>
      <c r="FT15" s="114">
        <v>8823662</v>
      </c>
      <c r="FU15" s="113">
        <v>56125402</v>
      </c>
      <c r="FV15" s="116">
        <v>63452944</v>
      </c>
      <c r="FW15" s="115">
        <v>1828723</v>
      </c>
      <c r="FX15" s="114">
        <v>2585993</v>
      </c>
      <c r="FY15" s="112">
        <v>4414716</v>
      </c>
      <c r="FZ15" s="111">
        <v>0</v>
      </c>
      <c r="GA15" s="114">
        <v>7555210</v>
      </c>
      <c r="GB15" s="114">
        <v>12156859</v>
      </c>
      <c r="GC15" s="114">
        <v>10364569</v>
      </c>
      <c r="GD15" s="114">
        <v>11163448</v>
      </c>
      <c r="GE15" s="114">
        <v>8566632</v>
      </c>
      <c r="GF15" s="113">
        <v>49806718</v>
      </c>
      <c r="GG15" s="318">
        <v>54221434</v>
      </c>
      <c r="GH15" s="115">
        <v>202452</v>
      </c>
      <c r="GI15" s="114">
        <v>156510</v>
      </c>
      <c r="GJ15" s="112">
        <v>358962</v>
      </c>
      <c r="GK15" s="111">
        <v>0</v>
      </c>
      <c r="GL15" s="114">
        <v>654754</v>
      </c>
      <c r="GM15" s="114">
        <v>574458</v>
      </c>
      <c r="GN15" s="114">
        <v>448362</v>
      </c>
      <c r="GO15" s="114">
        <v>359136</v>
      </c>
      <c r="GP15" s="114">
        <v>125030</v>
      </c>
      <c r="GQ15" s="113">
        <v>2161740</v>
      </c>
      <c r="GR15" s="116">
        <v>2520702</v>
      </c>
      <c r="GS15" s="110">
        <v>1606014</v>
      </c>
      <c r="GT15" s="114">
        <v>947850</v>
      </c>
      <c r="GU15" s="113">
        <v>2553864</v>
      </c>
      <c r="GV15" s="110">
        <v>0</v>
      </c>
      <c r="GW15" s="114">
        <v>2025913</v>
      </c>
      <c r="GX15" s="114">
        <v>989919</v>
      </c>
      <c r="GY15" s="114">
        <v>450192</v>
      </c>
      <c r="GZ15" s="114">
        <v>558920</v>
      </c>
      <c r="HA15" s="114">
        <v>132000</v>
      </c>
      <c r="HB15" s="112">
        <v>4156944</v>
      </c>
      <c r="HC15" s="116">
        <v>6710808</v>
      </c>
      <c r="HD15" s="110">
        <v>2707795</v>
      </c>
      <c r="HE15" s="114">
        <v>2203154</v>
      </c>
      <c r="HF15" s="112">
        <v>4910949</v>
      </c>
      <c r="HG15" s="111">
        <v>0</v>
      </c>
      <c r="HH15" s="114">
        <v>33389821</v>
      </c>
      <c r="HI15" s="114">
        <v>30180141</v>
      </c>
      <c r="HJ15" s="114">
        <v>30405072</v>
      </c>
      <c r="HK15" s="114">
        <v>38399671</v>
      </c>
      <c r="HL15" s="114">
        <v>30495516</v>
      </c>
      <c r="HM15" s="113">
        <v>162870221</v>
      </c>
      <c r="HN15" s="109">
        <v>167781170</v>
      </c>
      <c r="HO15" s="115">
        <v>2104726</v>
      </c>
      <c r="HP15" s="114">
        <v>2684110</v>
      </c>
      <c r="HQ15" s="113">
        <v>4788836</v>
      </c>
      <c r="HR15" s="110">
        <v>0</v>
      </c>
      <c r="HS15" s="114">
        <v>26849594</v>
      </c>
      <c r="HT15" s="114">
        <v>19183829</v>
      </c>
      <c r="HU15" s="114">
        <v>13868213</v>
      </c>
      <c r="HV15" s="114">
        <v>11190189</v>
      </c>
      <c r="HW15" s="114">
        <v>7529888</v>
      </c>
      <c r="HX15" s="112">
        <v>78621713</v>
      </c>
      <c r="HY15" s="116">
        <v>83410549</v>
      </c>
      <c r="HZ15" s="128">
        <v>215610</v>
      </c>
      <c r="IA15" s="149">
        <v>500142</v>
      </c>
      <c r="IB15" s="129">
        <v>715752</v>
      </c>
      <c r="IC15" s="146">
        <v>0</v>
      </c>
      <c r="ID15" s="132">
        <v>35798961</v>
      </c>
      <c r="IE15" s="147">
        <v>40798216</v>
      </c>
      <c r="IF15" s="133">
        <v>49973349</v>
      </c>
      <c r="IG15" s="132">
        <v>38189450</v>
      </c>
      <c r="IH15" s="133">
        <v>24052076</v>
      </c>
      <c r="II15" s="148">
        <v>188812052</v>
      </c>
      <c r="IJ15" s="130">
        <v>189527804</v>
      </c>
      <c r="IK15" s="232">
        <v>0</v>
      </c>
      <c r="IL15" s="236">
        <v>0</v>
      </c>
      <c r="IM15" s="237">
        <v>0</v>
      </c>
      <c r="IN15" s="140"/>
      <c r="IO15" s="119">
        <v>264350</v>
      </c>
      <c r="IP15" s="119">
        <v>760166</v>
      </c>
      <c r="IQ15" s="119">
        <v>605960</v>
      </c>
      <c r="IR15" s="119">
        <v>2056587</v>
      </c>
      <c r="IS15" s="119">
        <v>2320799</v>
      </c>
      <c r="IT15" s="141">
        <v>6007862</v>
      </c>
      <c r="IU15" s="320">
        <v>6007862</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9007154</v>
      </c>
      <c r="JL15" s="119">
        <v>16015910</v>
      </c>
      <c r="JM15" s="119">
        <v>15650774</v>
      </c>
      <c r="JN15" s="119">
        <v>9440005</v>
      </c>
      <c r="JO15" s="119">
        <v>3838402</v>
      </c>
      <c r="JP15" s="120">
        <v>63952245</v>
      </c>
      <c r="JQ15" s="320">
        <v>63952245</v>
      </c>
      <c r="JR15" s="142">
        <v>0</v>
      </c>
      <c r="JS15" s="119">
        <v>0</v>
      </c>
      <c r="JT15" s="141">
        <v>0</v>
      </c>
      <c r="JU15" s="118">
        <v>0</v>
      </c>
      <c r="JV15" s="119">
        <v>646953</v>
      </c>
      <c r="JW15" s="119">
        <v>369412</v>
      </c>
      <c r="JX15" s="119">
        <v>1026233</v>
      </c>
      <c r="JY15" s="119">
        <v>682277</v>
      </c>
      <c r="JZ15" s="119">
        <v>736460</v>
      </c>
      <c r="KA15" s="120">
        <v>3461335</v>
      </c>
      <c r="KB15" s="320">
        <v>3461335</v>
      </c>
      <c r="KC15" s="234">
        <v>215610</v>
      </c>
      <c r="KD15" s="230">
        <v>241484</v>
      </c>
      <c r="KE15" s="120">
        <v>457094</v>
      </c>
      <c r="KF15" s="118">
        <v>0</v>
      </c>
      <c r="KG15" s="119">
        <v>4314623</v>
      </c>
      <c r="KH15" s="119">
        <v>8428928</v>
      </c>
      <c r="KI15" s="119">
        <v>5209160</v>
      </c>
      <c r="KJ15" s="119">
        <v>6185015</v>
      </c>
      <c r="KK15" s="119">
        <v>1701819</v>
      </c>
      <c r="KL15" s="120">
        <v>25839545</v>
      </c>
      <c r="KM15" s="143">
        <v>26296639</v>
      </c>
      <c r="KN15" s="232">
        <v>0</v>
      </c>
      <c r="KO15" s="236">
        <v>258658</v>
      </c>
      <c r="KP15" s="237">
        <v>258658</v>
      </c>
      <c r="KQ15" s="140"/>
      <c r="KR15" s="119">
        <v>9282708</v>
      </c>
      <c r="KS15" s="119">
        <v>13740727</v>
      </c>
      <c r="KT15" s="119">
        <v>23027598</v>
      </c>
      <c r="KU15" s="119">
        <v>14418260</v>
      </c>
      <c r="KV15" s="119">
        <v>8977433</v>
      </c>
      <c r="KW15" s="120">
        <v>69446726</v>
      </c>
      <c r="KX15" s="320">
        <v>69705384</v>
      </c>
      <c r="KY15" s="142">
        <v>0</v>
      </c>
      <c r="KZ15" s="119">
        <v>0</v>
      </c>
      <c r="LA15" s="120">
        <v>0</v>
      </c>
      <c r="LB15" s="145"/>
      <c r="LC15" s="119">
        <v>1060526</v>
      </c>
      <c r="LD15" s="119">
        <v>1097760</v>
      </c>
      <c r="LE15" s="119">
        <v>915828</v>
      </c>
      <c r="LF15" s="119">
        <v>1446986</v>
      </c>
      <c r="LG15" s="119">
        <v>1360891</v>
      </c>
      <c r="LH15" s="120">
        <v>5881991</v>
      </c>
      <c r="LI15" s="121">
        <v>5881991</v>
      </c>
      <c r="LJ15" s="142">
        <v>0</v>
      </c>
      <c r="LK15" s="119">
        <v>0</v>
      </c>
      <c r="LL15" s="120">
        <v>0</v>
      </c>
      <c r="LM15" s="145"/>
      <c r="LN15" s="119">
        <v>0</v>
      </c>
      <c r="LO15" s="119">
        <v>0</v>
      </c>
      <c r="LP15" s="119">
        <v>0</v>
      </c>
      <c r="LQ15" s="119">
        <v>329808</v>
      </c>
      <c r="LR15" s="119">
        <v>0</v>
      </c>
      <c r="LS15" s="120">
        <v>329808</v>
      </c>
      <c r="LT15" s="320">
        <v>329808</v>
      </c>
      <c r="LU15" s="142">
        <v>0</v>
      </c>
      <c r="LV15" s="119">
        <v>0</v>
      </c>
      <c r="LW15" s="120">
        <v>0</v>
      </c>
      <c r="LX15" s="145"/>
      <c r="LY15" s="119">
        <v>1222647</v>
      </c>
      <c r="LZ15" s="119">
        <v>385313</v>
      </c>
      <c r="MA15" s="119">
        <v>3537796</v>
      </c>
      <c r="MB15" s="119">
        <v>3630512</v>
      </c>
      <c r="MC15" s="119">
        <v>5116272</v>
      </c>
      <c r="MD15" s="120">
        <v>13892540</v>
      </c>
      <c r="ME15" s="121">
        <v>13892540</v>
      </c>
      <c r="MF15" s="142">
        <v>0</v>
      </c>
      <c r="MG15" s="119">
        <v>0</v>
      </c>
      <c r="MH15" s="120">
        <v>0</v>
      </c>
      <c r="MI15" s="145"/>
      <c r="MJ15" s="119">
        <v>8117923</v>
      </c>
      <c r="MK15" s="119">
        <v>21118702</v>
      </c>
      <c r="ML15" s="119">
        <v>77812946</v>
      </c>
      <c r="MM15" s="119">
        <v>148674630</v>
      </c>
      <c r="MN15" s="119">
        <v>106281836</v>
      </c>
      <c r="MO15" s="120">
        <v>362006037</v>
      </c>
      <c r="MP15" s="143">
        <v>362006037</v>
      </c>
      <c r="MQ15" s="142">
        <v>0</v>
      </c>
      <c r="MR15" s="119">
        <v>0</v>
      </c>
      <c r="MS15" s="120">
        <v>0</v>
      </c>
      <c r="MT15" s="145"/>
      <c r="MU15" s="119">
        <v>2072134</v>
      </c>
      <c r="MV15" s="119">
        <v>1713106</v>
      </c>
      <c r="MW15" s="119">
        <v>54177126</v>
      </c>
      <c r="MX15" s="119">
        <v>103679983</v>
      </c>
      <c r="MY15" s="119">
        <v>82992353</v>
      </c>
      <c r="MZ15" s="120">
        <v>244634702</v>
      </c>
      <c r="NA15" s="143">
        <v>244634702</v>
      </c>
      <c r="NB15" s="142">
        <v>0</v>
      </c>
      <c r="NC15" s="119">
        <v>0</v>
      </c>
      <c r="ND15" s="120">
        <v>0</v>
      </c>
      <c r="NE15" s="145"/>
      <c r="NF15" s="119">
        <v>6045789</v>
      </c>
      <c r="NG15" s="119">
        <v>19105862</v>
      </c>
      <c r="NH15" s="119">
        <v>23275441</v>
      </c>
      <c r="NI15" s="119">
        <v>43900388</v>
      </c>
      <c r="NJ15" s="119">
        <v>21127965</v>
      </c>
      <c r="NK15" s="120">
        <v>113455445</v>
      </c>
      <c r="NL15" s="320">
        <v>113455445</v>
      </c>
      <c r="NM15" s="142">
        <v>0</v>
      </c>
      <c r="NN15" s="119">
        <v>0</v>
      </c>
      <c r="NO15" s="120">
        <v>0</v>
      </c>
      <c r="NP15" s="145"/>
      <c r="NQ15" s="119">
        <v>0</v>
      </c>
      <c r="NR15" s="119">
        <v>0</v>
      </c>
      <c r="NS15" s="119">
        <v>0</v>
      </c>
      <c r="NT15" s="119">
        <v>362021</v>
      </c>
      <c r="NU15" s="119">
        <v>0</v>
      </c>
      <c r="NV15" s="120">
        <v>362021</v>
      </c>
      <c r="NW15" s="121">
        <v>362021</v>
      </c>
      <c r="NX15" s="142">
        <v>0</v>
      </c>
      <c r="NY15" s="119">
        <v>0</v>
      </c>
      <c r="NZ15" s="120">
        <v>0</v>
      </c>
      <c r="OA15" s="145"/>
      <c r="OB15" s="119">
        <v>0</v>
      </c>
      <c r="OC15" s="119">
        <v>299734</v>
      </c>
      <c r="OD15" s="119">
        <v>360379</v>
      </c>
      <c r="OE15" s="119">
        <v>732238</v>
      </c>
      <c r="OF15" s="119">
        <v>2161518</v>
      </c>
      <c r="OG15" s="120">
        <v>3553869</v>
      </c>
      <c r="OH15" s="121">
        <v>3553869</v>
      </c>
      <c r="OI15" s="142">
        <v>11457255</v>
      </c>
      <c r="OJ15" s="119">
        <v>14608245</v>
      </c>
      <c r="OK15" s="141">
        <v>26065500</v>
      </c>
      <c r="OL15" s="118">
        <v>0</v>
      </c>
      <c r="OM15" s="119">
        <v>195258049</v>
      </c>
      <c r="ON15" s="119">
        <v>216945613</v>
      </c>
      <c r="OO15" s="119">
        <v>279494230</v>
      </c>
      <c r="OP15" s="119">
        <v>352517677</v>
      </c>
      <c r="OQ15" s="119">
        <v>268881857</v>
      </c>
      <c r="OR15" s="120">
        <v>1313097426</v>
      </c>
      <c r="OS15" s="143">
        <v>1339162926</v>
      </c>
    </row>
    <row r="16" spans="1:409" ht="21" customHeight="1" x14ac:dyDescent="0.2">
      <c r="B16" s="62" t="s">
        <v>10</v>
      </c>
      <c r="C16" s="110">
        <v>24355587</v>
      </c>
      <c r="D16" s="114">
        <v>41163970</v>
      </c>
      <c r="E16" s="113">
        <v>65519557</v>
      </c>
      <c r="F16" s="172">
        <v>0</v>
      </c>
      <c r="G16" s="114">
        <v>333501113</v>
      </c>
      <c r="H16" s="114">
        <v>267656491</v>
      </c>
      <c r="I16" s="114">
        <v>243167102</v>
      </c>
      <c r="J16" s="114">
        <v>254422544</v>
      </c>
      <c r="K16" s="114">
        <v>197226887</v>
      </c>
      <c r="L16" s="109">
        <v>1295974137</v>
      </c>
      <c r="M16" s="116">
        <v>1361493694</v>
      </c>
      <c r="N16" s="110">
        <v>6146347</v>
      </c>
      <c r="O16" s="114">
        <v>13301156</v>
      </c>
      <c r="P16" s="113">
        <v>19447503</v>
      </c>
      <c r="Q16" s="110">
        <v>0</v>
      </c>
      <c r="R16" s="114">
        <v>104727359</v>
      </c>
      <c r="S16" s="114">
        <v>88661967</v>
      </c>
      <c r="T16" s="114">
        <v>82885493</v>
      </c>
      <c r="U16" s="114">
        <v>110587488</v>
      </c>
      <c r="V16" s="114">
        <v>110053111</v>
      </c>
      <c r="W16" s="113">
        <v>496915418</v>
      </c>
      <c r="X16" s="116">
        <v>516362921</v>
      </c>
      <c r="Y16" s="110">
        <v>0</v>
      </c>
      <c r="Z16" s="114">
        <v>0</v>
      </c>
      <c r="AA16" s="113">
        <v>0</v>
      </c>
      <c r="AB16" s="110">
        <v>0</v>
      </c>
      <c r="AC16" s="114">
        <v>52952007</v>
      </c>
      <c r="AD16" s="114">
        <v>46041801</v>
      </c>
      <c r="AE16" s="114">
        <v>50775661</v>
      </c>
      <c r="AF16" s="114">
        <v>72714575</v>
      </c>
      <c r="AG16" s="114">
        <v>68643859</v>
      </c>
      <c r="AH16" s="113">
        <v>291127903</v>
      </c>
      <c r="AI16" s="116">
        <v>291127903</v>
      </c>
      <c r="AJ16" s="110">
        <v>0</v>
      </c>
      <c r="AK16" s="114">
        <v>81091</v>
      </c>
      <c r="AL16" s="113">
        <v>81091</v>
      </c>
      <c r="AM16" s="110">
        <v>0</v>
      </c>
      <c r="AN16" s="114">
        <v>355252</v>
      </c>
      <c r="AO16" s="114">
        <v>1605424</v>
      </c>
      <c r="AP16" s="114">
        <v>2394111</v>
      </c>
      <c r="AQ16" s="114">
        <v>6794861</v>
      </c>
      <c r="AR16" s="114">
        <v>12082634</v>
      </c>
      <c r="AS16" s="113">
        <v>23232282</v>
      </c>
      <c r="AT16" s="116">
        <v>23313373</v>
      </c>
      <c r="AU16" s="110">
        <v>3491886</v>
      </c>
      <c r="AV16" s="114">
        <v>9179372</v>
      </c>
      <c r="AW16" s="113">
        <v>12671258</v>
      </c>
      <c r="AX16" s="110">
        <v>0</v>
      </c>
      <c r="AY16" s="114">
        <v>31139907</v>
      </c>
      <c r="AZ16" s="114">
        <v>22963915</v>
      </c>
      <c r="BA16" s="114">
        <v>16150458</v>
      </c>
      <c r="BB16" s="114">
        <v>15428858</v>
      </c>
      <c r="BC16" s="114">
        <v>16731151</v>
      </c>
      <c r="BD16" s="113">
        <v>102414289</v>
      </c>
      <c r="BE16" s="116">
        <v>115085547</v>
      </c>
      <c r="BF16" s="110">
        <v>645005</v>
      </c>
      <c r="BG16" s="114">
        <v>1276598</v>
      </c>
      <c r="BH16" s="112">
        <v>1921603</v>
      </c>
      <c r="BI16" s="111">
        <v>0</v>
      </c>
      <c r="BJ16" s="114">
        <v>3601077</v>
      </c>
      <c r="BK16" s="114">
        <v>3167404</v>
      </c>
      <c r="BL16" s="114">
        <v>1703701</v>
      </c>
      <c r="BM16" s="114">
        <v>1654679</v>
      </c>
      <c r="BN16" s="114">
        <v>1567894</v>
      </c>
      <c r="BO16" s="113">
        <v>11694755</v>
      </c>
      <c r="BP16" s="116">
        <v>13616358</v>
      </c>
      <c r="BQ16" s="110">
        <v>2009456</v>
      </c>
      <c r="BR16" s="114">
        <v>2764095</v>
      </c>
      <c r="BS16" s="113">
        <v>4773551</v>
      </c>
      <c r="BT16" s="110">
        <v>0</v>
      </c>
      <c r="BU16" s="114">
        <v>16679116</v>
      </c>
      <c r="BV16" s="114">
        <v>14883423</v>
      </c>
      <c r="BW16" s="114">
        <v>11861562</v>
      </c>
      <c r="BX16" s="114">
        <v>13994515</v>
      </c>
      <c r="BY16" s="114">
        <v>11027573</v>
      </c>
      <c r="BZ16" s="113">
        <v>68446189</v>
      </c>
      <c r="CA16" s="116">
        <v>73219740</v>
      </c>
      <c r="CB16" s="110">
        <v>1428829</v>
      </c>
      <c r="CC16" s="114">
        <v>3615851</v>
      </c>
      <c r="CD16" s="113">
        <v>5044680</v>
      </c>
      <c r="CE16" s="110">
        <v>0</v>
      </c>
      <c r="CF16" s="114">
        <v>98023907</v>
      </c>
      <c r="CG16" s="114">
        <v>71833302</v>
      </c>
      <c r="CH16" s="114">
        <v>54771605</v>
      </c>
      <c r="CI16" s="114">
        <v>36679914</v>
      </c>
      <c r="CJ16" s="114">
        <v>17477691</v>
      </c>
      <c r="CK16" s="113">
        <v>278786419</v>
      </c>
      <c r="CL16" s="116">
        <v>283831099</v>
      </c>
      <c r="CM16" s="110">
        <v>0</v>
      </c>
      <c r="CN16" s="114">
        <v>0</v>
      </c>
      <c r="CO16" s="113">
        <v>0</v>
      </c>
      <c r="CP16" s="111">
        <v>0</v>
      </c>
      <c r="CQ16" s="114">
        <v>83497920</v>
      </c>
      <c r="CR16" s="114">
        <v>59638595</v>
      </c>
      <c r="CS16" s="114">
        <v>47762625</v>
      </c>
      <c r="CT16" s="114">
        <v>30813991</v>
      </c>
      <c r="CU16" s="114">
        <v>15242518</v>
      </c>
      <c r="CV16" s="113">
        <v>236955649</v>
      </c>
      <c r="CW16" s="116">
        <v>236955649</v>
      </c>
      <c r="CX16" s="110">
        <v>1428829</v>
      </c>
      <c r="CY16" s="114">
        <v>3615851</v>
      </c>
      <c r="CZ16" s="113">
        <v>5044680</v>
      </c>
      <c r="DA16" s="110">
        <v>0</v>
      </c>
      <c r="DB16" s="114">
        <v>14525987</v>
      </c>
      <c r="DC16" s="114">
        <v>12194707</v>
      </c>
      <c r="DD16" s="114">
        <v>7008980</v>
      </c>
      <c r="DE16" s="114">
        <v>5865923</v>
      </c>
      <c r="DF16" s="114">
        <v>2235173</v>
      </c>
      <c r="DG16" s="113">
        <v>41830770</v>
      </c>
      <c r="DH16" s="116">
        <v>46875450</v>
      </c>
      <c r="DI16" s="110">
        <v>403132</v>
      </c>
      <c r="DJ16" s="114">
        <v>1013935</v>
      </c>
      <c r="DK16" s="112">
        <v>1417067</v>
      </c>
      <c r="DL16" s="111">
        <v>0</v>
      </c>
      <c r="DM16" s="114">
        <v>8438188</v>
      </c>
      <c r="DN16" s="114">
        <v>12529502</v>
      </c>
      <c r="DO16" s="114">
        <v>21649236</v>
      </c>
      <c r="DP16" s="114">
        <v>19124767</v>
      </c>
      <c r="DQ16" s="114">
        <v>10787178</v>
      </c>
      <c r="DR16" s="113">
        <v>72528871</v>
      </c>
      <c r="DS16" s="116">
        <v>73945938</v>
      </c>
      <c r="DT16" s="110">
        <v>403132</v>
      </c>
      <c r="DU16" s="114">
        <v>847524</v>
      </c>
      <c r="DV16" s="113">
        <v>1250656</v>
      </c>
      <c r="DW16" s="110">
        <v>0</v>
      </c>
      <c r="DX16" s="114">
        <v>7914347</v>
      </c>
      <c r="DY16" s="114">
        <v>11126164</v>
      </c>
      <c r="DZ16" s="114">
        <v>20112644</v>
      </c>
      <c r="EA16" s="114">
        <v>18172518</v>
      </c>
      <c r="EB16" s="114">
        <v>9917061</v>
      </c>
      <c r="EC16" s="113">
        <v>67242734</v>
      </c>
      <c r="ED16" s="116">
        <v>68493390</v>
      </c>
      <c r="EE16" s="110">
        <v>0</v>
      </c>
      <c r="EF16" s="112">
        <v>166411</v>
      </c>
      <c r="EG16" s="113">
        <v>166411</v>
      </c>
      <c r="EH16" s="110">
        <v>0</v>
      </c>
      <c r="EI16" s="114">
        <v>523841</v>
      </c>
      <c r="EJ16" s="114">
        <v>1403338</v>
      </c>
      <c r="EK16" s="114">
        <v>1536592</v>
      </c>
      <c r="EL16" s="114">
        <v>952249</v>
      </c>
      <c r="EM16" s="114">
        <v>870117</v>
      </c>
      <c r="EN16" s="112">
        <v>5286137</v>
      </c>
      <c r="EO16" s="116">
        <v>5452548</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6474527</v>
      </c>
      <c r="FM16" s="114">
        <v>9859827</v>
      </c>
      <c r="FN16" s="113">
        <v>16334354</v>
      </c>
      <c r="FO16" s="110">
        <v>0</v>
      </c>
      <c r="FP16" s="114">
        <v>19137128</v>
      </c>
      <c r="FQ16" s="114">
        <v>22898505</v>
      </c>
      <c r="FR16" s="114">
        <v>18297948</v>
      </c>
      <c r="FS16" s="114">
        <v>17878993</v>
      </c>
      <c r="FT16" s="114">
        <v>13587960</v>
      </c>
      <c r="FU16" s="113">
        <v>91800534</v>
      </c>
      <c r="FV16" s="116">
        <v>108134888</v>
      </c>
      <c r="FW16" s="115">
        <v>4297325</v>
      </c>
      <c r="FX16" s="114">
        <v>7929335</v>
      </c>
      <c r="FY16" s="112">
        <v>12226660</v>
      </c>
      <c r="FZ16" s="111">
        <v>0</v>
      </c>
      <c r="GA16" s="114">
        <v>16105090</v>
      </c>
      <c r="GB16" s="114">
        <v>21964659</v>
      </c>
      <c r="GC16" s="114">
        <v>17584857</v>
      </c>
      <c r="GD16" s="114">
        <v>17013220</v>
      </c>
      <c r="GE16" s="114">
        <v>13427486</v>
      </c>
      <c r="GF16" s="113">
        <v>86095312</v>
      </c>
      <c r="GG16" s="318">
        <v>98321972</v>
      </c>
      <c r="GH16" s="115">
        <v>340321</v>
      </c>
      <c r="GI16" s="114">
        <v>210375</v>
      </c>
      <c r="GJ16" s="112">
        <v>550696</v>
      </c>
      <c r="GK16" s="111">
        <v>0</v>
      </c>
      <c r="GL16" s="114">
        <v>977040</v>
      </c>
      <c r="GM16" s="114">
        <v>528906</v>
      </c>
      <c r="GN16" s="114">
        <v>384623</v>
      </c>
      <c r="GO16" s="114">
        <v>779946</v>
      </c>
      <c r="GP16" s="114">
        <v>121686</v>
      </c>
      <c r="GQ16" s="113">
        <v>2792201</v>
      </c>
      <c r="GR16" s="116">
        <v>3342897</v>
      </c>
      <c r="GS16" s="110">
        <v>1836881</v>
      </c>
      <c r="GT16" s="114">
        <v>1720117</v>
      </c>
      <c r="GU16" s="113">
        <v>3556998</v>
      </c>
      <c r="GV16" s="110">
        <v>0</v>
      </c>
      <c r="GW16" s="114">
        <v>2054998</v>
      </c>
      <c r="GX16" s="114">
        <v>404940</v>
      </c>
      <c r="GY16" s="114">
        <v>328468</v>
      </c>
      <c r="GZ16" s="114">
        <v>85827</v>
      </c>
      <c r="HA16" s="114">
        <v>38788</v>
      </c>
      <c r="HB16" s="112">
        <v>2913021</v>
      </c>
      <c r="HC16" s="116">
        <v>6470019</v>
      </c>
      <c r="HD16" s="110">
        <v>4355183</v>
      </c>
      <c r="HE16" s="114">
        <v>6403843</v>
      </c>
      <c r="HF16" s="112">
        <v>10759026</v>
      </c>
      <c r="HG16" s="111">
        <v>0</v>
      </c>
      <c r="HH16" s="114">
        <v>50787526</v>
      </c>
      <c r="HI16" s="114">
        <v>43277236</v>
      </c>
      <c r="HJ16" s="114">
        <v>44652863</v>
      </c>
      <c r="HK16" s="114">
        <v>53762923</v>
      </c>
      <c r="HL16" s="114">
        <v>34304717</v>
      </c>
      <c r="HM16" s="113">
        <v>226785265</v>
      </c>
      <c r="HN16" s="109">
        <v>237544291</v>
      </c>
      <c r="HO16" s="115">
        <v>5547569</v>
      </c>
      <c r="HP16" s="114">
        <v>6969358</v>
      </c>
      <c r="HQ16" s="113">
        <v>12516927</v>
      </c>
      <c r="HR16" s="110">
        <v>0</v>
      </c>
      <c r="HS16" s="114">
        <v>52387005</v>
      </c>
      <c r="HT16" s="114">
        <v>28455979</v>
      </c>
      <c r="HU16" s="114">
        <v>20909957</v>
      </c>
      <c r="HV16" s="114">
        <v>16388459</v>
      </c>
      <c r="HW16" s="114">
        <v>11016230</v>
      </c>
      <c r="HX16" s="112">
        <v>129157630</v>
      </c>
      <c r="HY16" s="116">
        <v>141674557</v>
      </c>
      <c r="HZ16" s="150">
        <v>341950</v>
      </c>
      <c r="IA16" s="135">
        <v>3253130</v>
      </c>
      <c r="IB16" s="150">
        <v>3595080</v>
      </c>
      <c r="IC16" s="134">
        <v>0</v>
      </c>
      <c r="ID16" s="135">
        <v>77993914</v>
      </c>
      <c r="IE16" s="136">
        <v>85382332</v>
      </c>
      <c r="IF16" s="137">
        <v>80775572</v>
      </c>
      <c r="IG16" s="135">
        <v>83683154</v>
      </c>
      <c r="IH16" s="137">
        <v>70414552</v>
      </c>
      <c r="II16" s="138">
        <v>398249524</v>
      </c>
      <c r="IJ16" s="150">
        <v>401844604</v>
      </c>
      <c r="IK16" s="232">
        <v>0</v>
      </c>
      <c r="IL16" s="236">
        <v>0</v>
      </c>
      <c r="IM16" s="237">
        <v>0</v>
      </c>
      <c r="IN16" s="140"/>
      <c r="IO16" s="119">
        <v>1920257</v>
      </c>
      <c r="IP16" s="119">
        <v>1823366</v>
      </c>
      <c r="IQ16" s="119">
        <v>3210117</v>
      </c>
      <c r="IR16" s="119">
        <v>6143998</v>
      </c>
      <c r="IS16" s="119">
        <v>4239478</v>
      </c>
      <c r="IT16" s="141">
        <v>17337216</v>
      </c>
      <c r="IU16" s="320">
        <v>17337216</v>
      </c>
      <c r="IV16" s="142">
        <v>0</v>
      </c>
      <c r="IW16" s="119">
        <v>0</v>
      </c>
      <c r="IX16" s="120">
        <v>0</v>
      </c>
      <c r="IY16" s="144"/>
      <c r="IZ16" s="119">
        <v>174541</v>
      </c>
      <c r="JA16" s="119">
        <v>155028</v>
      </c>
      <c r="JB16" s="119">
        <v>228476</v>
      </c>
      <c r="JC16" s="119">
        <v>289446</v>
      </c>
      <c r="JD16" s="119">
        <v>84265</v>
      </c>
      <c r="JE16" s="120">
        <v>931756</v>
      </c>
      <c r="JF16" s="121">
        <v>931756</v>
      </c>
      <c r="JG16" s="142">
        <v>0</v>
      </c>
      <c r="JH16" s="119">
        <v>0</v>
      </c>
      <c r="JI16" s="141">
        <v>0</v>
      </c>
      <c r="JJ16" s="118">
        <v>0</v>
      </c>
      <c r="JK16" s="119">
        <v>27105056</v>
      </c>
      <c r="JL16" s="119">
        <v>17568953</v>
      </c>
      <c r="JM16" s="119">
        <v>10226263</v>
      </c>
      <c r="JN16" s="119">
        <v>7265579</v>
      </c>
      <c r="JO16" s="119">
        <v>4401870</v>
      </c>
      <c r="JP16" s="120">
        <v>66567721</v>
      </c>
      <c r="JQ16" s="320">
        <v>66567721</v>
      </c>
      <c r="JR16" s="142">
        <v>0</v>
      </c>
      <c r="JS16" s="119">
        <v>46251</v>
      </c>
      <c r="JT16" s="141">
        <v>46251</v>
      </c>
      <c r="JU16" s="118">
        <v>0</v>
      </c>
      <c r="JV16" s="119">
        <v>764657</v>
      </c>
      <c r="JW16" s="119">
        <v>1257754</v>
      </c>
      <c r="JX16" s="119">
        <v>3004166</v>
      </c>
      <c r="JY16" s="119">
        <v>1728581</v>
      </c>
      <c r="JZ16" s="119">
        <v>1972859</v>
      </c>
      <c r="KA16" s="120">
        <v>8728017</v>
      </c>
      <c r="KB16" s="320">
        <v>8774268</v>
      </c>
      <c r="KC16" s="234">
        <v>341950</v>
      </c>
      <c r="KD16" s="230">
        <v>2177950</v>
      </c>
      <c r="KE16" s="120">
        <v>2519900</v>
      </c>
      <c r="KF16" s="118">
        <v>0</v>
      </c>
      <c r="KG16" s="119">
        <v>12110879</v>
      </c>
      <c r="KH16" s="119">
        <v>14586617</v>
      </c>
      <c r="KI16" s="119">
        <v>24025871</v>
      </c>
      <c r="KJ16" s="119">
        <v>13773757</v>
      </c>
      <c r="KK16" s="119">
        <v>10654365</v>
      </c>
      <c r="KL16" s="120">
        <v>75151489</v>
      </c>
      <c r="KM16" s="143">
        <v>77671389</v>
      </c>
      <c r="KN16" s="232">
        <v>0</v>
      </c>
      <c r="KO16" s="236">
        <v>1028929</v>
      </c>
      <c r="KP16" s="237">
        <v>1028929</v>
      </c>
      <c r="KQ16" s="140"/>
      <c r="KR16" s="119">
        <v>28568483</v>
      </c>
      <c r="KS16" s="119">
        <v>36047255</v>
      </c>
      <c r="KT16" s="119">
        <v>26759073</v>
      </c>
      <c r="KU16" s="119">
        <v>25916046</v>
      </c>
      <c r="KV16" s="119">
        <v>26240111</v>
      </c>
      <c r="KW16" s="120">
        <v>143530968</v>
      </c>
      <c r="KX16" s="320">
        <v>144559897</v>
      </c>
      <c r="KY16" s="142">
        <v>0</v>
      </c>
      <c r="KZ16" s="119">
        <v>0</v>
      </c>
      <c r="LA16" s="120">
        <v>0</v>
      </c>
      <c r="LB16" s="145"/>
      <c r="LC16" s="119">
        <v>3287359</v>
      </c>
      <c r="LD16" s="119">
        <v>4629535</v>
      </c>
      <c r="LE16" s="119">
        <v>3364267</v>
      </c>
      <c r="LF16" s="119">
        <v>6526524</v>
      </c>
      <c r="LG16" s="119">
        <v>6394053</v>
      </c>
      <c r="LH16" s="120">
        <v>24201738</v>
      </c>
      <c r="LI16" s="121">
        <v>24201738</v>
      </c>
      <c r="LJ16" s="142">
        <v>0</v>
      </c>
      <c r="LK16" s="119">
        <v>0</v>
      </c>
      <c r="LL16" s="120">
        <v>0</v>
      </c>
      <c r="LM16" s="145"/>
      <c r="LN16" s="119">
        <v>0</v>
      </c>
      <c r="LO16" s="119">
        <v>212983</v>
      </c>
      <c r="LP16" s="119">
        <v>1023213</v>
      </c>
      <c r="LQ16" s="119">
        <v>5566167</v>
      </c>
      <c r="LR16" s="119">
        <v>5151825</v>
      </c>
      <c r="LS16" s="120">
        <v>11954188</v>
      </c>
      <c r="LT16" s="320">
        <v>11954188</v>
      </c>
      <c r="LU16" s="142">
        <v>0</v>
      </c>
      <c r="LV16" s="119">
        <v>0</v>
      </c>
      <c r="LW16" s="120">
        <v>0</v>
      </c>
      <c r="LX16" s="145"/>
      <c r="LY16" s="119">
        <v>4062682</v>
      </c>
      <c r="LZ16" s="119">
        <v>9100841</v>
      </c>
      <c r="MA16" s="119">
        <v>8934126</v>
      </c>
      <c r="MB16" s="119">
        <v>16473056</v>
      </c>
      <c r="MC16" s="119">
        <v>11275726</v>
      </c>
      <c r="MD16" s="120">
        <v>49846431</v>
      </c>
      <c r="ME16" s="121">
        <v>49846431</v>
      </c>
      <c r="MF16" s="142">
        <v>0</v>
      </c>
      <c r="MG16" s="119">
        <v>0</v>
      </c>
      <c r="MH16" s="120">
        <v>0</v>
      </c>
      <c r="MI16" s="145"/>
      <c r="MJ16" s="119">
        <v>28398173</v>
      </c>
      <c r="MK16" s="119">
        <v>46140383</v>
      </c>
      <c r="ML16" s="119">
        <v>150824485</v>
      </c>
      <c r="MM16" s="119">
        <v>202241639</v>
      </c>
      <c r="MN16" s="119">
        <v>191091045</v>
      </c>
      <c r="MO16" s="120">
        <v>618695725</v>
      </c>
      <c r="MP16" s="143">
        <v>618695725</v>
      </c>
      <c r="MQ16" s="142">
        <v>0</v>
      </c>
      <c r="MR16" s="119">
        <v>0</v>
      </c>
      <c r="MS16" s="120">
        <v>0</v>
      </c>
      <c r="MT16" s="145"/>
      <c r="MU16" s="119">
        <v>3971258</v>
      </c>
      <c r="MV16" s="119">
        <v>10915840</v>
      </c>
      <c r="MW16" s="119">
        <v>100018151</v>
      </c>
      <c r="MX16" s="119">
        <v>147786981</v>
      </c>
      <c r="MY16" s="119">
        <v>146100806</v>
      </c>
      <c r="MZ16" s="120">
        <v>408793036</v>
      </c>
      <c r="NA16" s="143">
        <v>408793036</v>
      </c>
      <c r="NB16" s="142">
        <v>0</v>
      </c>
      <c r="NC16" s="119">
        <v>0</v>
      </c>
      <c r="ND16" s="120">
        <v>0</v>
      </c>
      <c r="NE16" s="145"/>
      <c r="NF16" s="119">
        <v>24216512</v>
      </c>
      <c r="NG16" s="119">
        <v>35224543</v>
      </c>
      <c r="NH16" s="119">
        <v>50806334</v>
      </c>
      <c r="NI16" s="119">
        <v>53337890</v>
      </c>
      <c r="NJ16" s="119">
        <v>31943848</v>
      </c>
      <c r="NK16" s="120">
        <v>195529127</v>
      </c>
      <c r="NL16" s="320">
        <v>195529127</v>
      </c>
      <c r="NM16" s="142">
        <v>0</v>
      </c>
      <c r="NN16" s="119">
        <v>0</v>
      </c>
      <c r="NO16" s="120">
        <v>0</v>
      </c>
      <c r="NP16" s="145"/>
      <c r="NQ16" s="119">
        <v>0</v>
      </c>
      <c r="NR16" s="119">
        <v>0</v>
      </c>
      <c r="NS16" s="119">
        <v>0</v>
      </c>
      <c r="NT16" s="119">
        <v>0</v>
      </c>
      <c r="NU16" s="119">
        <v>350051</v>
      </c>
      <c r="NV16" s="120">
        <v>350051</v>
      </c>
      <c r="NW16" s="121">
        <v>350051</v>
      </c>
      <c r="NX16" s="142">
        <v>0</v>
      </c>
      <c r="NY16" s="119">
        <v>0</v>
      </c>
      <c r="NZ16" s="120">
        <v>0</v>
      </c>
      <c r="OA16" s="145"/>
      <c r="OB16" s="119">
        <v>210403</v>
      </c>
      <c r="OC16" s="119">
        <v>0</v>
      </c>
      <c r="OD16" s="119">
        <v>0</v>
      </c>
      <c r="OE16" s="119">
        <v>1116768</v>
      </c>
      <c r="OF16" s="119">
        <v>12696340</v>
      </c>
      <c r="OG16" s="120">
        <v>14023511</v>
      </c>
      <c r="OH16" s="121">
        <v>14023511</v>
      </c>
      <c r="OI16" s="142">
        <v>24697537</v>
      </c>
      <c r="OJ16" s="119">
        <v>44417100</v>
      </c>
      <c r="OK16" s="141">
        <v>69114637</v>
      </c>
      <c r="OL16" s="118">
        <v>0</v>
      </c>
      <c r="OM16" s="119">
        <v>439893200</v>
      </c>
      <c r="ON16" s="119">
        <v>399179206</v>
      </c>
      <c r="OO16" s="119">
        <v>474767159</v>
      </c>
      <c r="OP16" s="119">
        <v>540347337</v>
      </c>
      <c r="OQ16" s="119">
        <v>458732484</v>
      </c>
      <c r="OR16" s="120">
        <v>2312919386</v>
      </c>
      <c r="OS16" s="143">
        <v>2382034023</v>
      </c>
    </row>
    <row r="17" spans="2:409" ht="21" customHeight="1" x14ac:dyDescent="0.2">
      <c r="B17" s="62" t="s">
        <v>11</v>
      </c>
      <c r="C17" s="110">
        <v>10578607</v>
      </c>
      <c r="D17" s="114">
        <v>15632948</v>
      </c>
      <c r="E17" s="171">
        <v>26211555</v>
      </c>
      <c r="F17" s="111">
        <v>0</v>
      </c>
      <c r="G17" s="114">
        <v>162885517</v>
      </c>
      <c r="H17" s="114">
        <v>132531907</v>
      </c>
      <c r="I17" s="114">
        <v>135147207</v>
      </c>
      <c r="J17" s="114">
        <v>140025330</v>
      </c>
      <c r="K17" s="114">
        <v>92122865</v>
      </c>
      <c r="L17" s="109">
        <v>662712826</v>
      </c>
      <c r="M17" s="116">
        <v>688924381</v>
      </c>
      <c r="N17" s="110">
        <v>1500170</v>
      </c>
      <c r="O17" s="114">
        <v>2626527</v>
      </c>
      <c r="P17" s="113">
        <v>4126697</v>
      </c>
      <c r="Q17" s="110">
        <v>0</v>
      </c>
      <c r="R17" s="114">
        <v>39182939</v>
      </c>
      <c r="S17" s="114">
        <v>38733326</v>
      </c>
      <c r="T17" s="114">
        <v>40674636</v>
      </c>
      <c r="U17" s="114">
        <v>45693512</v>
      </c>
      <c r="V17" s="114">
        <v>45194767</v>
      </c>
      <c r="W17" s="113">
        <v>209479180</v>
      </c>
      <c r="X17" s="116">
        <v>213605877</v>
      </c>
      <c r="Y17" s="110">
        <v>0</v>
      </c>
      <c r="Z17" s="114">
        <v>0</v>
      </c>
      <c r="AA17" s="113">
        <v>0</v>
      </c>
      <c r="AB17" s="110">
        <v>0</v>
      </c>
      <c r="AC17" s="114">
        <v>20103837</v>
      </c>
      <c r="AD17" s="114">
        <v>21591076</v>
      </c>
      <c r="AE17" s="114">
        <v>24168113</v>
      </c>
      <c r="AF17" s="114">
        <v>28825123</v>
      </c>
      <c r="AG17" s="114">
        <v>29038889</v>
      </c>
      <c r="AH17" s="113">
        <v>123727038</v>
      </c>
      <c r="AI17" s="116">
        <v>123727038</v>
      </c>
      <c r="AJ17" s="110">
        <v>0</v>
      </c>
      <c r="AK17" s="114">
        <v>72685</v>
      </c>
      <c r="AL17" s="113">
        <v>72685</v>
      </c>
      <c r="AM17" s="110">
        <v>0</v>
      </c>
      <c r="AN17" s="114">
        <v>284050</v>
      </c>
      <c r="AO17" s="114">
        <v>815545</v>
      </c>
      <c r="AP17" s="114">
        <v>1485789</v>
      </c>
      <c r="AQ17" s="114">
        <v>2583832</v>
      </c>
      <c r="AR17" s="114">
        <v>3865328</v>
      </c>
      <c r="AS17" s="113">
        <v>9034544</v>
      </c>
      <c r="AT17" s="116">
        <v>9107229</v>
      </c>
      <c r="AU17" s="110">
        <v>847979</v>
      </c>
      <c r="AV17" s="114">
        <v>1839086</v>
      </c>
      <c r="AW17" s="113">
        <v>2687065</v>
      </c>
      <c r="AX17" s="110">
        <v>0</v>
      </c>
      <c r="AY17" s="114">
        <v>11837183</v>
      </c>
      <c r="AZ17" s="114">
        <v>9871432</v>
      </c>
      <c r="BA17" s="114">
        <v>8708371</v>
      </c>
      <c r="BB17" s="114">
        <v>8074252</v>
      </c>
      <c r="BC17" s="114">
        <v>8369476</v>
      </c>
      <c r="BD17" s="113">
        <v>46860714</v>
      </c>
      <c r="BE17" s="116">
        <v>49547779</v>
      </c>
      <c r="BF17" s="110">
        <v>79944</v>
      </c>
      <c r="BG17" s="114">
        <v>232171</v>
      </c>
      <c r="BH17" s="112">
        <v>312115</v>
      </c>
      <c r="BI17" s="111">
        <v>0</v>
      </c>
      <c r="BJ17" s="114">
        <v>1304491</v>
      </c>
      <c r="BK17" s="114">
        <v>981473</v>
      </c>
      <c r="BL17" s="114">
        <v>1240688</v>
      </c>
      <c r="BM17" s="114">
        <v>872594</v>
      </c>
      <c r="BN17" s="114">
        <v>282345</v>
      </c>
      <c r="BO17" s="113">
        <v>4681591</v>
      </c>
      <c r="BP17" s="116">
        <v>4993706</v>
      </c>
      <c r="BQ17" s="110">
        <v>572247</v>
      </c>
      <c r="BR17" s="114">
        <v>482585</v>
      </c>
      <c r="BS17" s="113">
        <v>1054832</v>
      </c>
      <c r="BT17" s="110">
        <v>0</v>
      </c>
      <c r="BU17" s="114">
        <v>5653378</v>
      </c>
      <c r="BV17" s="114">
        <v>5473800</v>
      </c>
      <c r="BW17" s="114">
        <v>5071675</v>
      </c>
      <c r="BX17" s="114">
        <v>5337711</v>
      </c>
      <c r="BY17" s="114">
        <v>3638729</v>
      </c>
      <c r="BZ17" s="113">
        <v>25175293</v>
      </c>
      <c r="CA17" s="116">
        <v>26230125</v>
      </c>
      <c r="CB17" s="110">
        <v>1976521</v>
      </c>
      <c r="CC17" s="114">
        <v>3269967</v>
      </c>
      <c r="CD17" s="113">
        <v>5246488</v>
      </c>
      <c r="CE17" s="110">
        <v>0</v>
      </c>
      <c r="CF17" s="114">
        <v>50253900</v>
      </c>
      <c r="CG17" s="114">
        <v>36290042</v>
      </c>
      <c r="CH17" s="114">
        <v>33118118</v>
      </c>
      <c r="CI17" s="114">
        <v>26366107</v>
      </c>
      <c r="CJ17" s="114">
        <v>11360772</v>
      </c>
      <c r="CK17" s="113">
        <v>157388939</v>
      </c>
      <c r="CL17" s="116">
        <v>162635427</v>
      </c>
      <c r="CM17" s="110">
        <v>0</v>
      </c>
      <c r="CN17" s="114">
        <v>0</v>
      </c>
      <c r="CO17" s="113">
        <v>0</v>
      </c>
      <c r="CP17" s="111">
        <v>0</v>
      </c>
      <c r="CQ17" s="114">
        <v>40552419</v>
      </c>
      <c r="CR17" s="114">
        <v>28135219</v>
      </c>
      <c r="CS17" s="114">
        <v>26815092</v>
      </c>
      <c r="CT17" s="114">
        <v>21322931</v>
      </c>
      <c r="CU17" s="114">
        <v>9889887</v>
      </c>
      <c r="CV17" s="113">
        <v>126715548</v>
      </c>
      <c r="CW17" s="116">
        <v>126715548</v>
      </c>
      <c r="CX17" s="110">
        <v>1976521</v>
      </c>
      <c r="CY17" s="114">
        <v>3269967</v>
      </c>
      <c r="CZ17" s="113">
        <v>5246488</v>
      </c>
      <c r="DA17" s="110">
        <v>0</v>
      </c>
      <c r="DB17" s="114">
        <v>9701481</v>
      </c>
      <c r="DC17" s="114">
        <v>8154823</v>
      </c>
      <c r="DD17" s="114">
        <v>6303026</v>
      </c>
      <c r="DE17" s="114">
        <v>5043176</v>
      </c>
      <c r="DF17" s="114">
        <v>1470885</v>
      </c>
      <c r="DG17" s="113">
        <v>30673391</v>
      </c>
      <c r="DH17" s="116">
        <v>35919879</v>
      </c>
      <c r="DI17" s="110">
        <v>133400</v>
      </c>
      <c r="DJ17" s="114">
        <v>337591</v>
      </c>
      <c r="DK17" s="112">
        <v>470991</v>
      </c>
      <c r="DL17" s="111">
        <v>0</v>
      </c>
      <c r="DM17" s="114">
        <v>5426685</v>
      </c>
      <c r="DN17" s="114">
        <v>5949571</v>
      </c>
      <c r="DO17" s="114">
        <v>12799474</v>
      </c>
      <c r="DP17" s="114">
        <v>12218748</v>
      </c>
      <c r="DQ17" s="114">
        <v>5109150</v>
      </c>
      <c r="DR17" s="113">
        <v>41503628</v>
      </c>
      <c r="DS17" s="116">
        <v>41974619</v>
      </c>
      <c r="DT17" s="110">
        <v>133400</v>
      </c>
      <c r="DU17" s="114">
        <v>337591</v>
      </c>
      <c r="DV17" s="113">
        <v>470991</v>
      </c>
      <c r="DW17" s="110">
        <v>0</v>
      </c>
      <c r="DX17" s="114">
        <v>5124244</v>
      </c>
      <c r="DY17" s="114">
        <v>5524917</v>
      </c>
      <c r="DZ17" s="114">
        <v>11847583</v>
      </c>
      <c r="EA17" s="114">
        <v>11587698</v>
      </c>
      <c r="EB17" s="114">
        <v>3984981</v>
      </c>
      <c r="EC17" s="113">
        <v>38069423</v>
      </c>
      <c r="ED17" s="116">
        <v>38540414</v>
      </c>
      <c r="EE17" s="110">
        <v>0</v>
      </c>
      <c r="EF17" s="112">
        <v>0</v>
      </c>
      <c r="EG17" s="113">
        <v>0</v>
      </c>
      <c r="EH17" s="110">
        <v>0</v>
      </c>
      <c r="EI17" s="114">
        <v>302441</v>
      </c>
      <c r="EJ17" s="114">
        <v>424654</v>
      </c>
      <c r="EK17" s="114">
        <v>951891</v>
      </c>
      <c r="EL17" s="114">
        <v>631050</v>
      </c>
      <c r="EM17" s="114">
        <v>1124169</v>
      </c>
      <c r="EN17" s="112">
        <v>3434205</v>
      </c>
      <c r="EO17" s="116">
        <v>3434205</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2484090</v>
      </c>
      <c r="FM17" s="114">
        <v>3692254</v>
      </c>
      <c r="FN17" s="113">
        <v>6176344</v>
      </c>
      <c r="FO17" s="110">
        <v>0</v>
      </c>
      <c r="FP17" s="114">
        <v>8338311</v>
      </c>
      <c r="FQ17" s="114">
        <v>12188286</v>
      </c>
      <c r="FR17" s="114">
        <v>10520482</v>
      </c>
      <c r="FS17" s="114">
        <v>10163032</v>
      </c>
      <c r="FT17" s="114">
        <v>6134179</v>
      </c>
      <c r="FU17" s="113">
        <v>47344290</v>
      </c>
      <c r="FV17" s="116">
        <v>53520634</v>
      </c>
      <c r="FW17" s="115">
        <v>1758351</v>
      </c>
      <c r="FX17" s="114">
        <v>2669011</v>
      </c>
      <c r="FY17" s="112">
        <v>4427362</v>
      </c>
      <c r="FZ17" s="111">
        <v>0</v>
      </c>
      <c r="GA17" s="114">
        <v>6569913</v>
      </c>
      <c r="GB17" s="114">
        <v>10944396</v>
      </c>
      <c r="GC17" s="114">
        <v>9314032</v>
      </c>
      <c r="GD17" s="114">
        <v>9148438</v>
      </c>
      <c r="GE17" s="114">
        <v>6083671</v>
      </c>
      <c r="GF17" s="113">
        <v>42060450</v>
      </c>
      <c r="GG17" s="318">
        <v>46487812</v>
      </c>
      <c r="GH17" s="115">
        <v>184713</v>
      </c>
      <c r="GI17" s="114">
        <v>322314</v>
      </c>
      <c r="GJ17" s="112">
        <v>507027</v>
      </c>
      <c r="GK17" s="111">
        <v>0</v>
      </c>
      <c r="GL17" s="114">
        <v>411194</v>
      </c>
      <c r="GM17" s="114">
        <v>325727</v>
      </c>
      <c r="GN17" s="114">
        <v>362727</v>
      </c>
      <c r="GO17" s="114">
        <v>525354</v>
      </c>
      <c r="GP17" s="114">
        <v>38232</v>
      </c>
      <c r="GQ17" s="113">
        <v>1663234</v>
      </c>
      <c r="GR17" s="116">
        <v>2170261</v>
      </c>
      <c r="GS17" s="110">
        <v>541026</v>
      </c>
      <c r="GT17" s="114">
        <v>700929</v>
      </c>
      <c r="GU17" s="113">
        <v>1241955</v>
      </c>
      <c r="GV17" s="110">
        <v>0</v>
      </c>
      <c r="GW17" s="114">
        <v>1357204</v>
      </c>
      <c r="GX17" s="114">
        <v>918163</v>
      </c>
      <c r="GY17" s="114">
        <v>843723</v>
      </c>
      <c r="GZ17" s="114">
        <v>489240</v>
      </c>
      <c r="HA17" s="114">
        <v>12276</v>
      </c>
      <c r="HB17" s="112">
        <v>3620606</v>
      </c>
      <c r="HC17" s="116">
        <v>4862561</v>
      </c>
      <c r="HD17" s="110">
        <v>2107883</v>
      </c>
      <c r="HE17" s="114">
        <v>3124367</v>
      </c>
      <c r="HF17" s="112">
        <v>5232250</v>
      </c>
      <c r="HG17" s="111">
        <v>0</v>
      </c>
      <c r="HH17" s="114">
        <v>33370917</v>
      </c>
      <c r="HI17" s="114">
        <v>24735819</v>
      </c>
      <c r="HJ17" s="114">
        <v>26076355</v>
      </c>
      <c r="HK17" s="114">
        <v>37109833</v>
      </c>
      <c r="HL17" s="114">
        <v>19111493</v>
      </c>
      <c r="HM17" s="113">
        <v>140404417</v>
      </c>
      <c r="HN17" s="109">
        <v>145636667</v>
      </c>
      <c r="HO17" s="115">
        <v>2376543</v>
      </c>
      <c r="HP17" s="114">
        <v>2582242</v>
      </c>
      <c r="HQ17" s="113">
        <v>4958785</v>
      </c>
      <c r="HR17" s="110">
        <v>0</v>
      </c>
      <c r="HS17" s="114">
        <v>26312765</v>
      </c>
      <c r="HT17" s="114">
        <v>14634863</v>
      </c>
      <c r="HU17" s="114">
        <v>11958142</v>
      </c>
      <c r="HV17" s="114">
        <v>8474098</v>
      </c>
      <c r="HW17" s="114">
        <v>5212504</v>
      </c>
      <c r="HX17" s="112">
        <v>66592372</v>
      </c>
      <c r="HY17" s="116">
        <v>71551157</v>
      </c>
      <c r="HZ17" s="131">
        <v>101975</v>
      </c>
      <c r="IA17" s="132">
        <v>1874002</v>
      </c>
      <c r="IB17" s="133">
        <v>1975977</v>
      </c>
      <c r="IC17" s="146">
        <v>0</v>
      </c>
      <c r="ID17" s="132">
        <v>53052182</v>
      </c>
      <c r="IE17" s="147">
        <v>52823783</v>
      </c>
      <c r="IF17" s="133">
        <v>50363694</v>
      </c>
      <c r="IG17" s="132">
        <v>34658726</v>
      </c>
      <c r="IH17" s="133">
        <v>18068522</v>
      </c>
      <c r="II17" s="148">
        <v>208966907</v>
      </c>
      <c r="IJ17" s="139">
        <v>210942884</v>
      </c>
      <c r="IK17" s="232">
        <v>0</v>
      </c>
      <c r="IL17" s="236">
        <v>0</v>
      </c>
      <c r="IM17" s="237">
        <v>0</v>
      </c>
      <c r="IN17" s="140"/>
      <c r="IO17" s="119">
        <v>885916</v>
      </c>
      <c r="IP17" s="119">
        <v>1051964</v>
      </c>
      <c r="IQ17" s="119">
        <v>903280</v>
      </c>
      <c r="IR17" s="119">
        <v>1514817</v>
      </c>
      <c r="IS17" s="119">
        <v>1074598</v>
      </c>
      <c r="IT17" s="141">
        <v>5430575</v>
      </c>
      <c r="IU17" s="320">
        <v>5430575</v>
      </c>
      <c r="IV17" s="142">
        <v>0</v>
      </c>
      <c r="IW17" s="119">
        <v>0</v>
      </c>
      <c r="IX17" s="120">
        <v>0</v>
      </c>
      <c r="IY17" s="144"/>
      <c r="IZ17" s="119">
        <v>232530</v>
      </c>
      <c r="JA17" s="119">
        <v>261303</v>
      </c>
      <c r="JB17" s="119">
        <v>151528</v>
      </c>
      <c r="JC17" s="119">
        <v>283695</v>
      </c>
      <c r="JD17" s="119">
        <v>101775</v>
      </c>
      <c r="JE17" s="120">
        <v>1030831</v>
      </c>
      <c r="JF17" s="121">
        <v>1030831</v>
      </c>
      <c r="JG17" s="142">
        <v>0</v>
      </c>
      <c r="JH17" s="119">
        <v>0</v>
      </c>
      <c r="JI17" s="141">
        <v>0</v>
      </c>
      <c r="JJ17" s="118">
        <v>0</v>
      </c>
      <c r="JK17" s="119">
        <v>29837384</v>
      </c>
      <c r="JL17" s="119">
        <v>19615941</v>
      </c>
      <c r="JM17" s="119">
        <v>16508975</v>
      </c>
      <c r="JN17" s="119">
        <v>10851032</v>
      </c>
      <c r="JO17" s="119">
        <v>4123000</v>
      </c>
      <c r="JP17" s="120">
        <v>80936332</v>
      </c>
      <c r="JQ17" s="320">
        <v>80936332</v>
      </c>
      <c r="JR17" s="142">
        <v>0</v>
      </c>
      <c r="JS17" s="119">
        <v>75798</v>
      </c>
      <c r="JT17" s="141">
        <v>75798</v>
      </c>
      <c r="JU17" s="118">
        <v>0</v>
      </c>
      <c r="JV17" s="119">
        <v>1144401</v>
      </c>
      <c r="JW17" s="119">
        <v>1389714</v>
      </c>
      <c r="JX17" s="119">
        <v>2521500</v>
      </c>
      <c r="JY17" s="119">
        <v>143383</v>
      </c>
      <c r="JZ17" s="119">
        <v>197542</v>
      </c>
      <c r="KA17" s="120">
        <v>5396540</v>
      </c>
      <c r="KB17" s="320">
        <v>5472338</v>
      </c>
      <c r="KC17" s="234">
        <v>101975</v>
      </c>
      <c r="KD17" s="230">
        <v>392102</v>
      </c>
      <c r="KE17" s="120">
        <v>494077</v>
      </c>
      <c r="KF17" s="118">
        <v>0</v>
      </c>
      <c r="KG17" s="119">
        <v>4781738</v>
      </c>
      <c r="KH17" s="119">
        <v>8551336</v>
      </c>
      <c r="KI17" s="119">
        <v>8282686</v>
      </c>
      <c r="KJ17" s="119">
        <v>6110960</v>
      </c>
      <c r="KK17" s="119">
        <v>2342305</v>
      </c>
      <c r="KL17" s="120">
        <v>30069025</v>
      </c>
      <c r="KM17" s="143">
        <v>30563102</v>
      </c>
      <c r="KN17" s="232">
        <v>0</v>
      </c>
      <c r="KO17" s="236">
        <v>1406102</v>
      </c>
      <c r="KP17" s="237">
        <v>1406102</v>
      </c>
      <c r="KQ17" s="140"/>
      <c r="KR17" s="119">
        <v>15327802</v>
      </c>
      <c r="KS17" s="119">
        <v>20797459</v>
      </c>
      <c r="KT17" s="119">
        <v>21006985</v>
      </c>
      <c r="KU17" s="119">
        <v>13098355</v>
      </c>
      <c r="KV17" s="119">
        <v>8766430</v>
      </c>
      <c r="KW17" s="120">
        <v>78997031</v>
      </c>
      <c r="KX17" s="320">
        <v>80403133</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247185</v>
      </c>
      <c r="LP17" s="119">
        <v>0</v>
      </c>
      <c r="LQ17" s="119">
        <v>0</v>
      </c>
      <c r="LR17" s="119">
        <v>0</v>
      </c>
      <c r="LS17" s="120">
        <v>247185</v>
      </c>
      <c r="LT17" s="320">
        <v>247185</v>
      </c>
      <c r="LU17" s="142">
        <v>0</v>
      </c>
      <c r="LV17" s="119">
        <v>0</v>
      </c>
      <c r="LW17" s="120">
        <v>0</v>
      </c>
      <c r="LX17" s="145"/>
      <c r="LY17" s="119">
        <v>842411</v>
      </c>
      <c r="LZ17" s="119">
        <v>908881</v>
      </c>
      <c r="MA17" s="119">
        <v>988740</v>
      </c>
      <c r="MB17" s="119">
        <v>2656484</v>
      </c>
      <c r="MC17" s="119">
        <v>1462872</v>
      </c>
      <c r="MD17" s="120">
        <v>6859388</v>
      </c>
      <c r="ME17" s="121">
        <v>6859388</v>
      </c>
      <c r="MF17" s="142">
        <v>0</v>
      </c>
      <c r="MG17" s="119">
        <v>0</v>
      </c>
      <c r="MH17" s="120">
        <v>0</v>
      </c>
      <c r="MI17" s="145"/>
      <c r="MJ17" s="119">
        <v>16726314</v>
      </c>
      <c r="MK17" s="119">
        <v>29139348</v>
      </c>
      <c r="ML17" s="119">
        <v>91912269</v>
      </c>
      <c r="MM17" s="119">
        <v>147426292</v>
      </c>
      <c r="MN17" s="119">
        <v>87514767</v>
      </c>
      <c r="MO17" s="120">
        <v>372718990</v>
      </c>
      <c r="MP17" s="143">
        <v>372718990</v>
      </c>
      <c r="MQ17" s="142">
        <v>0</v>
      </c>
      <c r="MR17" s="119">
        <v>0</v>
      </c>
      <c r="MS17" s="120">
        <v>0</v>
      </c>
      <c r="MT17" s="145"/>
      <c r="MU17" s="119">
        <v>438237</v>
      </c>
      <c r="MV17" s="119">
        <v>1621577</v>
      </c>
      <c r="MW17" s="119">
        <v>54070724</v>
      </c>
      <c r="MX17" s="119">
        <v>96145277</v>
      </c>
      <c r="MY17" s="119">
        <v>58554361</v>
      </c>
      <c r="MZ17" s="120">
        <v>210830176</v>
      </c>
      <c r="NA17" s="143">
        <v>210830176</v>
      </c>
      <c r="NB17" s="142">
        <v>0</v>
      </c>
      <c r="NC17" s="119">
        <v>0</v>
      </c>
      <c r="ND17" s="120">
        <v>0</v>
      </c>
      <c r="NE17" s="145"/>
      <c r="NF17" s="119">
        <v>15953187</v>
      </c>
      <c r="NG17" s="119">
        <v>26176485</v>
      </c>
      <c r="NH17" s="119">
        <v>36440307</v>
      </c>
      <c r="NI17" s="119">
        <v>48628273</v>
      </c>
      <c r="NJ17" s="119">
        <v>22659192</v>
      </c>
      <c r="NK17" s="120">
        <v>149857444</v>
      </c>
      <c r="NL17" s="320">
        <v>149857444</v>
      </c>
      <c r="NM17" s="142">
        <v>0</v>
      </c>
      <c r="NN17" s="119">
        <v>0</v>
      </c>
      <c r="NO17" s="120">
        <v>0</v>
      </c>
      <c r="NP17" s="145"/>
      <c r="NQ17" s="119">
        <v>0</v>
      </c>
      <c r="NR17" s="119">
        <v>0</v>
      </c>
      <c r="NS17" s="119">
        <v>0</v>
      </c>
      <c r="NT17" s="119">
        <v>442579</v>
      </c>
      <c r="NU17" s="119">
        <v>242783</v>
      </c>
      <c r="NV17" s="120">
        <v>685362</v>
      </c>
      <c r="NW17" s="121">
        <v>685362</v>
      </c>
      <c r="NX17" s="142">
        <v>0</v>
      </c>
      <c r="NY17" s="119">
        <v>0</v>
      </c>
      <c r="NZ17" s="120">
        <v>0</v>
      </c>
      <c r="OA17" s="145"/>
      <c r="OB17" s="119">
        <v>334890</v>
      </c>
      <c r="OC17" s="119">
        <v>1341286</v>
      </c>
      <c r="OD17" s="119">
        <v>1401238</v>
      </c>
      <c r="OE17" s="119">
        <v>2210163</v>
      </c>
      <c r="OF17" s="119">
        <v>6058431</v>
      </c>
      <c r="OG17" s="120">
        <v>11346008</v>
      </c>
      <c r="OH17" s="121">
        <v>11346008</v>
      </c>
      <c r="OI17" s="142">
        <v>10680582</v>
      </c>
      <c r="OJ17" s="119">
        <v>17506950</v>
      </c>
      <c r="OK17" s="141">
        <v>28187532</v>
      </c>
      <c r="OL17" s="118">
        <v>0</v>
      </c>
      <c r="OM17" s="119">
        <v>232664013</v>
      </c>
      <c r="ON17" s="119">
        <v>214495038</v>
      </c>
      <c r="OO17" s="119">
        <v>277423170</v>
      </c>
      <c r="OP17" s="119">
        <v>322110348</v>
      </c>
      <c r="OQ17" s="119">
        <v>197706154</v>
      </c>
      <c r="OR17" s="120">
        <v>1244398723</v>
      </c>
      <c r="OS17" s="143">
        <v>1272586255</v>
      </c>
    </row>
    <row r="18" spans="2:409" ht="21" customHeight="1" x14ac:dyDescent="0.2">
      <c r="B18" s="62" t="s">
        <v>12</v>
      </c>
      <c r="C18" s="110">
        <v>16467540</v>
      </c>
      <c r="D18" s="114">
        <v>30401045</v>
      </c>
      <c r="E18" s="113">
        <v>46868585</v>
      </c>
      <c r="F18" s="109">
        <v>0</v>
      </c>
      <c r="G18" s="114">
        <v>124119864</v>
      </c>
      <c r="H18" s="170">
        <v>144025230</v>
      </c>
      <c r="I18" s="170">
        <v>144335739</v>
      </c>
      <c r="J18" s="170">
        <v>161633546</v>
      </c>
      <c r="K18" s="170">
        <v>108781914</v>
      </c>
      <c r="L18" s="112">
        <v>682896293</v>
      </c>
      <c r="M18" s="116">
        <v>729764878</v>
      </c>
      <c r="N18" s="110">
        <v>3358498</v>
      </c>
      <c r="O18" s="114">
        <v>7850491</v>
      </c>
      <c r="P18" s="113">
        <v>11208989</v>
      </c>
      <c r="Q18" s="110">
        <v>0</v>
      </c>
      <c r="R18" s="114">
        <v>33131661</v>
      </c>
      <c r="S18" s="114">
        <v>42830832</v>
      </c>
      <c r="T18" s="114">
        <v>43814710</v>
      </c>
      <c r="U18" s="114">
        <v>58832804</v>
      </c>
      <c r="V18" s="114">
        <v>53845906</v>
      </c>
      <c r="W18" s="113">
        <v>232455913</v>
      </c>
      <c r="X18" s="116">
        <v>243664902</v>
      </c>
      <c r="Y18" s="110">
        <v>0</v>
      </c>
      <c r="Z18" s="114">
        <v>0</v>
      </c>
      <c r="AA18" s="113">
        <v>0</v>
      </c>
      <c r="AB18" s="110">
        <v>0</v>
      </c>
      <c r="AC18" s="114">
        <v>18930690</v>
      </c>
      <c r="AD18" s="114">
        <v>23635554</v>
      </c>
      <c r="AE18" s="114">
        <v>27611190</v>
      </c>
      <c r="AF18" s="114">
        <v>38820050</v>
      </c>
      <c r="AG18" s="114">
        <v>36204158</v>
      </c>
      <c r="AH18" s="113">
        <v>145201642</v>
      </c>
      <c r="AI18" s="116">
        <v>145201642</v>
      </c>
      <c r="AJ18" s="110">
        <v>0</v>
      </c>
      <c r="AK18" s="114">
        <v>166721</v>
      </c>
      <c r="AL18" s="113">
        <v>166721</v>
      </c>
      <c r="AM18" s="110">
        <v>0</v>
      </c>
      <c r="AN18" s="114">
        <v>186820</v>
      </c>
      <c r="AO18" s="114">
        <v>735397</v>
      </c>
      <c r="AP18" s="114">
        <v>1231697</v>
      </c>
      <c r="AQ18" s="114">
        <v>3911106</v>
      </c>
      <c r="AR18" s="114">
        <v>4929202</v>
      </c>
      <c r="AS18" s="113">
        <v>10994222</v>
      </c>
      <c r="AT18" s="116">
        <v>11160943</v>
      </c>
      <c r="AU18" s="110">
        <v>2347937</v>
      </c>
      <c r="AV18" s="114">
        <v>5899636</v>
      </c>
      <c r="AW18" s="113">
        <v>8247573</v>
      </c>
      <c r="AX18" s="110">
        <v>0</v>
      </c>
      <c r="AY18" s="114">
        <v>9512669</v>
      </c>
      <c r="AZ18" s="114">
        <v>12182321</v>
      </c>
      <c r="BA18" s="114">
        <v>9145125</v>
      </c>
      <c r="BB18" s="114">
        <v>9315544</v>
      </c>
      <c r="BC18" s="114">
        <v>8004093</v>
      </c>
      <c r="BD18" s="113">
        <v>48159752</v>
      </c>
      <c r="BE18" s="116">
        <v>56407325</v>
      </c>
      <c r="BF18" s="110">
        <v>105353</v>
      </c>
      <c r="BG18" s="114">
        <v>621527</v>
      </c>
      <c r="BH18" s="112">
        <v>726880</v>
      </c>
      <c r="BI18" s="111">
        <v>0</v>
      </c>
      <c r="BJ18" s="114">
        <v>520405</v>
      </c>
      <c r="BK18" s="114">
        <v>1755711</v>
      </c>
      <c r="BL18" s="114">
        <v>1337254</v>
      </c>
      <c r="BM18" s="114">
        <v>1025369</v>
      </c>
      <c r="BN18" s="114">
        <v>468359</v>
      </c>
      <c r="BO18" s="113">
        <v>5107098</v>
      </c>
      <c r="BP18" s="116">
        <v>5833978</v>
      </c>
      <c r="BQ18" s="110">
        <v>905208</v>
      </c>
      <c r="BR18" s="114">
        <v>1162607</v>
      </c>
      <c r="BS18" s="113">
        <v>2067815</v>
      </c>
      <c r="BT18" s="110">
        <v>0</v>
      </c>
      <c r="BU18" s="114">
        <v>3981077</v>
      </c>
      <c r="BV18" s="114">
        <v>4521849</v>
      </c>
      <c r="BW18" s="114">
        <v>4489444</v>
      </c>
      <c r="BX18" s="114">
        <v>5760735</v>
      </c>
      <c r="BY18" s="114">
        <v>4240094</v>
      </c>
      <c r="BZ18" s="113">
        <v>22993199</v>
      </c>
      <c r="CA18" s="116">
        <v>25061014</v>
      </c>
      <c r="CB18" s="110">
        <v>3356458</v>
      </c>
      <c r="CC18" s="114">
        <v>5614663</v>
      </c>
      <c r="CD18" s="113">
        <v>8971121</v>
      </c>
      <c r="CE18" s="110">
        <v>0</v>
      </c>
      <c r="CF18" s="114">
        <v>41162236</v>
      </c>
      <c r="CG18" s="114">
        <v>44472471</v>
      </c>
      <c r="CH18" s="114">
        <v>37314880</v>
      </c>
      <c r="CI18" s="114">
        <v>31167930</v>
      </c>
      <c r="CJ18" s="114">
        <v>14542319</v>
      </c>
      <c r="CK18" s="113">
        <v>168659836</v>
      </c>
      <c r="CL18" s="116">
        <v>177630957</v>
      </c>
      <c r="CM18" s="110">
        <v>0</v>
      </c>
      <c r="CN18" s="114">
        <v>0</v>
      </c>
      <c r="CO18" s="113">
        <v>0</v>
      </c>
      <c r="CP18" s="111">
        <v>0</v>
      </c>
      <c r="CQ18" s="114">
        <v>35042101</v>
      </c>
      <c r="CR18" s="114">
        <v>32606128</v>
      </c>
      <c r="CS18" s="114">
        <v>28645679</v>
      </c>
      <c r="CT18" s="114">
        <v>24331419</v>
      </c>
      <c r="CU18" s="114">
        <v>11584500</v>
      </c>
      <c r="CV18" s="113">
        <v>132209827</v>
      </c>
      <c r="CW18" s="116">
        <v>132209827</v>
      </c>
      <c r="CX18" s="110">
        <v>3356458</v>
      </c>
      <c r="CY18" s="114">
        <v>5614663</v>
      </c>
      <c r="CZ18" s="113">
        <v>8971121</v>
      </c>
      <c r="DA18" s="110">
        <v>0</v>
      </c>
      <c r="DB18" s="114">
        <v>6120135</v>
      </c>
      <c r="DC18" s="114">
        <v>11866343</v>
      </c>
      <c r="DD18" s="114">
        <v>8669201</v>
      </c>
      <c r="DE18" s="114">
        <v>6836511</v>
      </c>
      <c r="DF18" s="114">
        <v>2957819</v>
      </c>
      <c r="DG18" s="113">
        <v>36450009</v>
      </c>
      <c r="DH18" s="116">
        <v>45421130</v>
      </c>
      <c r="DI18" s="110">
        <v>63993</v>
      </c>
      <c r="DJ18" s="114">
        <v>585218</v>
      </c>
      <c r="DK18" s="112">
        <v>649211</v>
      </c>
      <c r="DL18" s="111">
        <v>0</v>
      </c>
      <c r="DM18" s="114">
        <v>5067509</v>
      </c>
      <c r="DN18" s="114">
        <v>5989693</v>
      </c>
      <c r="DO18" s="114">
        <v>15487689</v>
      </c>
      <c r="DP18" s="114">
        <v>12705493</v>
      </c>
      <c r="DQ18" s="114">
        <v>5142372</v>
      </c>
      <c r="DR18" s="113">
        <v>44392756</v>
      </c>
      <c r="DS18" s="116">
        <v>45041967</v>
      </c>
      <c r="DT18" s="110">
        <v>63993</v>
      </c>
      <c r="DU18" s="114">
        <v>585218</v>
      </c>
      <c r="DV18" s="113">
        <v>649211</v>
      </c>
      <c r="DW18" s="110">
        <v>0</v>
      </c>
      <c r="DX18" s="114">
        <v>4941899</v>
      </c>
      <c r="DY18" s="114">
        <v>5376450</v>
      </c>
      <c r="DZ18" s="114">
        <v>14900467</v>
      </c>
      <c r="EA18" s="114">
        <v>12348889</v>
      </c>
      <c r="EB18" s="114">
        <v>5089818</v>
      </c>
      <c r="EC18" s="113">
        <v>42657523</v>
      </c>
      <c r="ED18" s="116">
        <v>43306734</v>
      </c>
      <c r="EE18" s="110">
        <v>0</v>
      </c>
      <c r="EF18" s="112">
        <v>0</v>
      </c>
      <c r="EG18" s="113">
        <v>0</v>
      </c>
      <c r="EH18" s="110">
        <v>0</v>
      </c>
      <c r="EI18" s="114">
        <v>125610</v>
      </c>
      <c r="EJ18" s="114">
        <v>613243</v>
      </c>
      <c r="EK18" s="114">
        <v>587222</v>
      </c>
      <c r="EL18" s="114">
        <v>356604</v>
      </c>
      <c r="EM18" s="114">
        <v>52554</v>
      </c>
      <c r="EN18" s="112">
        <v>1735233</v>
      </c>
      <c r="EO18" s="116">
        <v>1735233</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3368708</v>
      </c>
      <c r="FM18" s="114">
        <v>6470505</v>
      </c>
      <c r="FN18" s="113">
        <v>9839213</v>
      </c>
      <c r="FO18" s="110">
        <v>0</v>
      </c>
      <c r="FP18" s="114">
        <v>4647469</v>
      </c>
      <c r="FQ18" s="114">
        <v>13443702</v>
      </c>
      <c r="FR18" s="114">
        <v>12564218</v>
      </c>
      <c r="FS18" s="114">
        <v>13268631</v>
      </c>
      <c r="FT18" s="114">
        <v>8111386</v>
      </c>
      <c r="FU18" s="113">
        <v>52035406</v>
      </c>
      <c r="FV18" s="116">
        <v>61874619</v>
      </c>
      <c r="FW18" s="115">
        <v>2414508</v>
      </c>
      <c r="FX18" s="114">
        <v>5102121</v>
      </c>
      <c r="FY18" s="112">
        <v>7516629</v>
      </c>
      <c r="FZ18" s="111">
        <v>0</v>
      </c>
      <c r="GA18" s="114">
        <v>3651998</v>
      </c>
      <c r="GB18" s="114">
        <v>12199557</v>
      </c>
      <c r="GC18" s="114">
        <v>11429564</v>
      </c>
      <c r="GD18" s="114">
        <v>12351397</v>
      </c>
      <c r="GE18" s="114">
        <v>7975782</v>
      </c>
      <c r="GF18" s="113">
        <v>47608298</v>
      </c>
      <c r="GG18" s="318">
        <v>55124927</v>
      </c>
      <c r="GH18" s="115">
        <v>151388</v>
      </c>
      <c r="GI18" s="114">
        <v>138690</v>
      </c>
      <c r="GJ18" s="112">
        <v>290078</v>
      </c>
      <c r="GK18" s="111">
        <v>0</v>
      </c>
      <c r="GL18" s="114">
        <v>329156</v>
      </c>
      <c r="GM18" s="114">
        <v>602445</v>
      </c>
      <c r="GN18" s="114">
        <v>304310</v>
      </c>
      <c r="GO18" s="114">
        <v>265834</v>
      </c>
      <c r="GP18" s="114">
        <v>111384</v>
      </c>
      <c r="GQ18" s="113">
        <v>1613129</v>
      </c>
      <c r="GR18" s="116">
        <v>1903207</v>
      </c>
      <c r="GS18" s="110">
        <v>802812</v>
      </c>
      <c r="GT18" s="114">
        <v>1229694</v>
      </c>
      <c r="GU18" s="113">
        <v>2032506</v>
      </c>
      <c r="GV18" s="110">
        <v>0</v>
      </c>
      <c r="GW18" s="114">
        <v>666315</v>
      </c>
      <c r="GX18" s="114">
        <v>641700</v>
      </c>
      <c r="GY18" s="114">
        <v>830344</v>
      </c>
      <c r="GZ18" s="114">
        <v>651400</v>
      </c>
      <c r="HA18" s="114">
        <v>24220</v>
      </c>
      <c r="HB18" s="112">
        <v>2813979</v>
      </c>
      <c r="HC18" s="116">
        <v>4846485</v>
      </c>
      <c r="HD18" s="110">
        <v>2916809</v>
      </c>
      <c r="HE18" s="114">
        <v>5068705</v>
      </c>
      <c r="HF18" s="112">
        <v>7985514</v>
      </c>
      <c r="HG18" s="111">
        <v>0</v>
      </c>
      <c r="HH18" s="114">
        <v>18890602</v>
      </c>
      <c r="HI18" s="114">
        <v>19039949</v>
      </c>
      <c r="HJ18" s="114">
        <v>20275339</v>
      </c>
      <c r="HK18" s="114">
        <v>33942151</v>
      </c>
      <c r="HL18" s="114">
        <v>20878157</v>
      </c>
      <c r="HM18" s="113">
        <v>113026198</v>
      </c>
      <c r="HN18" s="109">
        <v>121011712</v>
      </c>
      <c r="HO18" s="115">
        <v>3403074</v>
      </c>
      <c r="HP18" s="114">
        <v>4811463</v>
      </c>
      <c r="HQ18" s="113">
        <v>8214537</v>
      </c>
      <c r="HR18" s="110">
        <v>0</v>
      </c>
      <c r="HS18" s="114">
        <v>21220387</v>
      </c>
      <c r="HT18" s="114">
        <v>18248583</v>
      </c>
      <c r="HU18" s="114">
        <v>14878903</v>
      </c>
      <c r="HV18" s="114">
        <v>11716537</v>
      </c>
      <c r="HW18" s="114">
        <v>6261774</v>
      </c>
      <c r="HX18" s="112">
        <v>72326184</v>
      </c>
      <c r="HY18" s="116">
        <v>80540721</v>
      </c>
      <c r="HZ18" s="150">
        <v>0</v>
      </c>
      <c r="IA18" s="135">
        <v>89109</v>
      </c>
      <c r="IB18" s="150">
        <v>89109</v>
      </c>
      <c r="IC18" s="134">
        <v>0</v>
      </c>
      <c r="ID18" s="135">
        <v>34571012</v>
      </c>
      <c r="IE18" s="136">
        <v>39441958</v>
      </c>
      <c r="IF18" s="137">
        <v>52169358</v>
      </c>
      <c r="IG18" s="135">
        <v>45692725</v>
      </c>
      <c r="IH18" s="137">
        <v>34663323</v>
      </c>
      <c r="II18" s="138">
        <v>206538376</v>
      </c>
      <c r="IJ18" s="150">
        <v>206627485</v>
      </c>
      <c r="IK18" s="232">
        <v>0</v>
      </c>
      <c r="IL18" s="236">
        <v>0</v>
      </c>
      <c r="IM18" s="237">
        <v>0</v>
      </c>
      <c r="IN18" s="140"/>
      <c r="IO18" s="119">
        <v>776252</v>
      </c>
      <c r="IP18" s="119">
        <v>877113</v>
      </c>
      <c r="IQ18" s="119">
        <v>1253753</v>
      </c>
      <c r="IR18" s="119">
        <v>487687</v>
      </c>
      <c r="IS18" s="119">
        <v>1837921</v>
      </c>
      <c r="IT18" s="141">
        <v>5232726</v>
      </c>
      <c r="IU18" s="320">
        <v>5232726</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9364014</v>
      </c>
      <c r="JL18" s="119">
        <v>16972025</v>
      </c>
      <c r="JM18" s="119">
        <v>14930370</v>
      </c>
      <c r="JN18" s="119">
        <v>8191479</v>
      </c>
      <c r="JO18" s="119">
        <v>4181332</v>
      </c>
      <c r="JP18" s="120">
        <v>63639220</v>
      </c>
      <c r="JQ18" s="320">
        <v>63639220</v>
      </c>
      <c r="JR18" s="142">
        <v>0</v>
      </c>
      <c r="JS18" s="119">
        <v>0</v>
      </c>
      <c r="JT18" s="141">
        <v>0</v>
      </c>
      <c r="JU18" s="118">
        <v>0</v>
      </c>
      <c r="JV18" s="119">
        <v>359923</v>
      </c>
      <c r="JW18" s="119">
        <v>216428</v>
      </c>
      <c r="JX18" s="119">
        <v>261643</v>
      </c>
      <c r="JY18" s="119">
        <v>82767</v>
      </c>
      <c r="JZ18" s="119">
        <v>214215</v>
      </c>
      <c r="KA18" s="120">
        <v>1134976</v>
      </c>
      <c r="KB18" s="320">
        <v>1134976</v>
      </c>
      <c r="KC18" s="234">
        <v>0</v>
      </c>
      <c r="KD18" s="230">
        <v>89109</v>
      </c>
      <c r="KE18" s="120">
        <v>89109</v>
      </c>
      <c r="KF18" s="118">
        <v>0</v>
      </c>
      <c r="KG18" s="119">
        <v>2914800</v>
      </c>
      <c r="KH18" s="119">
        <v>5901446</v>
      </c>
      <c r="KI18" s="119">
        <v>13132702</v>
      </c>
      <c r="KJ18" s="119">
        <v>13342267</v>
      </c>
      <c r="KK18" s="119">
        <v>7741723</v>
      </c>
      <c r="KL18" s="120">
        <v>43032938</v>
      </c>
      <c r="KM18" s="143">
        <v>43122047</v>
      </c>
      <c r="KN18" s="232">
        <v>0</v>
      </c>
      <c r="KO18" s="236">
        <v>0</v>
      </c>
      <c r="KP18" s="237">
        <v>0</v>
      </c>
      <c r="KQ18" s="140"/>
      <c r="KR18" s="119">
        <v>9845064</v>
      </c>
      <c r="KS18" s="119">
        <v>12023109</v>
      </c>
      <c r="KT18" s="119">
        <v>11916852</v>
      </c>
      <c r="KU18" s="119">
        <v>9513998</v>
      </c>
      <c r="KV18" s="119">
        <v>11143942</v>
      </c>
      <c r="KW18" s="120">
        <v>54442965</v>
      </c>
      <c r="KX18" s="320">
        <v>54442965</v>
      </c>
      <c r="KY18" s="142">
        <v>0</v>
      </c>
      <c r="KZ18" s="119">
        <v>0</v>
      </c>
      <c r="LA18" s="120">
        <v>0</v>
      </c>
      <c r="LB18" s="145"/>
      <c r="LC18" s="119">
        <v>0</v>
      </c>
      <c r="LD18" s="119">
        <v>1470550</v>
      </c>
      <c r="LE18" s="119">
        <v>917736</v>
      </c>
      <c r="LF18" s="119">
        <v>2576609</v>
      </c>
      <c r="LG18" s="119">
        <v>818262</v>
      </c>
      <c r="LH18" s="120">
        <v>5783157</v>
      </c>
      <c r="LI18" s="121">
        <v>5783157</v>
      </c>
      <c r="LJ18" s="142">
        <v>0</v>
      </c>
      <c r="LK18" s="119">
        <v>0</v>
      </c>
      <c r="LL18" s="120">
        <v>0</v>
      </c>
      <c r="LM18" s="145"/>
      <c r="LN18" s="119">
        <v>0</v>
      </c>
      <c r="LO18" s="119">
        <v>264590</v>
      </c>
      <c r="LP18" s="119">
        <v>3413449</v>
      </c>
      <c r="LQ18" s="119">
        <v>2619820</v>
      </c>
      <c r="LR18" s="119">
        <v>2227853</v>
      </c>
      <c r="LS18" s="120">
        <v>8525712</v>
      </c>
      <c r="LT18" s="320">
        <v>8525712</v>
      </c>
      <c r="LU18" s="142">
        <v>0</v>
      </c>
      <c r="LV18" s="119">
        <v>0</v>
      </c>
      <c r="LW18" s="120">
        <v>0</v>
      </c>
      <c r="LX18" s="145"/>
      <c r="LY18" s="119">
        <v>1310959</v>
      </c>
      <c r="LZ18" s="119">
        <v>1716697</v>
      </c>
      <c r="MA18" s="119">
        <v>6342853</v>
      </c>
      <c r="MB18" s="119">
        <v>8878098</v>
      </c>
      <c r="MC18" s="119">
        <v>6498075</v>
      </c>
      <c r="MD18" s="120">
        <v>24746682</v>
      </c>
      <c r="ME18" s="121">
        <v>24746682</v>
      </c>
      <c r="MF18" s="142">
        <v>0</v>
      </c>
      <c r="MG18" s="119">
        <v>0</v>
      </c>
      <c r="MH18" s="120">
        <v>0</v>
      </c>
      <c r="MI18" s="145"/>
      <c r="MJ18" s="119">
        <v>10479043</v>
      </c>
      <c r="MK18" s="119">
        <v>29587100</v>
      </c>
      <c r="ML18" s="119">
        <v>94370070</v>
      </c>
      <c r="MM18" s="119">
        <v>141425786</v>
      </c>
      <c r="MN18" s="119">
        <v>98704023</v>
      </c>
      <c r="MO18" s="120">
        <v>374566022</v>
      </c>
      <c r="MP18" s="143">
        <v>374566022</v>
      </c>
      <c r="MQ18" s="142">
        <v>0</v>
      </c>
      <c r="MR18" s="119">
        <v>0</v>
      </c>
      <c r="MS18" s="120">
        <v>0</v>
      </c>
      <c r="MT18" s="145"/>
      <c r="MU18" s="119">
        <v>486537</v>
      </c>
      <c r="MV18" s="119">
        <v>4905544</v>
      </c>
      <c r="MW18" s="119">
        <v>49811616</v>
      </c>
      <c r="MX18" s="119">
        <v>82541854</v>
      </c>
      <c r="MY18" s="119">
        <v>71681476</v>
      </c>
      <c r="MZ18" s="120">
        <v>209427027</v>
      </c>
      <c r="NA18" s="143">
        <v>209427027</v>
      </c>
      <c r="NB18" s="142">
        <v>0</v>
      </c>
      <c r="NC18" s="119">
        <v>0</v>
      </c>
      <c r="ND18" s="120">
        <v>0</v>
      </c>
      <c r="NE18" s="145"/>
      <c r="NF18" s="119">
        <v>9992506</v>
      </c>
      <c r="NG18" s="119">
        <v>24082687</v>
      </c>
      <c r="NH18" s="119">
        <v>44226020</v>
      </c>
      <c r="NI18" s="119">
        <v>53280956</v>
      </c>
      <c r="NJ18" s="119">
        <v>22051649</v>
      </c>
      <c r="NK18" s="120">
        <v>153633818</v>
      </c>
      <c r="NL18" s="320">
        <v>153633818</v>
      </c>
      <c r="NM18" s="142">
        <v>0</v>
      </c>
      <c r="NN18" s="119">
        <v>0</v>
      </c>
      <c r="NO18" s="120">
        <v>0</v>
      </c>
      <c r="NP18" s="145"/>
      <c r="NQ18" s="119">
        <v>0</v>
      </c>
      <c r="NR18" s="119">
        <v>0</v>
      </c>
      <c r="NS18" s="119">
        <v>0</v>
      </c>
      <c r="NT18" s="119">
        <v>0</v>
      </c>
      <c r="NU18" s="119">
        <v>396050</v>
      </c>
      <c r="NV18" s="120">
        <v>396050</v>
      </c>
      <c r="NW18" s="121">
        <v>396050</v>
      </c>
      <c r="NX18" s="142">
        <v>0</v>
      </c>
      <c r="NY18" s="119">
        <v>0</v>
      </c>
      <c r="NZ18" s="120">
        <v>0</v>
      </c>
      <c r="OA18" s="145"/>
      <c r="OB18" s="119">
        <v>0</v>
      </c>
      <c r="OC18" s="119">
        <v>598869</v>
      </c>
      <c r="OD18" s="119">
        <v>332434</v>
      </c>
      <c r="OE18" s="119">
        <v>5602976</v>
      </c>
      <c r="OF18" s="119">
        <v>4574848</v>
      </c>
      <c r="OG18" s="120">
        <v>11109127</v>
      </c>
      <c r="OH18" s="121">
        <v>11109127</v>
      </c>
      <c r="OI18" s="142">
        <v>16467540</v>
      </c>
      <c r="OJ18" s="119">
        <v>30490154</v>
      </c>
      <c r="OK18" s="141">
        <v>46957694</v>
      </c>
      <c r="OL18" s="118">
        <v>0</v>
      </c>
      <c r="OM18" s="119">
        <v>169169919</v>
      </c>
      <c r="ON18" s="119">
        <v>213054288</v>
      </c>
      <c r="OO18" s="119">
        <v>290875167</v>
      </c>
      <c r="OP18" s="119">
        <v>348752057</v>
      </c>
      <c r="OQ18" s="119">
        <v>242149260</v>
      </c>
      <c r="OR18" s="120">
        <v>1264000691</v>
      </c>
      <c r="OS18" s="143">
        <v>1310958385</v>
      </c>
    </row>
    <row r="19" spans="2:409" ht="21" customHeight="1" x14ac:dyDescent="0.2">
      <c r="B19" s="62" t="s">
        <v>13</v>
      </c>
      <c r="C19" s="110">
        <v>3723653</v>
      </c>
      <c r="D19" s="114">
        <v>6374499</v>
      </c>
      <c r="E19" s="113">
        <v>10098152</v>
      </c>
      <c r="F19" s="110">
        <v>0</v>
      </c>
      <c r="G19" s="170">
        <v>50305295</v>
      </c>
      <c r="H19" s="114">
        <v>58970129</v>
      </c>
      <c r="I19" s="114">
        <v>57736151</v>
      </c>
      <c r="J19" s="114">
        <v>58360252</v>
      </c>
      <c r="K19" s="114">
        <v>54376565</v>
      </c>
      <c r="L19" s="112">
        <v>279748392</v>
      </c>
      <c r="M19" s="116">
        <v>289846544</v>
      </c>
      <c r="N19" s="110">
        <v>672392</v>
      </c>
      <c r="O19" s="114">
        <v>1222144</v>
      </c>
      <c r="P19" s="113">
        <v>1894536</v>
      </c>
      <c r="Q19" s="110">
        <v>0</v>
      </c>
      <c r="R19" s="114">
        <v>14155867</v>
      </c>
      <c r="S19" s="114">
        <v>19237839</v>
      </c>
      <c r="T19" s="114">
        <v>18159096</v>
      </c>
      <c r="U19" s="114">
        <v>20889054</v>
      </c>
      <c r="V19" s="114">
        <v>28233326</v>
      </c>
      <c r="W19" s="113">
        <v>100675182</v>
      </c>
      <c r="X19" s="116">
        <v>102569718</v>
      </c>
      <c r="Y19" s="110">
        <v>0</v>
      </c>
      <c r="Z19" s="114">
        <v>0</v>
      </c>
      <c r="AA19" s="113">
        <v>0</v>
      </c>
      <c r="AB19" s="110">
        <v>0</v>
      </c>
      <c r="AC19" s="114">
        <v>6549960</v>
      </c>
      <c r="AD19" s="114">
        <v>9937816</v>
      </c>
      <c r="AE19" s="114">
        <v>11099081</v>
      </c>
      <c r="AF19" s="114">
        <v>12629833</v>
      </c>
      <c r="AG19" s="114">
        <v>19383896</v>
      </c>
      <c r="AH19" s="113">
        <v>59600586</v>
      </c>
      <c r="AI19" s="116">
        <v>59600586</v>
      </c>
      <c r="AJ19" s="110">
        <v>0</v>
      </c>
      <c r="AK19" s="114">
        <v>0</v>
      </c>
      <c r="AL19" s="113">
        <v>0</v>
      </c>
      <c r="AM19" s="110">
        <v>0</v>
      </c>
      <c r="AN19" s="114">
        <v>40753</v>
      </c>
      <c r="AO19" s="114">
        <v>233025</v>
      </c>
      <c r="AP19" s="114">
        <v>266403</v>
      </c>
      <c r="AQ19" s="114">
        <v>1209378</v>
      </c>
      <c r="AR19" s="114">
        <v>2175309</v>
      </c>
      <c r="AS19" s="113">
        <v>3924868</v>
      </c>
      <c r="AT19" s="116">
        <v>3924868</v>
      </c>
      <c r="AU19" s="110">
        <v>168775</v>
      </c>
      <c r="AV19" s="114">
        <v>616035</v>
      </c>
      <c r="AW19" s="113">
        <v>784810</v>
      </c>
      <c r="AX19" s="110">
        <v>0</v>
      </c>
      <c r="AY19" s="114">
        <v>4352414</v>
      </c>
      <c r="AZ19" s="114">
        <v>5590048</v>
      </c>
      <c r="BA19" s="114">
        <v>4092037</v>
      </c>
      <c r="BB19" s="114">
        <v>4120607</v>
      </c>
      <c r="BC19" s="114">
        <v>4066809</v>
      </c>
      <c r="BD19" s="113">
        <v>22221915</v>
      </c>
      <c r="BE19" s="116">
        <v>23006725</v>
      </c>
      <c r="BF19" s="110">
        <v>56990</v>
      </c>
      <c r="BG19" s="114">
        <v>197723</v>
      </c>
      <c r="BH19" s="112">
        <v>254713</v>
      </c>
      <c r="BI19" s="111">
        <v>0</v>
      </c>
      <c r="BJ19" s="114">
        <v>568347</v>
      </c>
      <c r="BK19" s="114">
        <v>708836</v>
      </c>
      <c r="BL19" s="114">
        <v>248166</v>
      </c>
      <c r="BM19" s="114">
        <v>384402</v>
      </c>
      <c r="BN19" s="114">
        <v>221809</v>
      </c>
      <c r="BO19" s="113">
        <v>2131560</v>
      </c>
      <c r="BP19" s="116">
        <v>2386273</v>
      </c>
      <c r="BQ19" s="110">
        <v>446627</v>
      </c>
      <c r="BR19" s="114">
        <v>408386</v>
      </c>
      <c r="BS19" s="113">
        <v>855013</v>
      </c>
      <c r="BT19" s="110">
        <v>0</v>
      </c>
      <c r="BU19" s="114">
        <v>2644393</v>
      </c>
      <c r="BV19" s="114">
        <v>2768114</v>
      </c>
      <c r="BW19" s="114">
        <v>2453409</v>
      </c>
      <c r="BX19" s="114">
        <v>2544834</v>
      </c>
      <c r="BY19" s="114">
        <v>2385503</v>
      </c>
      <c r="BZ19" s="113">
        <v>12796253</v>
      </c>
      <c r="CA19" s="116">
        <v>13651266</v>
      </c>
      <c r="CB19" s="110">
        <v>380442</v>
      </c>
      <c r="CC19" s="114">
        <v>1087078</v>
      </c>
      <c r="CD19" s="113">
        <v>1467520</v>
      </c>
      <c r="CE19" s="110">
        <v>0</v>
      </c>
      <c r="CF19" s="114">
        <v>10260481</v>
      </c>
      <c r="CG19" s="114">
        <v>13352605</v>
      </c>
      <c r="CH19" s="114">
        <v>11302940</v>
      </c>
      <c r="CI19" s="114">
        <v>9020346</v>
      </c>
      <c r="CJ19" s="114">
        <v>4292904</v>
      </c>
      <c r="CK19" s="113">
        <v>48229276</v>
      </c>
      <c r="CL19" s="116">
        <v>49696796</v>
      </c>
      <c r="CM19" s="110">
        <v>0</v>
      </c>
      <c r="CN19" s="114">
        <v>0</v>
      </c>
      <c r="CO19" s="113">
        <v>0</v>
      </c>
      <c r="CP19" s="111">
        <v>0</v>
      </c>
      <c r="CQ19" s="114">
        <v>9139709</v>
      </c>
      <c r="CR19" s="114">
        <v>11313420</v>
      </c>
      <c r="CS19" s="114">
        <v>9771374</v>
      </c>
      <c r="CT19" s="114">
        <v>7116782</v>
      </c>
      <c r="CU19" s="114">
        <v>3234350</v>
      </c>
      <c r="CV19" s="113">
        <v>40575635</v>
      </c>
      <c r="CW19" s="116">
        <v>40575635</v>
      </c>
      <c r="CX19" s="110">
        <v>380442</v>
      </c>
      <c r="CY19" s="114">
        <v>1087078</v>
      </c>
      <c r="CZ19" s="113">
        <v>1467520</v>
      </c>
      <c r="DA19" s="110">
        <v>0</v>
      </c>
      <c r="DB19" s="114">
        <v>1120772</v>
      </c>
      <c r="DC19" s="114">
        <v>2039185</v>
      </c>
      <c r="DD19" s="114">
        <v>1531566</v>
      </c>
      <c r="DE19" s="114">
        <v>1903564</v>
      </c>
      <c r="DF19" s="114">
        <v>1058554</v>
      </c>
      <c r="DG19" s="113">
        <v>7653641</v>
      </c>
      <c r="DH19" s="116">
        <v>9121161</v>
      </c>
      <c r="DI19" s="110">
        <v>27225</v>
      </c>
      <c r="DJ19" s="114">
        <v>68190</v>
      </c>
      <c r="DK19" s="112">
        <v>95415</v>
      </c>
      <c r="DL19" s="111">
        <v>0</v>
      </c>
      <c r="DM19" s="114">
        <v>1029030</v>
      </c>
      <c r="DN19" s="114">
        <v>1517980</v>
      </c>
      <c r="DO19" s="114">
        <v>4756163</v>
      </c>
      <c r="DP19" s="114">
        <v>5403551</v>
      </c>
      <c r="DQ19" s="114">
        <v>3543899</v>
      </c>
      <c r="DR19" s="113">
        <v>16250623</v>
      </c>
      <c r="DS19" s="116">
        <v>16346038</v>
      </c>
      <c r="DT19" s="110">
        <v>27225</v>
      </c>
      <c r="DU19" s="114">
        <v>68190</v>
      </c>
      <c r="DV19" s="113">
        <v>95415</v>
      </c>
      <c r="DW19" s="110">
        <v>0</v>
      </c>
      <c r="DX19" s="114">
        <v>983239</v>
      </c>
      <c r="DY19" s="114">
        <v>1107238</v>
      </c>
      <c r="DZ19" s="114">
        <v>4366964</v>
      </c>
      <c r="EA19" s="114">
        <v>4932962</v>
      </c>
      <c r="EB19" s="114">
        <v>3452104</v>
      </c>
      <c r="EC19" s="113">
        <v>14842507</v>
      </c>
      <c r="ED19" s="116">
        <v>14937922</v>
      </c>
      <c r="EE19" s="110">
        <v>0</v>
      </c>
      <c r="EF19" s="112">
        <v>0</v>
      </c>
      <c r="EG19" s="113">
        <v>0</v>
      </c>
      <c r="EH19" s="110">
        <v>0</v>
      </c>
      <c r="EI19" s="114">
        <v>45791</v>
      </c>
      <c r="EJ19" s="114">
        <v>410742</v>
      </c>
      <c r="EK19" s="114">
        <v>389199</v>
      </c>
      <c r="EL19" s="114">
        <v>470589</v>
      </c>
      <c r="EM19" s="114">
        <v>91795</v>
      </c>
      <c r="EN19" s="112">
        <v>1408116</v>
      </c>
      <c r="EO19" s="116">
        <v>1408116</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721761</v>
      </c>
      <c r="FM19" s="114">
        <v>1430587</v>
      </c>
      <c r="FN19" s="113">
        <v>2152348</v>
      </c>
      <c r="FO19" s="110">
        <v>0</v>
      </c>
      <c r="FP19" s="114">
        <v>2330955</v>
      </c>
      <c r="FQ19" s="114">
        <v>5570947</v>
      </c>
      <c r="FR19" s="114">
        <v>3619134</v>
      </c>
      <c r="FS19" s="114">
        <v>3804143</v>
      </c>
      <c r="FT19" s="114">
        <v>2900954</v>
      </c>
      <c r="FU19" s="113">
        <v>18226133</v>
      </c>
      <c r="FV19" s="116">
        <v>20378481</v>
      </c>
      <c r="FW19" s="115">
        <v>341844</v>
      </c>
      <c r="FX19" s="114">
        <v>823205</v>
      </c>
      <c r="FY19" s="112">
        <v>1165049</v>
      </c>
      <c r="FZ19" s="111">
        <v>0</v>
      </c>
      <c r="GA19" s="114">
        <v>1684007</v>
      </c>
      <c r="GB19" s="114">
        <v>4949915</v>
      </c>
      <c r="GC19" s="114">
        <v>3302201</v>
      </c>
      <c r="GD19" s="114">
        <v>3606089</v>
      </c>
      <c r="GE19" s="114">
        <v>2801720</v>
      </c>
      <c r="GF19" s="113">
        <v>16343932</v>
      </c>
      <c r="GG19" s="318">
        <v>17508981</v>
      </c>
      <c r="GH19" s="115">
        <v>78507</v>
      </c>
      <c r="GI19" s="114">
        <v>94182</v>
      </c>
      <c r="GJ19" s="112">
        <v>172689</v>
      </c>
      <c r="GK19" s="111">
        <v>0</v>
      </c>
      <c r="GL19" s="114">
        <v>77400</v>
      </c>
      <c r="GM19" s="114">
        <v>229232</v>
      </c>
      <c r="GN19" s="114">
        <v>46233</v>
      </c>
      <c r="GO19" s="114">
        <v>82854</v>
      </c>
      <c r="GP19" s="114">
        <v>51234</v>
      </c>
      <c r="GQ19" s="113">
        <v>486953</v>
      </c>
      <c r="GR19" s="116">
        <v>659642</v>
      </c>
      <c r="GS19" s="110">
        <v>301410</v>
      </c>
      <c r="GT19" s="114">
        <v>513200</v>
      </c>
      <c r="GU19" s="113">
        <v>814610</v>
      </c>
      <c r="GV19" s="110">
        <v>0</v>
      </c>
      <c r="GW19" s="114">
        <v>569548</v>
      </c>
      <c r="GX19" s="114">
        <v>391800</v>
      </c>
      <c r="GY19" s="114">
        <v>270700</v>
      </c>
      <c r="GZ19" s="114">
        <v>115200</v>
      </c>
      <c r="HA19" s="114">
        <v>48000</v>
      </c>
      <c r="HB19" s="112">
        <v>1395248</v>
      </c>
      <c r="HC19" s="116">
        <v>2209858</v>
      </c>
      <c r="HD19" s="110">
        <v>1471501</v>
      </c>
      <c r="HE19" s="114">
        <v>1612073</v>
      </c>
      <c r="HF19" s="112">
        <v>3083574</v>
      </c>
      <c r="HG19" s="111">
        <v>0</v>
      </c>
      <c r="HH19" s="114">
        <v>14631197</v>
      </c>
      <c r="HI19" s="114">
        <v>11647087</v>
      </c>
      <c r="HJ19" s="114">
        <v>14611715</v>
      </c>
      <c r="HK19" s="114">
        <v>15193443</v>
      </c>
      <c r="HL19" s="114">
        <v>12615787</v>
      </c>
      <c r="HM19" s="113">
        <v>68699229</v>
      </c>
      <c r="HN19" s="109">
        <v>71782803</v>
      </c>
      <c r="HO19" s="115">
        <v>450332</v>
      </c>
      <c r="HP19" s="114">
        <v>954427</v>
      </c>
      <c r="HQ19" s="113">
        <v>1404759</v>
      </c>
      <c r="HR19" s="110">
        <v>0</v>
      </c>
      <c r="HS19" s="114">
        <v>7897765</v>
      </c>
      <c r="HT19" s="114">
        <v>7643671</v>
      </c>
      <c r="HU19" s="114">
        <v>5287103</v>
      </c>
      <c r="HV19" s="114">
        <v>4049715</v>
      </c>
      <c r="HW19" s="114">
        <v>2789695</v>
      </c>
      <c r="HX19" s="112">
        <v>27667949</v>
      </c>
      <c r="HY19" s="116">
        <v>29072708</v>
      </c>
      <c r="HZ19" s="131">
        <v>32984</v>
      </c>
      <c r="IA19" s="132">
        <v>208609</v>
      </c>
      <c r="IB19" s="133">
        <v>241593</v>
      </c>
      <c r="IC19" s="146">
        <v>0</v>
      </c>
      <c r="ID19" s="132">
        <v>10420119</v>
      </c>
      <c r="IE19" s="147">
        <v>13305520</v>
      </c>
      <c r="IF19" s="133">
        <v>14806309</v>
      </c>
      <c r="IG19" s="132">
        <v>10552927</v>
      </c>
      <c r="IH19" s="133">
        <v>5307648</v>
      </c>
      <c r="II19" s="148">
        <v>54392523</v>
      </c>
      <c r="IJ19" s="139">
        <v>54634116</v>
      </c>
      <c r="IK19" s="232">
        <v>0</v>
      </c>
      <c r="IL19" s="236">
        <v>0</v>
      </c>
      <c r="IM19" s="237">
        <v>0</v>
      </c>
      <c r="IN19" s="140"/>
      <c r="IO19" s="119">
        <v>0</v>
      </c>
      <c r="IP19" s="119">
        <v>139182</v>
      </c>
      <c r="IQ19" s="119">
        <v>209880</v>
      </c>
      <c r="IR19" s="119">
        <v>251530</v>
      </c>
      <c r="IS19" s="119">
        <v>336488</v>
      </c>
      <c r="IT19" s="141">
        <v>937080</v>
      </c>
      <c r="IU19" s="320">
        <v>93708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6164977</v>
      </c>
      <c r="JL19" s="119">
        <v>7459436</v>
      </c>
      <c r="JM19" s="119">
        <v>5306614</v>
      </c>
      <c r="JN19" s="119">
        <v>3035906</v>
      </c>
      <c r="JO19" s="119">
        <v>1041299</v>
      </c>
      <c r="JP19" s="120">
        <v>23008232</v>
      </c>
      <c r="JQ19" s="320">
        <v>23008232</v>
      </c>
      <c r="JR19" s="142">
        <v>0</v>
      </c>
      <c r="JS19" s="119">
        <v>0</v>
      </c>
      <c r="JT19" s="141">
        <v>0</v>
      </c>
      <c r="JU19" s="118">
        <v>0</v>
      </c>
      <c r="JV19" s="119">
        <v>205137</v>
      </c>
      <c r="JW19" s="119">
        <v>229085</v>
      </c>
      <c r="JX19" s="119">
        <v>782523</v>
      </c>
      <c r="JY19" s="119">
        <v>484284</v>
      </c>
      <c r="JZ19" s="119">
        <v>758703</v>
      </c>
      <c r="KA19" s="120">
        <v>2459732</v>
      </c>
      <c r="KB19" s="320">
        <v>2459732</v>
      </c>
      <c r="KC19" s="234">
        <v>32984</v>
      </c>
      <c r="KD19" s="230">
        <v>208609</v>
      </c>
      <c r="KE19" s="120">
        <v>241593</v>
      </c>
      <c r="KF19" s="118">
        <v>0</v>
      </c>
      <c r="KG19" s="119">
        <v>1654766</v>
      </c>
      <c r="KH19" s="119">
        <v>1492136</v>
      </c>
      <c r="KI19" s="119">
        <v>1638209</v>
      </c>
      <c r="KJ19" s="119">
        <v>831376</v>
      </c>
      <c r="KK19" s="119">
        <v>319997</v>
      </c>
      <c r="KL19" s="120">
        <v>5936484</v>
      </c>
      <c r="KM19" s="143">
        <v>6178077</v>
      </c>
      <c r="KN19" s="232">
        <v>0</v>
      </c>
      <c r="KO19" s="236">
        <v>0</v>
      </c>
      <c r="KP19" s="237">
        <v>0</v>
      </c>
      <c r="KQ19" s="140"/>
      <c r="KR19" s="119">
        <v>2395239</v>
      </c>
      <c r="KS19" s="119">
        <v>3985681</v>
      </c>
      <c r="KT19" s="119">
        <v>6100617</v>
      </c>
      <c r="KU19" s="119">
        <v>4286361</v>
      </c>
      <c r="KV19" s="119">
        <v>1779437</v>
      </c>
      <c r="KW19" s="120">
        <v>18547335</v>
      </c>
      <c r="KX19" s="320">
        <v>18547335</v>
      </c>
      <c r="KY19" s="142">
        <v>0</v>
      </c>
      <c r="KZ19" s="119">
        <v>0</v>
      </c>
      <c r="LA19" s="120">
        <v>0</v>
      </c>
      <c r="LB19" s="145"/>
      <c r="LC19" s="119">
        <v>0</v>
      </c>
      <c r="LD19" s="119">
        <v>0</v>
      </c>
      <c r="LE19" s="119">
        <v>768466</v>
      </c>
      <c r="LF19" s="119">
        <v>1663470</v>
      </c>
      <c r="LG19" s="119">
        <v>1071724</v>
      </c>
      <c r="LH19" s="120">
        <v>3503660</v>
      </c>
      <c r="LI19" s="121">
        <v>3503660</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4292276</v>
      </c>
      <c r="MK19" s="119">
        <v>8355720</v>
      </c>
      <c r="ML19" s="119">
        <v>27002229</v>
      </c>
      <c r="MM19" s="119">
        <v>52506421</v>
      </c>
      <c r="MN19" s="119">
        <v>44895284</v>
      </c>
      <c r="MO19" s="120">
        <v>137051930</v>
      </c>
      <c r="MP19" s="143">
        <v>137051930</v>
      </c>
      <c r="MQ19" s="142">
        <v>0</v>
      </c>
      <c r="MR19" s="119">
        <v>0</v>
      </c>
      <c r="MS19" s="120">
        <v>0</v>
      </c>
      <c r="MT19" s="145"/>
      <c r="MU19" s="119">
        <v>664647</v>
      </c>
      <c r="MV19" s="119">
        <v>1012522</v>
      </c>
      <c r="MW19" s="119">
        <v>17461578</v>
      </c>
      <c r="MX19" s="119">
        <v>43383936</v>
      </c>
      <c r="MY19" s="119">
        <v>36932612</v>
      </c>
      <c r="MZ19" s="120">
        <v>99455295</v>
      </c>
      <c r="NA19" s="143">
        <v>99455295</v>
      </c>
      <c r="NB19" s="142">
        <v>0</v>
      </c>
      <c r="NC19" s="119">
        <v>0</v>
      </c>
      <c r="ND19" s="120">
        <v>0</v>
      </c>
      <c r="NE19" s="145"/>
      <c r="NF19" s="119">
        <v>3627629</v>
      </c>
      <c r="NG19" s="119">
        <v>7343198</v>
      </c>
      <c r="NH19" s="119">
        <v>9540651</v>
      </c>
      <c r="NI19" s="119">
        <v>9122485</v>
      </c>
      <c r="NJ19" s="119">
        <v>7962672</v>
      </c>
      <c r="NK19" s="120">
        <v>37596635</v>
      </c>
      <c r="NL19" s="320">
        <v>37596635</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3756637</v>
      </c>
      <c r="OJ19" s="119">
        <v>6583108</v>
      </c>
      <c r="OK19" s="141">
        <v>10339745</v>
      </c>
      <c r="OL19" s="118">
        <v>0</v>
      </c>
      <c r="OM19" s="119">
        <v>65017690</v>
      </c>
      <c r="ON19" s="119">
        <v>80631369</v>
      </c>
      <c r="OO19" s="119">
        <v>99544689</v>
      </c>
      <c r="OP19" s="119">
        <v>121419600</v>
      </c>
      <c r="OQ19" s="119">
        <v>104579497</v>
      </c>
      <c r="OR19" s="120">
        <v>471192845</v>
      </c>
      <c r="OS19" s="143">
        <v>481532590</v>
      </c>
    </row>
    <row r="20" spans="2:409" ht="21" customHeight="1" x14ac:dyDescent="0.2">
      <c r="B20" s="62" t="s">
        <v>15</v>
      </c>
      <c r="C20" s="110">
        <v>2672756</v>
      </c>
      <c r="D20" s="114">
        <v>3726321</v>
      </c>
      <c r="E20" s="113">
        <v>6399077</v>
      </c>
      <c r="F20" s="109">
        <v>0</v>
      </c>
      <c r="G20" s="114">
        <v>31023783</v>
      </c>
      <c r="H20" s="114">
        <v>43376554</v>
      </c>
      <c r="I20" s="114">
        <v>36391973</v>
      </c>
      <c r="J20" s="114">
        <v>40152445</v>
      </c>
      <c r="K20" s="114">
        <v>29803358</v>
      </c>
      <c r="L20" s="109">
        <v>180748113</v>
      </c>
      <c r="M20" s="116">
        <v>187147190</v>
      </c>
      <c r="N20" s="110">
        <v>257598</v>
      </c>
      <c r="O20" s="114">
        <v>470787</v>
      </c>
      <c r="P20" s="113">
        <v>728385</v>
      </c>
      <c r="Q20" s="110">
        <v>0</v>
      </c>
      <c r="R20" s="114">
        <v>6948161</v>
      </c>
      <c r="S20" s="114">
        <v>11227124</v>
      </c>
      <c r="T20" s="114">
        <v>8965268</v>
      </c>
      <c r="U20" s="114">
        <v>9420815</v>
      </c>
      <c r="V20" s="114">
        <v>14326287</v>
      </c>
      <c r="W20" s="113">
        <v>50887655</v>
      </c>
      <c r="X20" s="116">
        <v>51616040</v>
      </c>
      <c r="Y20" s="110">
        <v>0</v>
      </c>
      <c r="Z20" s="114">
        <v>0</v>
      </c>
      <c r="AA20" s="113">
        <v>0</v>
      </c>
      <c r="AB20" s="110">
        <v>0</v>
      </c>
      <c r="AC20" s="114">
        <v>3588376</v>
      </c>
      <c r="AD20" s="114">
        <v>6550450</v>
      </c>
      <c r="AE20" s="114">
        <v>4921271</v>
      </c>
      <c r="AF20" s="114">
        <v>5186647</v>
      </c>
      <c r="AG20" s="114">
        <v>8443474</v>
      </c>
      <c r="AH20" s="113">
        <v>28690218</v>
      </c>
      <c r="AI20" s="116">
        <v>28690218</v>
      </c>
      <c r="AJ20" s="110">
        <v>0</v>
      </c>
      <c r="AK20" s="114">
        <v>0</v>
      </c>
      <c r="AL20" s="113">
        <v>0</v>
      </c>
      <c r="AM20" s="110">
        <v>0</v>
      </c>
      <c r="AN20" s="114">
        <v>15359</v>
      </c>
      <c r="AO20" s="114">
        <v>15359</v>
      </c>
      <c r="AP20" s="114">
        <v>463605</v>
      </c>
      <c r="AQ20" s="114">
        <v>985072</v>
      </c>
      <c r="AR20" s="114">
        <v>1875404</v>
      </c>
      <c r="AS20" s="113">
        <v>3354799</v>
      </c>
      <c r="AT20" s="116">
        <v>3354799</v>
      </c>
      <c r="AU20" s="110">
        <v>29885</v>
      </c>
      <c r="AV20" s="114">
        <v>350478</v>
      </c>
      <c r="AW20" s="113">
        <v>380363</v>
      </c>
      <c r="AX20" s="110">
        <v>0</v>
      </c>
      <c r="AY20" s="114">
        <v>1610395</v>
      </c>
      <c r="AZ20" s="114">
        <v>2921452</v>
      </c>
      <c r="BA20" s="114">
        <v>1903252</v>
      </c>
      <c r="BB20" s="114">
        <v>1522189</v>
      </c>
      <c r="BC20" s="114">
        <v>2687764</v>
      </c>
      <c r="BD20" s="113">
        <v>10645052</v>
      </c>
      <c r="BE20" s="116">
        <v>11025415</v>
      </c>
      <c r="BF20" s="110">
        <v>0</v>
      </c>
      <c r="BG20" s="114">
        <v>17546</v>
      </c>
      <c r="BH20" s="112">
        <v>17546</v>
      </c>
      <c r="BI20" s="111">
        <v>0</v>
      </c>
      <c r="BJ20" s="114">
        <v>208249</v>
      </c>
      <c r="BK20" s="114">
        <v>473840</v>
      </c>
      <c r="BL20" s="114">
        <v>195459</v>
      </c>
      <c r="BM20" s="114">
        <v>111597</v>
      </c>
      <c r="BN20" s="114">
        <v>187020</v>
      </c>
      <c r="BO20" s="113">
        <v>1176165</v>
      </c>
      <c r="BP20" s="116">
        <v>1193711</v>
      </c>
      <c r="BQ20" s="110">
        <v>227713</v>
      </c>
      <c r="BR20" s="114">
        <v>102763</v>
      </c>
      <c r="BS20" s="113">
        <v>330476</v>
      </c>
      <c r="BT20" s="110">
        <v>0</v>
      </c>
      <c r="BU20" s="114">
        <v>1525782</v>
      </c>
      <c r="BV20" s="114">
        <v>1266023</v>
      </c>
      <c r="BW20" s="114">
        <v>1481681</v>
      </c>
      <c r="BX20" s="114">
        <v>1615310</v>
      </c>
      <c r="BY20" s="114">
        <v>1132625</v>
      </c>
      <c r="BZ20" s="113">
        <v>7021421</v>
      </c>
      <c r="CA20" s="116">
        <v>7351897</v>
      </c>
      <c r="CB20" s="110">
        <v>24088</v>
      </c>
      <c r="CC20" s="114">
        <v>264743</v>
      </c>
      <c r="CD20" s="113">
        <v>288831</v>
      </c>
      <c r="CE20" s="110">
        <v>0</v>
      </c>
      <c r="CF20" s="114">
        <v>6267827</v>
      </c>
      <c r="CG20" s="114">
        <v>11620739</v>
      </c>
      <c r="CH20" s="114">
        <v>7772059</v>
      </c>
      <c r="CI20" s="114">
        <v>3736356</v>
      </c>
      <c r="CJ20" s="114">
        <v>1742382</v>
      </c>
      <c r="CK20" s="113">
        <v>31139363</v>
      </c>
      <c r="CL20" s="116">
        <v>31428194</v>
      </c>
      <c r="CM20" s="110">
        <v>0</v>
      </c>
      <c r="CN20" s="114">
        <v>0</v>
      </c>
      <c r="CO20" s="113">
        <v>0</v>
      </c>
      <c r="CP20" s="111">
        <v>0</v>
      </c>
      <c r="CQ20" s="114">
        <v>4879575</v>
      </c>
      <c r="CR20" s="114">
        <v>9339278</v>
      </c>
      <c r="CS20" s="114">
        <v>5465546</v>
      </c>
      <c r="CT20" s="114">
        <v>2250565</v>
      </c>
      <c r="CU20" s="114">
        <v>1403783</v>
      </c>
      <c r="CV20" s="113">
        <v>23338747</v>
      </c>
      <c r="CW20" s="116">
        <v>23338747</v>
      </c>
      <c r="CX20" s="110">
        <v>24088</v>
      </c>
      <c r="CY20" s="114">
        <v>264743</v>
      </c>
      <c r="CZ20" s="113">
        <v>288831</v>
      </c>
      <c r="DA20" s="110">
        <v>0</v>
      </c>
      <c r="DB20" s="114">
        <v>1388252</v>
      </c>
      <c r="DC20" s="114">
        <v>2281461</v>
      </c>
      <c r="DD20" s="114">
        <v>2306513</v>
      </c>
      <c r="DE20" s="114">
        <v>1485791</v>
      </c>
      <c r="DF20" s="114">
        <v>338599</v>
      </c>
      <c r="DG20" s="113">
        <v>7800616</v>
      </c>
      <c r="DH20" s="116">
        <v>8089447</v>
      </c>
      <c r="DI20" s="110">
        <v>0</v>
      </c>
      <c r="DJ20" s="114">
        <v>62232</v>
      </c>
      <c r="DK20" s="112">
        <v>62232</v>
      </c>
      <c r="DL20" s="111">
        <v>0</v>
      </c>
      <c r="DM20" s="114">
        <v>434249</v>
      </c>
      <c r="DN20" s="114">
        <v>2445037</v>
      </c>
      <c r="DO20" s="114">
        <v>6266452</v>
      </c>
      <c r="DP20" s="114">
        <v>11811946</v>
      </c>
      <c r="DQ20" s="114">
        <v>4818304</v>
      </c>
      <c r="DR20" s="113">
        <v>25775988</v>
      </c>
      <c r="DS20" s="116">
        <v>25838220</v>
      </c>
      <c r="DT20" s="110">
        <v>0</v>
      </c>
      <c r="DU20" s="114">
        <v>62232</v>
      </c>
      <c r="DV20" s="113">
        <v>62232</v>
      </c>
      <c r="DW20" s="110">
        <v>0</v>
      </c>
      <c r="DX20" s="114">
        <v>434249</v>
      </c>
      <c r="DY20" s="114">
        <v>2199853</v>
      </c>
      <c r="DZ20" s="114">
        <v>6039870</v>
      </c>
      <c r="EA20" s="114">
        <v>11662605</v>
      </c>
      <c r="EB20" s="114">
        <v>4663070</v>
      </c>
      <c r="EC20" s="113">
        <v>24999647</v>
      </c>
      <c r="ED20" s="116">
        <v>25061879</v>
      </c>
      <c r="EE20" s="110">
        <v>0</v>
      </c>
      <c r="EF20" s="112">
        <v>0</v>
      </c>
      <c r="EG20" s="113">
        <v>0</v>
      </c>
      <c r="EH20" s="110">
        <v>0</v>
      </c>
      <c r="EI20" s="114">
        <v>0</v>
      </c>
      <c r="EJ20" s="114">
        <v>245184</v>
      </c>
      <c r="EK20" s="114">
        <v>226582</v>
      </c>
      <c r="EL20" s="114">
        <v>149341</v>
      </c>
      <c r="EM20" s="114">
        <v>155234</v>
      </c>
      <c r="EN20" s="112">
        <v>776341</v>
      </c>
      <c r="EO20" s="116">
        <v>776341</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620562</v>
      </c>
      <c r="FM20" s="114">
        <v>887017</v>
      </c>
      <c r="FN20" s="113">
        <v>1507579</v>
      </c>
      <c r="FO20" s="110">
        <v>0</v>
      </c>
      <c r="FP20" s="114">
        <v>1318997</v>
      </c>
      <c r="FQ20" s="114">
        <v>4809864</v>
      </c>
      <c r="FR20" s="114">
        <v>2952728</v>
      </c>
      <c r="FS20" s="114">
        <v>2966221</v>
      </c>
      <c r="FT20" s="114">
        <v>1766350</v>
      </c>
      <c r="FU20" s="113">
        <v>13814160</v>
      </c>
      <c r="FV20" s="116">
        <v>15321739</v>
      </c>
      <c r="FW20" s="115">
        <v>359562</v>
      </c>
      <c r="FX20" s="114">
        <v>744562</v>
      </c>
      <c r="FY20" s="112">
        <v>1104124</v>
      </c>
      <c r="FZ20" s="111">
        <v>0</v>
      </c>
      <c r="GA20" s="114">
        <v>1139393</v>
      </c>
      <c r="GB20" s="114">
        <v>4135376</v>
      </c>
      <c r="GC20" s="114">
        <v>2799908</v>
      </c>
      <c r="GD20" s="114">
        <v>2425825</v>
      </c>
      <c r="GE20" s="114">
        <v>1766350</v>
      </c>
      <c r="GF20" s="113">
        <v>12266852</v>
      </c>
      <c r="GG20" s="318">
        <v>13370976</v>
      </c>
      <c r="GH20" s="115">
        <v>0</v>
      </c>
      <c r="GI20" s="114">
        <v>56955</v>
      </c>
      <c r="GJ20" s="112">
        <v>56955</v>
      </c>
      <c r="GK20" s="111">
        <v>0</v>
      </c>
      <c r="GL20" s="114">
        <v>63504</v>
      </c>
      <c r="GM20" s="114">
        <v>114508</v>
      </c>
      <c r="GN20" s="114">
        <v>101520</v>
      </c>
      <c r="GO20" s="114">
        <v>36576</v>
      </c>
      <c r="GP20" s="114">
        <v>0</v>
      </c>
      <c r="GQ20" s="113">
        <v>316108</v>
      </c>
      <c r="GR20" s="116">
        <v>373063</v>
      </c>
      <c r="GS20" s="110">
        <v>261000</v>
      </c>
      <c r="GT20" s="114">
        <v>85500</v>
      </c>
      <c r="GU20" s="113">
        <v>346500</v>
      </c>
      <c r="GV20" s="110">
        <v>0</v>
      </c>
      <c r="GW20" s="114">
        <v>116100</v>
      </c>
      <c r="GX20" s="114">
        <v>559980</v>
      </c>
      <c r="GY20" s="114">
        <v>51300</v>
      </c>
      <c r="GZ20" s="114">
        <v>503820</v>
      </c>
      <c r="HA20" s="114">
        <v>0</v>
      </c>
      <c r="HB20" s="112">
        <v>1231200</v>
      </c>
      <c r="HC20" s="116">
        <v>1577700</v>
      </c>
      <c r="HD20" s="110">
        <v>1482787</v>
      </c>
      <c r="HE20" s="114">
        <v>1297521</v>
      </c>
      <c r="HF20" s="112">
        <v>2780308</v>
      </c>
      <c r="HG20" s="111">
        <v>0</v>
      </c>
      <c r="HH20" s="114">
        <v>10373539</v>
      </c>
      <c r="HI20" s="114">
        <v>5974966</v>
      </c>
      <c r="HJ20" s="114">
        <v>6325616</v>
      </c>
      <c r="HK20" s="114">
        <v>9121035</v>
      </c>
      <c r="HL20" s="114">
        <v>5320218</v>
      </c>
      <c r="HM20" s="113">
        <v>37115374</v>
      </c>
      <c r="HN20" s="109">
        <v>39895682</v>
      </c>
      <c r="HO20" s="115">
        <v>287721</v>
      </c>
      <c r="HP20" s="114">
        <v>744021</v>
      </c>
      <c r="HQ20" s="113">
        <v>1031742</v>
      </c>
      <c r="HR20" s="110">
        <v>0</v>
      </c>
      <c r="HS20" s="114">
        <v>5681010</v>
      </c>
      <c r="HT20" s="114">
        <v>7298824</v>
      </c>
      <c r="HU20" s="114">
        <v>4109850</v>
      </c>
      <c r="HV20" s="114">
        <v>3096072</v>
      </c>
      <c r="HW20" s="114">
        <v>1829817</v>
      </c>
      <c r="HX20" s="112">
        <v>22015573</v>
      </c>
      <c r="HY20" s="116">
        <v>23047315</v>
      </c>
      <c r="HZ20" s="150">
        <v>138504</v>
      </c>
      <c r="IA20" s="135">
        <v>1534845</v>
      </c>
      <c r="IB20" s="150">
        <v>1673349</v>
      </c>
      <c r="IC20" s="134">
        <v>0</v>
      </c>
      <c r="ID20" s="135">
        <v>17432872</v>
      </c>
      <c r="IE20" s="136">
        <v>22785314</v>
      </c>
      <c r="IF20" s="137">
        <v>23410952</v>
      </c>
      <c r="IG20" s="135">
        <v>21097065</v>
      </c>
      <c r="IH20" s="137">
        <v>9323593</v>
      </c>
      <c r="II20" s="138">
        <v>94049796</v>
      </c>
      <c r="IJ20" s="150">
        <v>95723145</v>
      </c>
      <c r="IK20" s="232">
        <v>0</v>
      </c>
      <c r="IL20" s="236">
        <v>0</v>
      </c>
      <c r="IM20" s="237">
        <v>0</v>
      </c>
      <c r="IN20" s="140"/>
      <c r="IO20" s="119">
        <v>0</v>
      </c>
      <c r="IP20" s="119">
        <v>966948</v>
      </c>
      <c r="IQ20" s="119">
        <v>458405</v>
      </c>
      <c r="IR20" s="119">
        <v>1390499</v>
      </c>
      <c r="IS20" s="119">
        <v>1012165</v>
      </c>
      <c r="IT20" s="141">
        <v>3828017</v>
      </c>
      <c r="IU20" s="320">
        <v>3828017</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6274398</v>
      </c>
      <c r="JL20" s="119">
        <v>9665323</v>
      </c>
      <c r="JM20" s="119">
        <v>6164246</v>
      </c>
      <c r="JN20" s="119">
        <v>4134909</v>
      </c>
      <c r="JO20" s="119">
        <v>907897</v>
      </c>
      <c r="JP20" s="120">
        <v>27146773</v>
      </c>
      <c r="JQ20" s="320">
        <v>27146773</v>
      </c>
      <c r="JR20" s="142">
        <v>0</v>
      </c>
      <c r="JS20" s="119">
        <v>0</v>
      </c>
      <c r="JT20" s="141">
        <v>0</v>
      </c>
      <c r="JU20" s="118">
        <v>0</v>
      </c>
      <c r="JV20" s="119">
        <v>240455</v>
      </c>
      <c r="JW20" s="119">
        <v>557047</v>
      </c>
      <c r="JX20" s="119">
        <v>802667</v>
      </c>
      <c r="JY20" s="119">
        <v>37818</v>
      </c>
      <c r="JZ20" s="119">
        <v>177532</v>
      </c>
      <c r="KA20" s="120">
        <v>1815519</v>
      </c>
      <c r="KB20" s="320">
        <v>1815519</v>
      </c>
      <c r="KC20" s="234">
        <v>138504</v>
      </c>
      <c r="KD20" s="230">
        <v>1159165</v>
      </c>
      <c r="KE20" s="120">
        <v>1297669</v>
      </c>
      <c r="KF20" s="118">
        <v>0</v>
      </c>
      <c r="KG20" s="119">
        <v>2374926</v>
      </c>
      <c r="KH20" s="119">
        <v>3252932</v>
      </c>
      <c r="KI20" s="119">
        <v>2606792</v>
      </c>
      <c r="KJ20" s="119">
        <v>3170873</v>
      </c>
      <c r="KK20" s="119">
        <v>1185937</v>
      </c>
      <c r="KL20" s="120">
        <v>12591460</v>
      </c>
      <c r="KM20" s="143">
        <v>13889129</v>
      </c>
      <c r="KN20" s="232">
        <v>0</v>
      </c>
      <c r="KO20" s="236">
        <v>375680</v>
      </c>
      <c r="KP20" s="237">
        <v>375680</v>
      </c>
      <c r="KQ20" s="140"/>
      <c r="KR20" s="119">
        <v>8543093</v>
      </c>
      <c r="KS20" s="119">
        <v>8343064</v>
      </c>
      <c r="KT20" s="119">
        <v>11104415</v>
      </c>
      <c r="KU20" s="119">
        <v>8035942</v>
      </c>
      <c r="KV20" s="119">
        <v>4129640</v>
      </c>
      <c r="KW20" s="120">
        <v>40156154</v>
      </c>
      <c r="KX20" s="320">
        <v>40531834</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2274427</v>
      </c>
      <c r="LQ20" s="119">
        <v>4327024</v>
      </c>
      <c r="LR20" s="119">
        <v>1910422</v>
      </c>
      <c r="LS20" s="120">
        <v>8511873</v>
      </c>
      <c r="LT20" s="320">
        <v>8511873</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6676515</v>
      </c>
      <c r="MK20" s="119">
        <v>10567040</v>
      </c>
      <c r="ML20" s="119">
        <v>37944530</v>
      </c>
      <c r="MM20" s="119">
        <v>54020344</v>
      </c>
      <c r="MN20" s="119">
        <v>31276158</v>
      </c>
      <c r="MO20" s="120">
        <v>140484587</v>
      </c>
      <c r="MP20" s="143">
        <v>140484587</v>
      </c>
      <c r="MQ20" s="142">
        <v>0</v>
      </c>
      <c r="MR20" s="119">
        <v>0</v>
      </c>
      <c r="MS20" s="120">
        <v>0</v>
      </c>
      <c r="MT20" s="145"/>
      <c r="MU20" s="119">
        <v>0</v>
      </c>
      <c r="MV20" s="119">
        <v>215592</v>
      </c>
      <c r="MW20" s="119">
        <v>22478285</v>
      </c>
      <c r="MX20" s="119">
        <v>37520189</v>
      </c>
      <c r="MY20" s="119">
        <v>23822927</v>
      </c>
      <c r="MZ20" s="120">
        <v>84036993</v>
      </c>
      <c r="NA20" s="143">
        <v>84036993</v>
      </c>
      <c r="NB20" s="142">
        <v>0</v>
      </c>
      <c r="NC20" s="119">
        <v>0</v>
      </c>
      <c r="ND20" s="120">
        <v>0</v>
      </c>
      <c r="NE20" s="145"/>
      <c r="NF20" s="119">
        <v>6676515</v>
      </c>
      <c r="NG20" s="119">
        <v>10351448</v>
      </c>
      <c r="NH20" s="119">
        <v>15466245</v>
      </c>
      <c r="NI20" s="119">
        <v>16500155</v>
      </c>
      <c r="NJ20" s="119">
        <v>7097677</v>
      </c>
      <c r="NK20" s="120">
        <v>56092040</v>
      </c>
      <c r="NL20" s="320">
        <v>56092040</v>
      </c>
      <c r="NM20" s="142">
        <v>0</v>
      </c>
      <c r="NN20" s="119">
        <v>0</v>
      </c>
      <c r="NO20" s="120">
        <v>0</v>
      </c>
      <c r="NP20" s="145"/>
      <c r="NQ20" s="119">
        <v>0</v>
      </c>
      <c r="NR20" s="119">
        <v>0</v>
      </c>
      <c r="NS20" s="119">
        <v>0</v>
      </c>
      <c r="NT20" s="119">
        <v>0</v>
      </c>
      <c r="NU20" s="119">
        <v>355554</v>
      </c>
      <c r="NV20" s="120">
        <v>355554</v>
      </c>
      <c r="NW20" s="121">
        <v>355554</v>
      </c>
      <c r="NX20" s="142">
        <v>0</v>
      </c>
      <c r="NY20" s="119">
        <v>0</v>
      </c>
      <c r="NZ20" s="120">
        <v>0</v>
      </c>
      <c r="OA20" s="145"/>
      <c r="OB20" s="119">
        <v>0</v>
      </c>
      <c r="OC20" s="119">
        <v>0</v>
      </c>
      <c r="OD20" s="119">
        <v>0</v>
      </c>
      <c r="OE20" s="119">
        <v>0</v>
      </c>
      <c r="OF20" s="119">
        <v>0</v>
      </c>
      <c r="OG20" s="120">
        <v>0</v>
      </c>
      <c r="OH20" s="121">
        <v>0</v>
      </c>
      <c r="OI20" s="142">
        <v>2811260</v>
      </c>
      <c r="OJ20" s="119">
        <v>5261166</v>
      </c>
      <c r="OK20" s="141">
        <v>8072426</v>
      </c>
      <c r="OL20" s="118">
        <v>0</v>
      </c>
      <c r="OM20" s="119">
        <v>55133170</v>
      </c>
      <c r="ON20" s="119">
        <v>76728908</v>
      </c>
      <c r="OO20" s="119">
        <v>97747455</v>
      </c>
      <c r="OP20" s="119">
        <v>115269854</v>
      </c>
      <c r="OQ20" s="119">
        <v>70403109</v>
      </c>
      <c r="OR20" s="120">
        <v>415282496</v>
      </c>
      <c r="OS20" s="143">
        <v>423354922</v>
      </c>
    </row>
    <row r="21" spans="2:409" ht="21" customHeight="1" x14ac:dyDescent="0.2">
      <c r="B21" s="62" t="s">
        <v>16</v>
      </c>
      <c r="C21" s="110">
        <v>5708113</v>
      </c>
      <c r="D21" s="114">
        <v>12085312</v>
      </c>
      <c r="E21" s="113">
        <v>17793425</v>
      </c>
      <c r="F21" s="109">
        <v>0</v>
      </c>
      <c r="G21" s="114">
        <v>81141057</v>
      </c>
      <c r="H21" s="114">
        <v>130357717</v>
      </c>
      <c r="I21" s="114">
        <v>107086885</v>
      </c>
      <c r="J21" s="114">
        <v>102391808</v>
      </c>
      <c r="K21" s="114">
        <v>72193296</v>
      </c>
      <c r="L21" s="109">
        <v>493170763</v>
      </c>
      <c r="M21" s="116">
        <v>510964188</v>
      </c>
      <c r="N21" s="110">
        <v>904068</v>
      </c>
      <c r="O21" s="114">
        <v>2029637</v>
      </c>
      <c r="P21" s="113">
        <v>2933705</v>
      </c>
      <c r="Q21" s="110">
        <v>0</v>
      </c>
      <c r="R21" s="114">
        <v>16954362</v>
      </c>
      <c r="S21" s="114">
        <v>29199613</v>
      </c>
      <c r="T21" s="114">
        <v>26600778</v>
      </c>
      <c r="U21" s="114">
        <v>30969092</v>
      </c>
      <c r="V21" s="114">
        <v>24336547</v>
      </c>
      <c r="W21" s="113">
        <v>128060392</v>
      </c>
      <c r="X21" s="116">
        <v>130994097</v>
      </c>
      <c r="Y21" s="110">
        <v>0</v>
      </c>
      <c r="Z21" s="114">
        <v>0</v>
      </c>
      <c r="AA21" s="113">
        <v>0</v>
      </c>
      <c r="AB21" s="110">
        <v>0</v>
      </c>
      <c r="AC21" s="114">
        <v>7199481</v>
      </c>
      <c r="AD21" s="114">
        <v>11970834</v>
      </c>
      <c r="AE21" s="114">
        <v>13345745</v>
      </c>
      <c r="AF21" s="114">
        <v>16378580</v>
      </c>
      <c r="AG21" s="114">
        <v>11444216</v>
      </c>
      <c r="AH21" s="113">
        <v>60338856</v>
      </c>
      <c r="AI21" s="116">
        <v>60338856</v>
      </c>
      <c r="AJ21" s="110">
        <v>0</v>
      </c>
      <c r="AK21" s="114">
        <v>0</v>
      </c>
      <c r="AL21" s="113">
        <v>0</v>
      </c>
      <c r="AM21" s="110">
        <v>0</v>
      </c>
      <c r="AN21" s="114">
        <v>112797</v>
      </c>
      <c r="AO21" s="114">
        <v>560324</v>
      </c>
      <c r="AP21" s="114">
        <v>874699</v>
      </c>
      <c r="AQ21" s="114">
        <v>1268882</v>
      </c>
      <c r="AR21" s="114">
        <v>3034279</v>
      </c>
      <c r="AS21" s="113">
        <v>5850981</v>
      </c>
      <c r="AT21" s="116">
        <v>5850981</v>
      </c>
      <c r="AU21" s="110">
        <v>432398</v>
      </c>
      <c r="AV21" s="114">
        <v>1267761</v>
      </c>
      <c r="AW21" s="113">
        <v>1700159</v>
      </c>
      <c r="AX21" s="110">
        <v>0</v>
      </c>
      <c r="AY21" s="114">
        <v>6379261</v>
      </c>
      <c r="AZ21" s="114">
        <v>11753864</v>
      </c>
      <c r="BA21" s="114">
        <v>7882882</v>
      </c>
      <c r="BB21" s="114">
        <v>8532022</v>
      </c>
      <c r="BC21" s="114">
        <v>6299862</v>
      </c>
      <c r="BD21" s="113">
        <v>40847891</v>
      </c>
      <c r="BE21" s="116">
        <v>42548050</v>
      </c>
      <c r="BF21" s="110">
        <v>22005</v>
      </c>
      <c r="BG21" s="114">
        <v>370559</v>
      </c>
      <c r="BH21" s="112">
        <v>392564</v>
      </c>
      <c r="BI21" s="111">
        <v>0</v>
      </c>
      <c r="BJ21" s="114">
        <v>442966</v>
      </c>
      <c r="BK21" s="114">
        <v>1194230</v>
      </c>
      <c r="BL21" s="114">
        <v>743596</v>
      </c>
      <c r="BM21" s="114">
        <v>349360</v>
      </c>
      <c r="BN21" s="114">
        <v>397197</v>
      </c>
      <c r="BO21" s="113">
        <v>3127349</v>
      </c>
      <c r="BP21" s="116">
        <v>3519913</v>
      </c>
      <c r="BQ21" s="110">
        <v>449665</v>
      </c>
      <c r="BR21" s="114">
        <v>391317</v>
      </c>
      <c r="BS21" s="113">
        <v>840982</v>
      </c>
      <c r="BT21" s="110">
        <v>0</v>
      </c>
      <c r="BU21" s="114">
        <v>2819857</v>
      </c>
      <c r="BV21" s="114">
        <v>3720361</v>
      </c>
      <c r="BW21" s="114">
        <v>3753856</v>
      </c>
      <c r="BX21" s="114">
        <v>4440248</v>
      </c>
      <c r="BY21" s="114">
        <v>3160993</v>
      </c>
      <c r="BZ21" s="113">
        <v>17895315</v>
      </c>
      <c r="CA21" s="116">
        <v>18736297</v>
      </c>
      <c r="CB21" s="110">
        <v>991377</v>
      </c>
      <c r="CC21" s="114">
        <v>3819174</v>
      </c>
      <c r="CD21" s="113">
        <v>4810551</v>
      </c>
      <c r="CE21" s="110">
        <v>0</v>
      </c>
      <c r="CF21" s="114">
        <v>27819096</v>
      </c>
      <c r="CG21" s="114">
        <v>50175975</v>
      </c>
      <c r="CH21" s="114">
        <v>34994768</v>
      </c>
      <c r="CI21" s="114">
        <v>24128023</v>
      </c>
      <c r="CJ21" s="114">
        <v>14638004</v>
      </c>
      <c r="CK21" s="113">
        <v>151755866</v>
      </c>
      <c r="CL21" s="116">
        <v>156566417</v>
      </c>
      <c r="CM21" s="110">
        <v>0</v>
      </c>
      <c r="CN21" s="114">
        <v>0</v>
      </c>
      <c r="CO21" s="113">
        <v>0</v>
      </c>
      <c r="CP21" s="111">
        <v>0</v>
      </c>
      <c r="CQ21" s="114">
        <v>17200060</v>
      </c>
      <c r="CR21" s="114">
        <v>31382842</v>
      </c>
      <c r="CS21" s="114">
        <v>24390007</v>
      </c>
      <c r="CT21" s="114">
        <v>18063689</v>
      </c>
      <c r="CU21" s="114">
        <v>13059059</v>
      </c>
      <c r="CV21" s="113">
        <v>104095657</v>
      </c>
      <c r="CW21" s="116">
        <v>104095657</v>
      </c>
      <c r="CX21" s="110">
        <v>991377</v>
      </c>
      <c r="CY21" s="114">
        <v>3819174</v>
      </c>
      <c r="CZ21" s="113">
        <v>4810551</v>
      </c>
      <c r="DA21" s="110">
        <v>0</v>
      </c>
      <c r="DB21" s="114">
        <v>10619036</v>
      </c>
      <c r="DC21" s="114">
        <v>18793133</v>
      </c>
      <c r="DD21" s="114">
        <v>10604761</v>
      </c>
      <c r="DE21" s="114">
        <v>6064334</v>
      </c>
      <c r="DF21" s="114">
        <v>1578945</v>
      </c>
      <c r="DG21" s="113">
        <v>47660209</v>
      </c>
      <c r="DH21" s="116">
        <v>52470760</v>
      </c>
      <c r="DI21" s="110">
        <v>34547</v>
      </c>
      <c r="DJ21" s="114">
        <v>0</v>
      </c>
      <c r="DK21" s="112">
        <v>34547</v>
      </c>
      <c r="DL21" s="111">
        <v>0</v>
      </c>
      <c r="DM21" s="114">
        <v>1525475</v>
      </c>
      <c r="DN21" s="114">
        <v>5648311</v>
      </c>
      <c r="DO21" s="114">
        <v>8200804</v>
      </c>
      <c r="DP21" s="114">
        <v>5536805</v>
      </c>
      <c r="DQ21" s="114">
        <v>3236365</v>
      </c>
      <c r="DR21" s="113">
        <v>24147760</v>
      </c>
      <c r="DS21" s="116">
        <v>24182307</v>
      </c>
      <c r="DT21" s="110">
        <v>34547</v>
      </c>
      <c r="DU21" s="114">
        <v>0</v>
      </c>
      <c r="DV21" s="113">
        <v>34547</v>
      </c>
      <c r="DW21" s="110">
        <v>0</v>
      </c>
      <c r="DX21" s="114">
        <v>1504496</v>
      </c>
      <c r="DY21" s="114">
        <v>5229622</v>
      </c>
      <c r="DZ21" s="114">
        <v>7575907</v>
      </c>
      <c r="EA21" s="114">
        <v>4624025</v>
      </c>
      <c r="EB21" s="114">
        <v>2768145</v>
      </c>
      <c r="EC21" s="113">
        <v>21702195</v>
      </c>
      <c r="ED21" s="116">
        <v>21736742</v>
      </c>
      <c r="EE21" s="110">
        <v>0</v>
      </c>
      <c r="EF21" s="112">
        <v>0</v>
      </c>
      <c r="EG21" s="113">
        <v>0</v>
      </c>
      <c r="EH21" s="110">
        <v>0</v>
      </c>
      <c r="EI21" s="114">
        <v>20979</v>
      </c>
      <c r="EJ21" s="114">
        <v>418689</v>
      </c>
      <c r="EK21" s="114">
        <v>624897</v>
      </c>
      <c r="EL21" s="114">
        <v>912780</v>
      </c>
      <c r="EM21" s="114">
        <v>468220</v>
      </c>
      <c r="EN21" s="112">
        <v>2445565</v>
      </c>
      <c r="EO21" s="116">
        <v>2445565</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1304356</v>
      </c>
      <c r="FM21" s="114">
        <v>2498021</v>
      </c>
      <c r="FN21" s="113">
        <v>3802377</v>
      </c>
      <c r="FO21" s="110">
        <v>0</v>
      </c>
      <c r="FP21" s="114">
        <v>4153322</v>
      </c>
      <c r="FQ21" s="114">
        <v>11949580</v>
      </c>
      <c r="FR21" s="114">
        <v>8499819</v>
      </c>
      <c r="FS21" s="114">
        <v>7751396</v>
      </c>
      <c r="FT21" s="114">
        <v>4877658</v>
      </c>
      <c r="FU21" s="113">
        <v>37231775</v>
      </c>
      <c r="FV21" s="116">
        <v>41034152</v>
      </c>
      <c r="FW21" s="115">
        <v>807087</v>
      </c>
      <c r="FX21" s="114">
        <v>1959955</v>
      </c>
      <c r="FY21" s="112">
        <v>2767042</v>
      </c>
      <c r="FZ21" s="111">
        <v>0</v>
      </c>
      <c r="GA21" s="114">
        <v>2881672</v>
      </c>
      <c r="GB21" s="114">
        <v>11430409</v>
      </c>
      <c r="GC21" s="114">
        <v>7730197</v>
      </c>
      <c r="GD21" s="114">
        <v>7186959</v>
      </c>
      <c r="GE21" s="114">
        <v>4816982</v>
      </c>
      <c r="GF21" s="113">
        <v>34046219</v>
      </c>
      <c r="GG21" s="318">
        <v>36813261</v>
      </c>
      <c r="GH21" s="115">
        <v>37863</v>
      </c>
      <c r="GI21" s="114">
        <v>67834</v>
      </c>
      <c r="GJ21" s="112">
        <v>105697</v>
      </c>
      <c r="GK21" s="111">
        <v>0</v>
      </c>
      <c r="GL21" s="114">
        <v>161414</v>
      </c>
      <c r="GM21" s="114">
        <v>197802</v>
      </c>
      <c r="GN21" s="114">
        <v>193468</v>
      </c>
      <c r="GO21" s="114">
        <v>185537</v>
      </c>
      <c r="GP21" s="114">
        <v>60676</v>
      </c>
      <c r="GQ21" s="113">
        <v>798897</v>
      </c>
      <c r="GR21" s="116">
        <v>904594</v>
      </c>
      <c r="GS21" s="110">
        <v>459406</v>
      </c>
      <c r="GT21" s="114">
        <v>470232</v>
      </c>
      <c r="GU21" s="113">
        <v>929638</v>
      </c>
      <c r="GV21" s="110">
        <v>0</v>
      </c>
      <c r="GW21" s="114">
        <v>1110236</v>
      </c>
      <c r="GX21" s="114">
        <v>321369</v>
      </c>
      <c r="GY21" s="114">
        <v>576154</v>
      </c>
      <c r="GZ21" s="114">
        <v>378900</v>
      </c>
      <c r="HA21" s="114">
        <v>0</v>
      </c>
      <c r="HB21" s="112">
        <v>2386659</v>
      </c>
      <c r="HC21" s="116">
        <v>3316297</v>
      </c>
      <c r="HD21" s="110">
        <v>1575732</v>
      </c>
      <c r="HE21" s="114">
        <v>1943507</v>
      </c>
      <c r="HF21" s="112">
        <v>3519239</v>
      </c>
      <c r="HG21" s="111">
        <v>0</v>
      </c>
      <c r="HH21" s="114">
        <v>18674164</v>
      </c>
      <c r="HI21" s="114">
        <v>17080273</v>
      </c>
      <c r="HJ21" s="114">
        <v>18561307</v>
      </c>
      <c r="HK21" s="114">
        <v>26847063</v>
      </c>
      <c r="HL21" s="114">
        <v>21164868</v>
      </c>
      <c r="HM21" s="113">
        <v>102327675</v>
      </c>
      <c r="HN21" s="109">
        <v>105846914</v>
      </c>
      <c r="HO21" s="115">
        <v>898033</v>
      </c>
      <c r="HP21" s="114">
        <v>1794973</v>
      </c>
      <c r="HQ21" s="113">
        <v>2693006</v>
      </c>
      <c r="HR21" s="110">
        <v>0</v>
      </c>
      <c r="HS21" s="114">
        <v>12014638</v>
      </c>
      <c r="HT21" s="114">
        <v>16303965</v>
      </c>
      <c r="HU21" s="114">
        <v>10229409</v>
      </c>
      <c r="HV21" s="114">
        <v>7159429</v>
      </c>
      <c r="HW21" s="114">
        <v>3939854</v>
      </c>
      <c r="HX21" s="112">
        <v>49647295</v>
      </c>
      <c r="HY21" s="116">
        <v>52340301</v>
      </c>
      <c r="HZ21" s="131">
        <v>46661</v>
      </c>
      <c r="IA21" s="132">
        <v>169892</v>
      </c>
      <c r="IB21" s="133">
        <v>216553</v>
      </c>
      <c r="IC21" s="146">
        <v>0</v>
      </c>
      <c r="ID21" s="132">
        <v>14350295</v>
      </c>
      <c r="IE21" s="147">
        <v>32061942</v>
      </c>
      <c r="IF21" s="133">
        <v>37324401</v>
      </c>
      <c r="IG21" s="132">
        <v>28827300</v>
      </c>
      <c r="IH21" s="133">
        <v>21891931</v>
      </c>
      <c r="II21" s="148">
        <v>134455869</v>
      </c>
      <c r="IJ21" s="139">
        <v>134672422</v>
      </c>
      <c r="IK21" s="232">
        <v>0</v>
      </c>
      <c r="IL21" s="236">
        <v>0</v>
      </c>
      <c r="IM21" s="237">
        <v>0</v>
      </c>
      <c r="IN21" s="140"/>
      <c r="IO21" s="119">
        <v>604874</v>
      </c>
      <c r="IP21" s="119">
        <v>1618645</v>
      </c>
      <c r="IQ21" s="119">
        <v>2919881</v>
      </c>
      <c r="IR21" s="119">
        <v>1675952</v>
      </c>
      <c r="IS21" s="119">
        <v>2440711</v>
      </c>
      <c r="IT21" s="141">
        <v>9260063</v>
      </c>
      <c r="IU21" s="320">
        <v>9260063</v>
      </c>
      <c r="IV21" s="142">
        <v>0</v>
      </c>
      <c r="IW21" s="119">
        <v>0</v>
      </c>
      <c r="IX21" s="120">
        <v>0</v>
      </c>
      <c r="IY21" s="144"/>
      <c r="IZ21" s="119">
        <v>0</v>
      </c>
      <c r="JA21" s="119">
        <v>18446</v>
      </c>
      <c r="JB21" s="119">
        <v>65260</v>
      </c>
      <c r="JC21" s="119">
        <v>18446</v>
      </c>
      <c r="JD21" s="119">
        <v>156940</v>
      </c>
      <c r="JE21" s="120">
        <v>259092</v>
      </c>
      <c r="JF21" s="121">
        <v>259092</v>
      </c>
      <c r="JG21" s="142">
        <v>0</v>
      </c>
      <c r="JH21" s="119">
        <v>0</v>
      </c>
      <c r="JI21" s="141">
        <v>0</v>
      </c>
      <c r="JJ21" s="118">
        <v>0</v>
      </c>
      <c r="JK21" s="119">
        <v>7814250</v>
      </c>
      <c r="JL21" s="119">
        <v>11051831</v>
      </c>
      <c r="JM21" s="119">
        <v>8934476</v>
      </c>
      <c r="JN21" s="119">
        <v>6193090</v>
      </c>
      <c r="JO21" s="119">
        <v>3553451</v>
      </c>
      <c r="JP21" s="120">
        <v>37547098</v>
      </c>
      <c r="JQ21" s="320">
        <v>37547098</v>
      </c>
      <c r="JR21" s="142">
        <v>0</v>
      </c>
      <c r="JS21" s="119">
        <v>0</v>
      </c>
      <c r="JT21" s="141">
        <v>0</v>
      </c>
      <c r="JU21" s="118">
        <v>0</v>
      </c>
      <c r="JV21" s="119">
        <v>392483</v>
      </c>
      <c r="JW21" s="119">
        <v>957391</v>
      </c>
      <c r="JX21" s="119">
        <v>1121367</v>
      </c>
      <c r="JY21" s="119">
        <v>989724</v>
      </c>
      <c r="JZ21" s="119">
        <v>946000</v>
      </c>
      <c r="KA21" s="120">
        <v>4406965</v>
      </c>
      <c r="KB21" s="320">
        <v>4406965</v>
      </c>
      <c r="KC21" s="234">
        <v>46661</v>
      </c>
      <c r="KD21" s="230">
        <v>169892</v>
      </c>
      <c r="KE21" s="120">
        <v>216553</v>
      </c>
      <c r="KF21" s="118">
        <v>0</v>
      </c>
      <c r="KG21" s="119">
        <v>1501587</v>
      </c>
      <c r="KH21" s="119">
        <v>5243583</v>
      </c>
      <c r="KI21" s="119">
        <v>3986893</v>
      </c>
      <c r="KJ21" s="119">
        <v>4362581</v>
      </c>
      <c r="KK21" s="119">
        <v>2157382</v>
      </c>
      <c r="KL21" s="120">
        <v>17252026</v>
      </c>
      <c r="KM21" s="143">
        <v>17468579</v>
      </c>
      <c r="KN21" s="232">
        <v>0</v>
      </c>
      <c r="KO21" s="236">
        <v>0</v>
      </c>
      <c r="KP21" s="237">
        <v>0</v>
      </c>
      <c r="KQ21" s="140"/>
      <c r="KR21" s="119">
        <v>3887503</v>
      </c>
      <c r="KS21" s="119">
        <v>11042565</v>
      </c>
      <c r="KT21" s="119">
        <v>15980891</v>
      </c>
      <c r="KU21" s="119">
        <v>11715044</v>
      </c>
      <c r="KV21" s="119">
        <v>8431892</v>
      </c>
      <c r="KW21" s="120">
        <v>51057895</v>
      </c>
      <c r="KX21" s="320">
        <v>51057895</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755760</v>
      </c>
      <c r="LP21" s="119">
        <v>2764805</v>
      </c>
      <c r="LQ21" s="119">
        <v>2984315</v>
      </c>
      <c r="LR21" s="119">
        <v>2257549</v>
      </c>
      <c r="LS21" s="120">
        <v>8762429</v>
      </c>
      <c r="LT21" s="320">
        <v>8762429</v>
      </c>
      <c r="LU21" s="142">
        <v>0</v>
      </c>
      <c r="LV21" s="119">
        <v>0</v>
      </c>
      <c r="LW21" s="120">
        <v>0</v>
      </c>
      <c r="LX21" s="145"/>
      <c r="LY21" s="119">
        <v>149598</v>
      </c>
      <c r="LZ21" s="119">
        <v>1373721</v>
      </c>
      <c r="MA21" s="119">
        <v>1550828</v>
      </c>
      <c r="MB21" s="119">
        <v>888148</v>
      </c>
      <c r="MC21" s="119">
        <v>1948006</v>
      </c>
      <c r="MD21" s="120">
        <v>5910301</v>
      </c>
      <c r="ME21" s="121">
        <v>5910301</v>
      </c>
      <c r="MF21" s="142">
        <v>0</v>
      </c>
      <c r="MG21" s="119">
        <v>0</v>
      </c>
      <c r="MH21" s="120">
        <v>0</v>
      </c>
      <c r="MI21" s="145"/>
      <c r="MJ21" s="119">
        <v>15419711</v>
      </c>
      <c r="MK21" s="119">
        <v>33521445</v>
      </c>
      <c r="ML21" s="119">
        <v>93736991</v>
      </c>
      <c r="MM21" s="119">
        <v>134216211</v>
      </c>
      <c r="MN21" s="119">
        <v>85240996</v>
      </c>
      <c r="MO21" s="120">
        <v>362135354</v>
      </c>
      <c r="MP21" s="143">
        <v>362135354</v>
      </c>
      <c r="MQ21" s="142">
        <v>0</v>
      </c>
      <c r="MR21" s="119">
        <v>0</v>
      </c>
      <c r="MS21" s="120">
        <v>0</v>
      </c>
      <c r="MT21" s="145"/>
      <c r="MU21" s="119">
        <v>1095998</v>
      </c>
      <c r="MV21" s="119">
        <v>5979694</v>
      </c>
      <c r="MW21" s="119">
        <v>50346599</v>
      </c>
      <c r="MX21" s="119">
        <v>85008531</v>
      </c>
      <c r="MY21" s="119">
        <v>61203163</v>
      </c>
      <c r="MZ21" s="120">
        <v>203633985</v>
      </c>
      <c r="NA21" s="143">
        <v>203633985</v>
      </c>
      <c r="NB21" s="142">
        <v>0</v>
      </c>
      <c r="NC21" s="119">
        <v>0</v>
      </c>
      <c r="ND21" s="120">
        <v>0</v>
      </c>
      <c r="NE21" s="145"/>
      <c r="NF21" s="119">
        <v>14099973</v>
      </c>
      <c r="NG21" s="119">
        <v>27541751</v>
      </c>
      <c r="NH21" s="119">
        <v>42286533</v>
      </c>
      <c r="NI21" s="119">
        <v>45017887</v>
      </c>
      <c r="NJ21" s="119">
        <v>17022955</v>
      </c>
      <c r="NK21" s="120">
        <v>145969099</v>
      </c>
      <c r="NL21" s="320">
        <v>145969099</v>
      </c>
      <c r="NM21" s="142">
        <v>0</v>
      </c>
      <c r="NN21" s="119">
        <v>0</v>
      </c>
      <c r="NO21" s="120">
        <v>0</v>
      </c>
      <c r="NP21" s="145"/>
      <c r="NQ21" s="119">
        <v>0</v>
      </c>
      <c r="NR21" s="119">
        <v>0</v>
      </c>
      <c r="NS21" s="119">
        <v>0</v>
      </c>
      <c r="NT21" s="119">
        <v>0</v>
      </c>
      <c r="NU21" s="119">
        <v>384983</v>
      </c>
      <c r="NV21" s="120">
        <v>384983</v>
      </c>
      <c r="NW21" s="121">
        <v>384983</v>
      </c>
      <c r="NX21" s="142">
        <v>0</v>
      </c>
      <c r="NY21" s="119">
        <v>0</v>
      </c>
      <c r="NZ21" s="120">
        <v>0</v>
      </c>
      <c r="OA21" s="145"/>
      <c r="OB21" s="119">
        <v>223740</v>
      </c>
      <c r="OC21" s="119">
        <v>0</v>
      </c>
      <c r="OD21" s="119">
        <v>1103859</v>
      </c>
      <c r="OE21" s="119">
        <v>4189793</v>
      </c>
      <c r="OF21" s="119">
        <v>6629895</v>
      </c>
      <c r="OG21" s="120">
        <v>12147287</v>
      </c>
      <c r="OH21" s="121">
        <v>12147287</v>
      </c>
      <c r="OI21" s="142">
        <v>5754774</v>
      </c>
      <c r="OJ21" s="119">
        <v>12255204</v>
      </c>
      <c r="OK21" s="141">
        <v>18009978</v>
      </c>
      <c r="OL21" s="118">
        <v>0</v>
      </c>
      <c r="OM21" s="119">
        <v>110911063</v>
      </c>
      <c r="ON21" s="119">
        <v>195941104</v>
      </c>
      <c r="OO21" s="119">
        <v>238148277</v>
      </c>
      <c r="OP21" s="119">
        <v>265435319</v>
      </c>
      <c r="OQ21" s="119">
        <v>179326223</v>
      </c>
      <c r="OR21" s="120">
        <v>989761986</v>
      </c>
      <c r="OS21" s="143">
        <v>1007771964</v>
      </c>
    </row>
    <row r="22" spans="2:409" ht="21" customHeight="1" x14ac:dyDescent="0.2">
      <c r="B22" s="62" t="s">
        <v>17</v>
      </c>
      <c r="C22" s="110">
        <v>7187624</v>
      </c>
      <c r="D22" s="114">
        <v>17177051</v>
      </c>
      <c r="E22" s="113">
        <v>24364675</v>
      </c>
      <c r="F22" s="109">
        <v>0</v>
      </c>
      <c r="G22" s="114">
        <v>84928633</v>
      </c>
      <c r="H22" s="114">
        <v>164160899</v>
      </c>
      <c r="I22" s="114">
        <v>137933553</v>
      </c>
      <c r="J22" s="114">
        <v>126053962</v>
      </c>
      <c r="K22" s="114">
        <v>105815546</v>
      </c>
      <c r="L22" s="109">
        <v>618892593</v>
      </c>
      <c r="M22" s="116">
        <v>643257268</v>
      </c>
      <c r="N22" s="110">
        <v>1307154</v>
      </c>
      <c r="O22" s="114">
        <v>3890204</v>
      </c>
      <c r="P22" s="113">
        <v>5197358</v>
      </c>
      <c r="Q22" s="110">
        <v>0</v>
      </c>
      <c r="R22" s="114">
        <v>18367190</v>
      </c>
      <c r="S22" s="114">
        <v>43137373</v>
      </c>
      <c r="T22" s="114">
        <v>42634146</v>
      </c>
      <c r="U22" s="114">
        <v>47864385</v>
      </c>
      <c r="V22" s="114">
        <v>52087336</v>
      </c>
      <c r="W22" s="113">
        <v>204090430</v>
      </c>
      <c r="X22" s="116">
        <v>209287788</v>
      </c>
      <c r="Y22" s="110">
        <v>0</v>
      </c>
      <c r="Z22" s="114">
        <v>0</v>
      </c>
      <c r="AA22" s="113">
        <v>0</v>
      </c>
      <c r="AB22" s="110">
        <v>0</v>
      </c>
      <c r="AC22" s="114">
        <v>8184494</v>
      </c>
      <c r="AD22" s="114">
        <v>22394671</v>
      </c>
      <c r="AE22" s="114">
        <v>24659748</v>
      </c>
      <c r="AF22" s="114">
        <v>30436570</v>
      </c>
      <c r="AG22" s="114">
        <v>32016785</v>
      </c>
      <c r="AH22" s="113">
        <v>117692268</v>
      </c>
      <c r="AI22" s="116">
        <v>117692268</v>
      </c>
      <c r="AJ22" s="110">
        <v>0</v>
      </c>
      <c r="AK22" s="114">
        <v>36037</v>
      </c>
      <c r="AL22" s="113">
        <v>36037</v>
      </c>
      <c r="AM22" s="110">
        <v>0</v>
      </c>
      <c r="AN22" s="114">
        <v>119930</v>
      </c>
      <c r="AO22" s="114">
        <v>198199</v>
      </c>
      <c r="AP22" s="114">
        <v>1170409</v>
      </c>
      <c r="AQ22" s="114">
        <v>2217808</v>
      </c>
      <c r="AR22" s="114">
        <v>5790051</v>
      </c>
      <c r="AS22" s="113">
        <v>9496397</v>
      </c>
      <c r="AT22" s="116">
        <v>9532434</v>
      </c>
      <c r="AU22" s="110">
        <v>726753</v>
      </c>
      <c r="AV22" s="114">
        <v>2794639</v>
      </c>
      <c r="AW22" s="113">
        <v>3521392</v>
      </c>
      <c r="AX22" s="110">
        <v>0</v>
      </c>
      <c r="AY22" s="114">
        <v>6100978</v>
      </c>
      <c r="AZ22" s="114">
        <v>12761716</v>
      </c>
      <c r="BA22" s="114">
        <v>10032139</v>
      </c>
      <c r="BB22" s="114">
        <v>9044295</v>
      </c>
      <c r="BC22" s="114">
        <v>9120150</v>
      </c>
      <c r="BD22" s="113">
        <v>47059278</v>
      </c>
      <c r="BE22" s="116">
        <v>50580670</v>
      </c>
      <c r="BF22" s="110">
        <v>80742</v>
      </c>
      <c r="BG22" s="114">
        <v>299094</v>
      </c>
      <c r="BH22" s="112">
        <v>379836</v>
      </c>
      <c r="BI22" s="111">
        <v>0</v>
      </c>
      <c r="BJ22" s="114">
        <v>359738</v>
      </c>
      <c r="BK22" s="114">
        <v>1348487</v>
      </c>
      <c r="BL22" s="114">
        <v>1032301</v>
      </c>
      <c r="BM22" s="114">
        <v>572463</v>
      </c>
      <c r="BN22" s="114">
        <v>376193</v>
      </c>
      <c r="BO22" s="113">
        <v>3689182</v>
      </c>
      <c r="BP22" s="116">
        <v>4069018</v>
      </c>
      <c r="BQ22" s="110">
        <v>499659</v>
      </c>
      <c r="BR22" s="114">
        <v>760434</v>
      </c>
      <c r="BS22" s="113">
        <v>1260093</v>
      </c>
      <c r="BT22" s="110">
        <v>0</v>
      </c>
      <c r="BU22" s="114">
        <v>3602050</v>
      </c>
      <c r="BV22" s="114">
        <v>6434300</v>
      </c>
      <c r="BW22" s="114">
        <v>5739549</v>
      </c>
      <c r="BX22" s="114">
        <v>5593249</v>
      </c>
      <c r="BY22" s="114">
        <v>4784157</v>
      </c>
      <c r="BZ22" s="113">
        <v>26153305</v>
      </c>
      <c r="CA22" s="116">
        <v>27413398</v>
      </c>
      <c r="CB22" s="110">
        <v>803280</v>
      </c>
      <c r="CC22" s="114">
        <v>3112258</v>
      </c>
      <c r="CD22" s="113">
        <v>3915538</v>
      </c>
      <c r="CE22" s="110">
        <v>0</v>
      </c>
      <c r="CF22" s="114">
        <v>28314967</v>
      </c>
      <c r="CG22" s="114">
        <v>57485351</v>
      </c>
      <c r="CH22" s="114">
        <v>39960390</v>
      </c>
      <c r="CI22" s="114">
        <v>24731703</v>
      </c>
      <c r="CJ22" s="114">
        <v>16140984</v>
      </c>
      <c r="CK22" s="113">
        <v>166633395</v>
      </c>
      <c r="CL22" s="116">
        <v>170548933</v>
      </c>
      <c r="CM22" s="110">
        <v>0</v>
      </c>
      <c r="CN22" s="114">
        <v>0</v>
      </c>
      <c r="CO22" s="113">
        <v>0</v>
      </c>
      <c r="CP22" s="111">
        <v>0</v>
      </c>
      <c r="CQ22" s="114">
        <v>23863064</v>
      </c>
      <c r="CR22" s="114">
        <v>45084971</v>
      </c>
      <c r="CS22" s="114">
        <v>32490389</v>
      </c>
      <c r="CT22" s="114">
        <v>21019590</v>
      </c>
      <c r="CU22" s="114">
        <v>13536100</v>
      </c>
      <c r="CV22" s="113">
        <v>135994114</v>
      </c>
      <c r="CW22" s="116">
        <v>135994114</v>
      </c>
      <c r="CX22" s="110">
        <v>803280</v>
      </c>
      <c r="CY22" s="114">
        <v>3112258</v>
      </c>
      <c r="CZ22" s="113">
        <v>3915538</v>
      </c>
      <c r="DA22" s="110">
        <v>0</v>
      </c>
      <c r="DB22" s="114">
        <v>4451903</v>
      </c>
      <c r="DC22" s="114">
        <v>12400380</v>
      </c>
      <c r="DD22" s="114">
        <v>7470001</v>
      </c>
      <c r="DE22" s="114">
        <v>3712113</v>
      </c>
      <c r="DF22" s="114">
        <v>2604884</v>
      </c>
      <c r="DG22" s="113">
        <v>30639281</v>
      </c>
      <c r="DH22" s="116">
        <v>34554819</v>
      </c>
      <c r="DI22" s="110">
        <v>0</v>
      </c>
      <c r="DJ22" s="114">
        <v>153078</v>
      </c>
      <c r="DK22" s="112">
        <v>153078</v>
      </c>
      <c r="DL22" s="111">
        <v>0</v>
      </c>
      <c r="DM22" s="114">
        <v>3806572</v>
      </c>
      <c r="DN22" s="114">
        <v>6633688</v>
      </c>
      <c r="DO22" s="114">
        <v>12884949</v>
      </c>
      <c r="DP22" s="114">
        <v>12422924</v>
      </c>
      <c r="DQ22" s="114">
        <v>8015470</v>
      </c>
      <c r="DR22" s="113">
        <v>43763603</v>
      </c>
      <c r="DS22" s="116">
        <v>43916681</v>
      </c>
      <c r="DT22" s="110">
        <v>0</v>
      </c>
      <c r="DU22" s="114">
        <v>153078</v>
      </c>
      <c r="DV22" s="113">
        <v>153078</v>
      </c>
      <c r="DW22" s="110">
        <v>0</v>
      </c>
      <c r="DX22" s="114">
        <v>3412848</v>
      </c>
      <c r="DY22" s="114">
        <v>5242688</v>
      </c>
      <c r="DZ22" s="114">
        <v>11701754</v>
      </c>
      <c r="EA22" s="114">
        <v>11261349</v>
      </c>
      <c r="EB22" s="114">
        <v>6882063</v>
      </c>
      <c r="EC22" s="113">
        <v>38500702</v>
      </c>
      <c r="ED22" s="116">
        <v>38653780</v>
      </c>
      <c r="EE22" s="110">
        <v>0</v>
      </c>
      <c r="EF22" s="112">
        <v>0</v>
      </c>
      <c r="EG22" s="113">
        <v>0</v>
      </c>
      <c r="EH22" s="110">
        <v>0</v>
      </c>
      <c r="EI22" s="114">
        <v>393724</v>
      </c>
      <c r="EJ22" s="114">
        <v>1391000</v>
      </c>
      <c r="EK22" s="114">
        <v>1183195</v>
      </c>
      <c r="EL22" s="114">
        <v>1161575</v>
      </c>
      <c r="EM22" s="114">
        <v>1133407</v>
      </c>
      <c r="EN22" s="112">
        <v>5262901</v>
      </c>
      <c r="EO22" s="116">
        <v>5262901</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2180003</v>
      </c>
      <c r="FM22" s="114">
        <v>3715280</v>
      </c>
      <c r="FN22" s="113">
        <v>5895283</v>
      </c>
      <c r="FO22" s="110">
        <v>0</v>
      </c>
      <c r="FP22" s="114">
        <v>3855674</v>
      </c>
      <c r="FQ22" s="114">
        <v>16312336</v>
      </c>
      <c r="FR22" s="114">
        <v>11029707</v>
      </c>
      <c r="FS22" s="114">
        <v>10011389</v>
      </c>
      <c r="FT22" s="114">
        <v>8844903</v>
      </c>
      <c r="FU22" s="113">
        <v>50054009</v>
      </c>
      <c r="FV22" s="116">
        <v>55949292</v>
      </c>
      <c r="FW22" s="115">
        <v>992012</v>
      </c>
      <c r="FX22" s="114">
        <v>3211478</v>
      </c>
      <c r="FY22" s="112">
        <v>4203490</v>
      </c>
      <c r="FZ22" s="111">
        <v>0</v>
      </c>
      <c r="GA22" s="114">
        <v>3214855</v>
      </c>
      <c r="GB22" s="114">
        <v>14920179</v>
      </c>
      <c r="GC22" s="114">
        <v>10317242</v>
      </c>
      <c r="GD22" s="114">
        <v>9837799</v>
      </c>
      <c r="GE22" s="114">
        <v>8441887</v>
      </c>
      <c r="GF22" s="113">
        <v>46731962</v>
      </c>
      <c r="GG22" s="318">
        <v>50935452</v>
      </c>
      <c r="GH22" s="115">
        <v>182528</v>
      </c>
      <c r="GI22" s="114">
        <v>277092</v>
      </c>
      <c r="GJ22" s="112">
        <v>459620</v>
      </c>
      <c r="GK22" s="111">
        <v>0</v>
      </c>
      <c r="GL22" s="114">
        <v>228379</v>
      </c>
      <c r="GM22" s="114">
        <v>302805</v>
      </c>
      <c r="GN22" s="114">
        <v>245097</v>
      </c>
      <c r="GO22" s="114">
        <v>173590</v>
      </c>
      <c r="GP22" s="114">
        <v>137016</v>
      </c>
      <c r="GQ22" s="113">
        <v>1086887</v>
      </c>
      <c r="GR22" s="116">
        <v>1546507</v>
      </c>
      <c r="GS22" s="110">
        <v>1005463</v>
      </c>
      <c r="GT22" s="114">
        <v>226710</v>
      </c>
      <c r="GU22" s="113">
        <v>1232173</v>
      </c>
      <c r="GV22" s="110">
        <v>0</v>
      </c>
      <c r="GW22" s="114">
        <v>412440</v>
      </c>
      <c r="GX22" s="114">
        <v>1089352</v>
      </c>
      <c r="GY22" s="114">
        <v>467368</v>
      </c>
      <c r="GZ22" s="114">
        <v>0</v>
      </c>
      <c r="HA22" s="114">
        <v>266000</v>
      </c>
      <c r="HB22" s="112">
        <v>2235160</v>
      </c>
      <c r="HC22" s="116">
        <v>3467333</v>
      </c>
      <c r="HD22" s="110">
        <v>1673813</v>
      </c>
      <c r="HE22" s="114">
        <v>3539234</v>
      </c>
      <c r="HF22" s="112">
        <v>5213047</v>
      </c>
      <c r="HG22" s="111">
        <v>0</v>
      </c>
      <c r="HH22" s="114">
        <v>17027726</v>
      </c>
      <c r="HI22" s="114">
        <v>19259069</v>
      </c>
      <c r="HJ22" s="114">
        <v>17277783</v>
      </c>
      <c r="HK22" s="114">
        <v>21489995</v>
      </c>
      <c r="HL22" s="114">
        <v>14005111</v>
      </c>
      <c r="HM22" s="113">
        <v>89059684</v>
      </c>
      <c r="HN22" s="109">
        <v>94272731</v>
      </c>
      <c r="HO22" s="115">
        <v>1223374</v>
      </c>
      <c r="HP22" s="114">
        <v>2766997</v>
      </c>
      <c r="HQ22" s="113">
        <v>3990371</v>
      </c>
      <c r="HR22" s="110">
        <v>0</v>
      </c>
      <c r="HS22" s="114">
        <v>13556504</v>
      </c>
      <c r="HT22" s="114">
        <v>21333082</v>
      </c>
      <c r="HU22" s="114">
        <v>14146578</v>
      </c>
      <c r="HV22" s="114">
        <v>9533566</v>
      </c>
      <c r="HW22" s="114">
        <v>6721742</v>
      </c>
      <c r="HX22" s="112">
        <v>65291472</v>
      </c>
      <c r="HY22" s="116">
        <v>69281843</v>
      </c>
      <c r="HZ22" s="150">
        <v>80795</v>
      </c>
      <c r="IA22" s="135">
        <v>283241</v>
      </c>
      <c r="IB22" s="150">
        <v>364036</v>
      </c>
      <c r="IC22" s="134">
        <v>0</v>
      </c>
      <c r="ID22" s="135">
        <v>25940109</v>
      </c>
      <c r="IE22" s="136">
        <v>45535465</v>
      </c>
      <c r="IF22" s="137">
        <v>52148666</v>
      </c>
      <c r="IG22" s="135">
        <v>48631318</v>
      </c>
      <c r="IH22" s="137">
        <v>39544955</v>
      </c>
      <c r="II22" s="138">
        <v>211800513</v>
      </c>
      <c r="IJ22" s="150">
        <v>212164549</v>
      </c>
      <c r="IK22" s="232">
        <v>0</v>
      </c>
      <c r="IL22" s="236">
        <v>0</v>
      </c>
      <c r="IM22" s="237">
        <v>0</v>
      </c>
      <c r="IN22" s="140"/>
      <c r="IO22" s="119">
        <v>277426</v>
      </c>
      <c r="IP22" s="119">
        <v>548582</v>
      </c>
      <c r="IQ22" s="119">
        <v>361336</v>
      </c>
      <c r="IR22" s="119">
        <v>745389</v>
      </c>
      <c r="IS22" s="119">
        <v>0</v>
      </c>
      <c r="IT22" s="141">
        <v>1932733</v>
      </c>
      <c r="IU22" s="320">
        <v>1932733</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11830849</v>
      </c>
      <c r="JL22" s="119">
        <v>18461059</v>
      </c>
      <c r="JM22" s="119">
        <v>13779373</v>
      </c>
      <c r="JN22" s="119">
        <v>13922044</v>
      </c>
      <c r="JO22" s="119">
        <v>10197380</v>
      </c>
      <c r="JP22" s="120">
        <v>68190705</v>
      </c>
      <c r="JQ22" s="320">
        <v>68190705</v>
      </c>
      <c r="JR22" s="142">
        <v>33530</v>
      </c>
      <c r="JS22" s="119">
        <v>103125</v>
      </c>
      <c r="JT22" s="141">
        <v>136655</v>
      </c>
      <c r="JU22" s="118">
        <v>0</v>
      </c>
      <c r="JV22" s="119">
        <v>1854628</v>
      </c>
      <c r="JW22" s="119">
        <v>2161645</v>
      </c>
      <c r="JX22" s="119">
        <v>2495566</v>
      </c>
      <c r="JY22" s="119">
        <v>2321445</v>
      </c>
      <c r="JZ22" s="119">
        <v>585708</v>
      </c>
      <c r="KA22" s="120">
        <v>9418992</v>
      </c>
      <c r="KB22" s="320">
        <v>9555647</v>
      </c>
      <c r="KC22" s="234">
        <v>47265</v>
      </c>
      <c r="KD22" s="230">
        <v>180116</v>
      </c>
      <c r="KE22" s="120">
        <v>227381</v>
      </c>
      <c r="KF22" s="118">
        <v>0</v>
      </c>
      <c r="KG22" s="119">
        <v>1955537</v>
      </c>
      <c r="KH22" s="119">
        <v>6593763</v>
      </c>
      <c r="KI22" s="119">
        <v>11035840</v>
      </c>
      <c r="KJ22" s="119">
        <v>7066948</v>
      </c>
      <c r="KK22" s="119">
        <v>5083957</v>
      </c>
      <c r="KL22" s="120">
        <v>31736045</v>
      </c>
      <c r="KM22" s="143">
        <v>31963426</v>
      </c>
      <c r="KN22" s="232">
        <v>0</v>
      </c>
      <c r="KO22" s="236">
        <v>0</v>
      </c>
      <c r="KP22" s="237">
        <v>0</v>
      </c>
      <c r="KQ22" s="140"/>
      <c r="KR22" s="119">
        <v>9834328</v>
      </c>
      <c r="KS22" s="119">
        <v>17046949</v>
      </c>
      <c r="KT22" s="119">
        <v>16243304</v>
      </c>
      <c r="KU22" s="119">
        <v>13283368</v>
      </c>
      <c r="KV22" s="119">
        <v>6929999</v>
      </c>
      <c r="KW22" s="120">
        <v>63337948</v>
      </c>
      <c r="KX22" s="320">
        <v>63337948</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514404</v>
      </c>
      <c r="LP22" s="119">
        <v>7900355</v>
      </c>
      <c r="LQ22" s="119">
        <v>10277813</v>
      </c>
      <c r="LR22" s="119">
        <v>12912006</v>
      </c>
      <c r="LS22" s="120">
        <v>31604578</v>
      </c>
      <c r="LT22" s="320">
        <v>31604578</v>
      </c>
      <c r="LU22" s="142">
        <v>0</v>
      </c>
      <c r="LV22" s="119">
        <v>0</v>
      </c>
      <c r="LW22" s="120">
        <v>0</v>
      </c>
      <c r="LX22" s="145"/>
      <c r="LY22" s="119">
        <v>187341</v>
      </c>
      <c r="LZ22" s="119">
        <v>209063</v>
      </c>
      <c r="MA22" s="119">
        <v>332892</v>
      </c>
      <c r="MB22" s="119">
        <v>1014311</v>
      </c>
      <c r="MC22" s="119">
        <v>3835905</v>
      </c>
      <c r="MD22" s="120">
        <v>5579512</v>
      </c>
      <c r="ME22" s="121">
        <v>5579512</v>
      </c>
      <c r="MF22" s="142">
        <v>0</v>
      </c>
      <c r="MG22" s="119">
        <v>0</v>
      </c>
      <c r="MH22" s="120">
        <v>0</v>
      </c>
      <c r="MI22" s="145"/>
      <c r="MJ22" s="119">
        <v>11537132</v>
      </c>
      <c r="MK22" s="119">
        <v>33670031</v>
      </c>
      <c r="ML22" s="119">
        <v>97499388</v>
      </c>
      <c r="MM22" s="119">
        <v>125928401</v>
      </c>
      <c r="MN22" s="119">
        <v>95070359</v>
      </c>
      <c r="MO22" s="120">
        <v>363705311</v>
      </c>
      <c r="MP22" s="143">
        <v>363705311</v>
      </c>
      <c r="MQ22" s="142">
        <v>0</v>
      </c>
      <c r="MR22" s="119">
        <v>0</v>
      </c>
      <c r="MS22" s="120">
        <v>0</v>
      </c>
      <c r="MT22" s="145"/>
      <c r="MU22" s="119">
        <v>928885</v>
      </c>
      <c r="MV22" s="119">
        <v>3879598</v>
      </c>
      <c r="MW22" s="119">
        <v>53343813</v>
      </c>
      <c r="MX22" s="119">
        <v>79256375</v>
      </c>
      <c r="MY22" s="119">
        <v>61309991</v>
      </c>
      <c r="MZ22" s="120">
        <v>198718662</v>
      </c>
      <c r="NA22" s="143">
        <v>198718662</v>
      </c>
      <c r="NB22" s="142">
        <v>0</v>
      </c>
      <c r="NC22" s="119">
        <v>0</v>
      </c>
      <c r="ND22" s="120">
        <v>0</v>
      </c>
      <c r="NE22" s="145"/>
      <c r="NF22" s="119">
        <v>10608247</v>
      </c>
      <c r="NG22" s="119">
        <v>29790433</v>
      </c>
      <c r="NH22" s="119">
        <v>43786962</v>
      </c>
      <c r="NI22" s="119">
        <v>45524824</v>
      </c>
      <c r="NJ22" s="119">
        <v>27828559</v>
      </c>
      <c r="NK22" s="120">
        <v>157539025</v>
      </c>
      <c r="NL22" s="320">
        <v>157539025</v>
      </c>
      <c r="NM22" s="142">
        <v>0</v>
      </c>
      <c r="NN22" s="119">
        <v>0</v>
      </c>
      <c r="NO22" s="120">
        <v>0</v>
      </c>
      <c r="NP22" s="145"/>
      <c r="NQ22" s="119">
        <v>0</v>
      </c>
      <c r="NR22" s="119">
        <v>0</v>
      </c>
      <c r="NS22" s="119">
        <v>0</v>
      </c>
      <c r="NT22" s="119">
        <v>0</v>
      </c>
      <c r="NU22" s="119">
        <v>1400204</v>
      </c>
      <c r="NV22" s="120">
        <v>1400204</v>
      </c>
      <c r="NW22" s="121">
        <v>1400204</v>
      </c>
      <c r="NX22" s="142">
        <v>0</v>
      </c>
      <c r="NY22" s="119">
        <v>0</v>
      </c>
      <c r="NZ22" s="120">
        <v>0</v>
      </c>
      <c r="OA22" s="145"/>
      <c r="OB22" s="119">
        <v>0</v>
      </c>
      <c r="OC22" s="119">
        <v>0</v>
      </c>
      <c r="OD22" s="119">
        <v>368613</v>
      </c>
      <c r="OE22" s="119">
        <v>1147202</v>
      </c>
      <c r="OF22" s="119">
        <v>4531605</v>
      </c>
      <c r="OG22" s="120">
        <v>6047420</v>
      </c>
      <c r="OH22" s="121">
        <v>6047420</v>
      </c>
      <c r="OI22" s="142">
        <v>7268419</v>
      </c>
      <c r="OJ22" s="119">
        <v>17460292</v>
      </c>
      <c r="OK22" s="141">
        <v>24728711</v>
      </c>
      <c r="OL22" s="118">
        <v>0</v>
      </c>
      <c r="OM22" s="119">
        <v>122405874</v>
      </c>
      <c r="ON22" s="119">
        <v>243366395</v>
      </c>
      <c r="OO22" s="119">
        <v>287581607</v>
      </c>
      <c r="OP22" s="119">
        <v>300613681</v>
      </c>
      <c r="OQ22" s="119">
        <v>240430860</v>
      </c>
      <c r="OR22" s="120">
        <v>1194398417</v>
      </c>
      <c r="OS22" s="143">
        <v>1219127128</v>
      </c>
    </row>
    <row r="23" spans="2:409" ht="21" customHeight="1" x14ac:dyDescent="0.2">
      <c r="B23" s="62" t="s">
        <v>18</v>
      </c>
      <c r="C23" s="110">
        <v>7880776</v>
      </c>
      <c r="D23" s="114">
        <v>15077663</v>
      </c>
      <c r="E23" s="113">
        <v>22958439</v>
      </c>
      <c r="F23" s="109">
        <v>0</v>
      </c>
      <c r="G23" s="114">
        <v>136952997</v>
      </c>
      <c r="H23" s="114">
        <v>167468591</v>
      </c>
      <c r="I23" s="114">
        <v>152018614</v>
      </c>
      <c r="J23" s="114">
        <v>144696596</v>
      </c>
      <c r="K23" s="114">
        <v>102131799</v>
      </c>
      <c r="L23" s="109">
        <v>703268597</v>
      </c>
      <c r="M23" s="116">
        <v>726227036</v>
      </c>
      <c r="N23" s="110">
        <v>1969942</v>
      </c>
      <c r="O23" s="114">
        <v>3742554</v>
      </c>
      <c r="P23" s="113">
        <v>5712496</v>
      </c>
      <c r="Q23" s="110">
        <v>0</v>
      </c>
      <c r="R23" s="114">
        <v>37433791</v>
      </c>
      <c r="S23" s="114">
        <v>49860526</v>
      </c>
      <c r="T23" s="114">
        <v>47404023</v>
      </c>
      <c r="U23" s="114">
        <v>54487875</v>
      </c>
      <c r="V23" s="114">
        <v>50024245</v>
      </c>
      <c r="W23" s="113">
        <v>239210460</v>
      </c>
      <c r="X23" s="116">
        <v>244922956</v>
      </c>
      <c r="Y23" s="110">
        <v>0</v>
      </c>
      <c r="Z23" s="114">
        <v>0</v>
      </c>
      <c r="AA23" s="113">
        <v>0</v>
      </c>
      <c r="AB23" s="110">
        <v>0</v>
      </c>
      <c r="AC23" s="114">
        <v>17191077</v>
      </c>
      <c r="AD23" s="114">
        <v>25843220</v>
      </c>
      <c r="AE23" s="114">
        <v>27762889</v>
      </c>
      <c r="AF23" s="114">
        <v>34710301</v>
      </c>
      <c r="AG23" s="114">
        <v>30912861</v>
      </c>
      <c r="AH23" s="113">
        <v>136420348</v>
      </c>
      <c r="AI23" s="116">
        <v>136420348</v>
      </c>
      <c r="AJ23" s="110">
        <v>0</v>
      </c>
      <c r="AK23" s="114">
        <v>0</v>
      </c>
      <c r="AL23" s="113">
        <v>0</v>
      </c>
      <c r="AM23" s="110">
        <v>0</v>
      </c>
      <c r="AN23" s="114">
        <v>139790</v>
      </c>
      <c r="AO23" s="114">
        <v>573403</v>
      </c>
      <c r="AP23" s="114">
        <v>1319045</v>
      </c>
      <c r="AQ23" s="114">
        <v>2795881</v>
      </c>
      <c r="AR23" s="114">
        <v>5200562</v>
      </c>
      <c r="AS23" s="113">
        <v>10028681</v>
      </c>
      <c r="AT23" s="116">
        <v>10028681</v>
      </c>
      <c r="AU23" s="110">
        <v>1052136</v>
      </c>
      <c r="AV23" s="114">
        <v>2766196</v>
      </c>
      <c r="AW23" s="113">
        <v>3818332</v>
      </c>
      <c r="AX23" s="110">
        <v>0</v>
      </c>
      <c r="AY23" s="114">
        <v>12504606</v>
      </c>
      <c r="AZ23" s="114">
        <v>14214919</v>
      </c>
      <c r="BA23" s="114">
        <v>10341735</v>
      </c>
      <c r="BB23" s="114">
        <v>8888513</v>
      </c>
      <c r="BC23" s="114">
        <v>7877389</v>
      </c>
      <c r="BD23" s="113">
        <v>53827162</v>
      </c>
      <c r="BE23" s="116">
        <v>57645494</v>
      </c>
      <c r="BF23" s="110">
        <v>208259</v>
      </c>
      <c r="BG23" s="114">
        <v>303110</v>
      </c>
      <c r="BH23" s="112">
        <v>511369</v>
      </c>
      <c r="BI23" s="111">
        <v>0</v>
      </c>
      <c r="BJ23" s="114">
        <v>1588256</v>
      </c>
      <c r="BK23" s="114">
        <v>2014137</v>
      </c>
      <c r="BL23" s="114">
        <v>1068942</v>
      </c>
      <c r="BM23" s="114">
        <v>977858</v>
      </c>
      <c r="BN23" s="114">
        <v>504557</v>
      </c>
      <c r="BO23" s="113">
        <v>6153750</v>
      </c>
      <c r="BP23" s="116">
        <v>6665119</v>
      </c>
      <c r="BQ23" s="110">
        <v>709547</v>
      </c>
      <c r="BR23" s="114">
        <v>673248</v>
      </c>
      <c r="BS23" s="113">
        <v>1382795</v>
      </c>
      <c r="BT23" s="110">
        <v>0</v>
      </c>
      <c r="BU23" s="114">
        <v>6010062</v>
      </c>
      <c r="BV23" s="114">
        <v>7214847</v>
      </c>
      <c r="BW23" s="114">
        <v>6911412</v>
      </c>
      <c r="BX23" s="114">
        <v>7115322</v>
      </c>
      <c r="BY23" s="114">
        <v>5528876</v>
      </c>
      <c r="BZ23" s="113">
        <v>32780519</v>
      </c>
      <c r="CA23" s="116">
        <v>34163314</v>
      </c>
      <c r="CB23" s="110">
        <v>1171338</v>
      </c>
      <c r="CC23" s="114">
        <v>3588068</v>
      </c>
      <c r="CD23" s="113">
        <v>4759406</v>
      </c>
      <c r="CE23" s="110">
        <v>0</v>
      </c>
      <c r="CF23" s="114">
        <v>45271769</v>
      </c>
      <c r="CG23" s="114">
        <v>54722217</v>
      </c>
      <c r="CH23" s="114">
        <v>43424796</v>
      </c>
      <c r="CI23" s="114">
        <v>29518880</v>
      </c>
      <c r="CJ23" s="114">
        <v>12856357</v>
      </c>
      <c r="CK23" s="113">
        <v>185794019</v>
      </c>
      <c r="CL23" s="116">
        <v>190553425</v>
      </c>
      <c r="CM23" s="110">
        <v>0</v>
      </c>
      <c r="CN23" s="114">
        <v>0</v>
      </c>
      <c r="CO23" s="113">
        <v>0</v>
      </c>
      <c r="CP23" s="111">
        <v>0</v>
      </c>
      <c r="CQ23" s="114">
        <v>36752113</v>
      </c>
      <c r="CR23" s="114">
        <v>43165265</v>
      </c>
      <c r="CS23" s="114">
        <v>35460261</v>
      </c>
      <c r="CT23" s="114">
        <v>22657187</v>
      </c>
      <c r="CU23" s="114">
        <v>11196123</v>
      </c>
      <c r="CV23" s="113">
        <v>149230949</v>
      </c>
      <c r="CW23" s="116">
        <v>149230949</v>
      </c>
      <c r="CX23" s="110">
        <v>1171338</v>
      </c>
      <c r="CY23" s="114">
        <v>3588068</v>
      </c>
      <c r="CZ23" s="113">
        <v>4759406</v>
      </c>
      <c r="DA23" s="110">
        <v>0</v>
      </c>
      <c r="DB23" s="114">
        <v>8519656</v>
      </c>
      <c r="DC23" s="114">
        <v>11556952</v>
      </c>
      <c r="DD23" s="114">
        <v>7964535</v>
      </c>
      <c r="DE23" s="114">
        <v>6861693</v>
      </c>
      <c r="DF23" s="114">
        <v>1660234</v>
      </c>
      <c r="DG23" s="113">
        <v>36563070</v>
      </c>
      <c r="DH23" s="116">
        <v>41322476</v>
      </c>
      <c r="DI23" s="110">
        <v>28798</v>
      </c>
      <c r="DJ23" s="114">
        <v>149077</v>
      </c>
      <c r="DK23" s="112">
        <v>177875</v>
      </c>
      <c r="DL23" s="111">
        <v>0</v>
      </c>
      <c r="DM23" s="114">
        <v>3634249</v>
      </c>
      <c r="DN23" s="114">
        <v>6623317</v>
      </c>
      <c r="DO23" s="114">
        <v>16712089</v>
      </c>
      <c r="DP23" s="114">
        <v>15265669</v>
      </c>
      <c r="DQ23" s="114">
        <v>7853524</v>
      </c>
      <c r="DR23" s="113">
        <v>50088848</v>
      </c>
      <c r="DS23" s="116">
        <v>50266723</v>
      </c>
      <c r="DT23" s="110">
        <v>28798</v>
      </c>
      <c r="DU23" s="114">
        <v>149077</v>
      </c>
      <c r="DV23" s="113">
        <v>177875</v>
      </c>
      <c r="DW23" s="110">
        <v>0</v>
      </c>
      <c r="DX23" s="114">
        <v>3609420</v>
      </c>
      <c r="DY23" s="114">
        <v>6538401</v>
      </c>
      <c r="DZ23" s="114">
        <v>16712089</v>
      </c>
      <c r="EA23" s="114">
        <v>14781225</v>
      </c>
      <c r="EB23" s="114">
        <v>7258352</v>
      </c>
      <c r="EC23" s="113">
        <v>48899487</v>
      </c>
      <c r="ED23" s="116">
        <v>49077362</v>
      </c>
      <c r="EE23" s="110">
        <v>0</v>
      </c>
      <c r="EF23" s="112">
        <v>0</v>
      </c>
      <c r="EG23" s="113">
        <v>0</v>
      </c>
      <c r="EH23" s="110">
        <v>0</v>
      </c>
      <c r="EI23" s="114">
        <v>24829</v>
      </c>
      <c r="EJ23" s="114">
        <v>84916</v>
      </c>
      <c r="EK23" s="114">
        <v>0</v>
      </c>
      <c r="EL23" s="114">
        <v>484444</v>
      </c>
      <c r="EM23" s="114">
        <v>595172</v>
      </c>
      <c r="EN23" s="112">
        <v>1189361</v>
      </c>
      <c r="EO23" s="116">
        <v>1189361</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1763382</v>
      </c>
      <c r="FM23" s="114">
        <v>3296938</v>
      </c>
      <c r="FN23" s="113">
        <v>5060320</v>
      </c>
      <c r="FO23" s="110">
        <v>0</v>
      </c>
      <c r="FP23" s="114">
        <v>6578150</v>
      </c>
      <c r="FQ23" s="114">
        <v>14401444</v>
      </c>
      <c r="FR23" s="114">
        <v>11075017</v>
      </c>
      <c r="FS23" s="114">
        <v>10901767</v>
      </c>
      <c r="FT23" s="114">
        <v>7673267</v>
      </c>
      <c r="FU23" s="113">
        <v>50629645</v>
      </c>
      <c r="FV23" s="116">
        <v>55689965</v>
      </c>
      <c r="FW23" s="115">
        <v>1004858</v>
      </c>
      <c r="FX23" s="114">
        <v>2623050</v>
      </c>
      <c r="FY23" s="112">
        <v>3627908</v>
      </c>
      <c r="FZ23" s="111">
        <v>0</v>
      </c>
      <c r="GA23" s="114">
        <v>5821723</v>
      </c>
      <c r="GB23" s="114">
        <v>13647243</v>
      </c>
      <c r="GC23" s="114">
        <v>10241594</v>
      </c>
      <c r="GD23" s="114">
        <v>10219027</v>
      </c>
      <c r="GE23" s="114">
        <v>7345275</v>
      </c>
      <c r="GF23" s="113">
        <v>47274862</v>
      </c>
      <c r="GG23" s="318">
        <v>50902770</v>
      </c>
      <c r="GH23" s="115">
        <v>56006</v>
      </c>
      <c r="GI23" s="114">
        <v>175594</v>
      </c>
      <c r="GJ23" s="112">
        <v>231600</v>
      </c>
      <c r="GK23" s="111">
        <v>0</v>
      </c>
      <c r="GL23" s="114">
        <v>175027</v>
      </c>
      <c r="GM23" s="114">
        <v>246601</v>
      </c>
      <c r="GN23" s="114">
        <v>202583</v>
      </c>
      <c r="GO23" s="114">
        <v>295740</v>
      </c>
      <c r="GP23" s="114">
        <v>77616</v>
      </c>
      <c r="GQ23" s="113">
        <v>997567</v>
      </c>
      <c r="GR23" s="116">
        <v>1229167</v>
      </c>
      <c r="GS23" s="110">
        <v>702518</v>
      </c>
      <c r="GT23" s="114">
        <v>498294</v>
      </c>
      <c r="GU23" s="113">
        <v>1200812</v>
      </c>
      <c r="GV23" s="110">
        <v>0</v>
      </c>
      <c r="GW23" s="114">
        <v>581400</v>
      </c>
      <c r="GX23" s="114">
        <v>507600</v>
      </c>
      <c r="GY23" s="114">
        <v>630840</v>
      </c>
      <c r="GZ23" s="114">
        <v>387000</v>
      </c>
      <c r="HA23" s="114">
        <v>250376</v>
      </c>
      <c r="HB23" s="112">
        <v>2357216</v>
      </c>
      <c r="HC23" s="116">
        <v>3558028</v>
      </c>
      <c r="HD23" s="110">
        <v>1546702</v>
      </c>
      <c r="HE23" s="114">
        <v>1377434</v>
      </c>
      <c r="HF23" s="112">
        <v>2924136</v>
      </c>
      <c r="HG23" s="111">
        <v>0</v>
      </c>
      <c r="HH23" s="114">
        <v>21075802</v>
      </c>
      <c r="HI23" s="114">
        <v>21043578</v>
      </c>
      <c r="HJ23" s="114">
        <v>17989611</v>
      </c>
      <c r="HK23" s="114">
        <v>24317820</v>
      </c>
      <c r="HL23" s="114">
        <v>17718118</v>
      </c>
      <c r="HM23" s="113">
        <v>102144929</v>
      </c>
      <c r="HN23" s="109">
        <v>105069065</v>
      </c>
      <c r="HO23" s="115">
        <v>1400614</v>
      </c>
      <c r="HP23" s="114">
        <v>2923592</v>
      </c>
      <c r="HQ23" s="113">
        <v>4324206</v>
      </c>
      <c r="HR23" s="110">
        <v>0</v>
      </c>
      <c r="HS23" s="114">
        <v>22959236</v>
      </c>
      <c r="HT23" s="114">
        <v>20817509</v>
      </c>
      <c r="HU23" s="114">
        <v>15413078</v>
      </c>
      <c r="HV23" s="114">
        <v>10204585</v>
      </c>
      <c r="HW23" s="114">
        <v>6006288</v>
      </c>
      <c r="HX23" s="112">
        <v>75400696</v>
      </c>
      <c r="HY23" s="116">
        <v>79724902</v>
      </c>
      <c r="HZ23" s="131">
        <v>545933</v>
      </c>
      <c r="IA23" s="132">
        <v>1392502</v>
      </c>
      <c r="IB23" s="133">
        <v>1938435</v>
      </c>
      <c r="IC23" s="146">
        <v>0</v>
      </c>
      <c r="ID23" s="132">
        <v>32231405</v>
      </c>
      <c r="IE23" s="147">
        <v>45610797</v>
      </c>
      <c r="IF23" s="133">
        <v>59308311</v>
      </c>
      <c r="IG23" s="132">
        <v>40767830</v>
      </c>
      <c r="IH23" s="133">
        <v>27401280</v>
      </c>
      <c r="II23" s="148">
        <v>205319623</v>
      </c>
      <c r="IJ23" s="139">
        <v>207258058</v>
      </c>
      <c r="IK23" s="232">
        <v>0</v>
      </c>
      <c r="IL23" s="236">
        <v>0</v>
      </c>
      <c r="IM23" s="237">
        <v>0</v>
      </c>
      <c r="IN23" s="140"/>
      <c r="IO23" s="119">
        <v>133186</v>
      </c>
      <c r="IP23" s="119">
        <v>285625</v>
      </c>
      <c r="IQ23" s="119">
        <v>419845</v>
      </c>
      <c r="IR23" s="119">
        <v>0</v>
      </c>
      <c r="IS23" s="119">
        <v>469926</v>
      </c>
      <c r="IT23" s="141">
        <v>1308582</v>
      </c>
      <c r="IU23" s="320">
        <v>1308582</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11280251</v>
      </c>
      <c r="JL23" s="119">
        <v>12563124</v>
      </c>
      <c r="JM23" s="119">
        <v>11323052</v>
      </c>
      <c r="JN23" s="119">
        <v>4022664</v>
      </c>
      <c r="JO23" s="119">
        <v>1141657</v>
      </c>
      <c r="JP23" s="120">
        <v>40330748</v>
      </c>
      <c r="JQ23" s="320">
        <v>40330748</v>
      </c>
      <c r="JR23" s="142">
        <v>0</v>
      </c>
      <c r="JS23" s="119">
        <v>0</v>
      </c>
      <c r="JT23" s="141">
        <v>0</v>
      </c>
      <c r="JU23" s="118">
        <v>0</v>
      </c>
      <c r="JV23" s="119">
        <v>995225</v>
      </c>
      <c r="JW23" s="119">
        <v>346052</v>
      </c>
      <c r="JX23" s="119">
        <v>1527031</v>
      </c>
      <c r="JY23" s="119">
        <v>960772</v>
      </c>
      <c r="JZ23" s="119">
        <v>2379828</v>
      </c>
      <c r="KA23" s="120">
        <v>6208908</v>
      </c>
      <c r="KB23" s="320">
        <v>6208908</v>
      </c>
      <c r="KC23" s="234">
        <v>545933</v>
      </c>
      <c r="KD23" s="230">
        <v>885396</v>
      </c>
      <c r="KE23" s="120">
        <v>1431329</v>
      </c>
      <c r="KF23" s="118">
        <v>0</v>
      </c>
      <c r="KG23" s="119">
        <v>6110487</v>
      </c>
      <c r="KH23" s="119">
        <v>9477552</v>
      </c>
      <c r="KI23" s="119">
        <v>10964224</v>
      </c>
      <c r="KJ23" s="119">
        <v>6942542</v>
      </c>
      <c r="KK23" s="119">
        <v>2920846</v>
      </c>
      <c r="KL23" s="120">
        <v>36415651</v>
      </c>
      <c r="KM23" s="143">
        <v>37846980</v>
      </c>
      <c r="KN23" s="232">
        <v>0</v>
      </c>
      <c r="KO23" s="236">
        <v>507106</v>
      </c>
      <c r="KP23" s="237">
        <v>507106</v>
      </c>
      <c r="KQ23" s="140"/>
      <c r="KR23" s="119">
        <v>12515660</v>
      </c>
      <c r="KS23" s="119">
        <v>20301277</v>
      </c>
      <c r="KT23" s="119">
        <v>27375539</v>
      </c>
      <c r="KU23" s="119">
        <v>17286137</v>
      </c>
      <c r="KV23" s="119">
        <v>8205986</v>
      </c>
      <c r="KW23" s="120">
        <v>85684599</v>
      </c>
      <c r="KX23" s="320">
        <v>86191705</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274136</v>
      </c>
      <c r="LP23" s="119">
        <v>2228585</v>
      </c>
      <c r="LQ23" s="119">
        <v>4343232</v>
      </c>
      <c r="LR23" s="119">
        <v>2062344</v>
      </c>
      <c r="LS23" s="120">
        <v>8908297</v>
      </c>
      <c r="LT23" s="320">
        <v>8908297</v>
      </c>
      <c r="LU23" s="142">
        <v>0</v>
      </c>
      <c r="LV23" s="119">
        <v>0</v>
      </c>
      <c r="LW23" s="120">
        <v>0</v>
      </c>
      <c r="LX23" s="145"/>
      <c r="LY23" s="119">
        <v>1196596</v>
      </c>
      <c r="LZ23" s="119">
        <v>2363031</v>
      </c>
      <c r="MA23" s="119">
        <v>5470035</v>
      </c>
      <c r="MB23" s="119">
        <v>7212483</v>
      </c>
      <c r="MC23" s="119">
        <v>10220693</v>
      </c>
      <c r="MD23" s="120">
        <v>26462838</v>
      </c>
      <c r="ME23" s="121">
        <v>26462838</v>
      </c>
      <c r="MF23" s="142">
        <v>0</v>
      </c>
      <c r="MG23" s="119">
        <v>0</v>
      </c>
      <c r="MH23" s="120">
        <v>0</v>
      </c>
      <c r="MI23" s="145"/>
      <c r="MJ23" s="119">
        <v>11024735</v>
      </c>
      <c r="MK23" s="119">
        <v>22978850</v>
      </c>
      <c r="ML23" s="119">
        <v>82685325</v>
      </c>
      <c r="MM23" s="119">
        <v>151175630</v>
      </c>
      <c r="MN23" s="119">
        <v>122950256</v>
      </c>
      <c r="MO23" s="120">
        <v>390814796</v>
      </c>
      <c r="MP23" s="143">
        <v>390814796</v>
      </c>
      <c r="MQ23" s="142">
        <v>0</v>
      </c>
      <c r="MR23" s="119">
        <v>0</v>
      </c>
      <c r="MS23" s="120">
        <v>0</v>
      </c>
      <c r="MT23" s="145"/>
      <c r="MU23" s="119">
        <v>1229484</v>
      </c>
      <c r="MV23" s="119">
        <v>3991813</v>
      </c>
      <c r="MW23" s="119">
        <v>49210280</v>
      </c>
      <c r="MX23" s="119">
        <v>109195103</v>
      </c>
      <c r="MY23" s="119">
        <v>81638811</v>
      </c>
      <c r="MZ23" s="120">
        <v>245265491</v>
      </c>
      <c r="NA23" s="143">
        <v>245265491</v>
      </c>
      <c r="NB23" s="142">
        <v>0</v>
      </c>
      <c r="NC23" s="119">
        <v>0</v>
      </c>
      <c r="ND23" s="120">
        <v>0</v>
      </c>
      <c r="NE23" s="145"/>
      <c r="NF23" s="119">
        <v>9795251</v>
      </c>
      <c r="NG23" s="119">
        <v>18987037</v>
      </c>
      <c r="NH23" s="119">
        <v>33375357</v>
      </c>
      <c r="NI23" s="119">
        <v>37482206</v>
      </c>
      <c r="NJ23" s="119">
        <v>30841803</v>
      </c>
      <c r="NK23" s="120">
        <v>130481654</v>
      </c>
      <c r="NL23" s="320">
        <v>130481654</v>
      </c>
      <c r="NM23" s="142">
        <v>0</v>
      </c>
      <c r="NN23" s="119">
        <v>0</v>
      </c>
      <c r="NO23" s="120">
        <v>0</v>
      </c>
      <c r="NP23" s="145"/>
      <c r="NQ23" s="119">
        <v>0</v>
      </c>
      <c r="NR23" s="119">
        <v>0</v>
      </c>
      <c r="NS23" s="119">
        <v>0</v>
      </c>
      <c r="NT23" s="119">
        <v>380019</v>
      </c>
      <c r="NU23" s="119">
        <v>2446857</v>
      </c>
      <c r="NV23" s="120">
        <v>2826876</v>
      </c>
      <c r="NW23" s="121">
        <v>2826876</v>
      </c>
      <c r="NX23" s="142">
        <v>0</v>
      </c>
      <c r="NY23" s="119">
        <v>0</v>
      </c>
      <c r="NZ23" s="120">
        <v>0</v>
      </c>
      <c r="OA23" s="145"/>
      <c r="OB23" s="119">
        <v>0</v>
      </c>
      <c r="OC23" s="119">
        <v>0</v>
      </c>
      <c r="OD23" s="119">
        <v>99688</v>
      </c>
      <c r="OE23" s="119">
        <v>4118302</v>
      </c>
      <c r="OF23" s="119">
        <v>8022785</v>
      </c>
      <c r="OG23" s="120">
        <v>12240775</v>
      </c>
      <c r="OH23" s="121">
        <v>12240775</v>
      </c>
      <c r="OI23" s="142">
        <v>8426709</v>
      </c>
      <c r="OJ23" s="119">
        <v>16470165</v>
      </c>
      <c r="OK23" s="141">
        <v>24896874</v>
      </c>
      <c r="OL23" s="118">
        <v>0</v>
      </c>
      <c r="OM23" s="119">
        <v>180209137</v>
      </c>
      <c r="ON23" s="119">
        <v>236058238</v>
      </c>
      <c r="OO23" s="119">
        <v>294012250</v>
      </c>
      <c r="OP23" s="119">
        <v>336640056</v>
      </c>
      <c r="OQ23" s="119">
        <v>252483335</v>
      </c>
      <c r="OR23" s="120">
        <v>1299403016</v>
      </c>
      <c r="OS23" s="143">
        <v>1324299890</v>
      </c>
    </row>
    <row r="24" spans="2:409" ht="21" customHeight="1" x14ac:dyDescent="0.2">
      <c r="B24" s="62" t="s">
        <v>19</v>
      </c>
      <c r="C24" s="110">
        <v>4834187</v>
      </c>
      <c r="D24" s="114">
        <v>8811496</v>
      </c>
      <c r="E24" s="113">
        <v>13645683</v>
      </c>
      <c r="F24" s="109">
        <v>0</v>
      </c>
      <c r="G24" s="114">
        <v>62645627</v>
      </c>
      <c r="H24" s="114">
        <v>69566084</v>
      </c>
      <c r="I24" s="114">
        <v>62661276</v>
      </c>
      <c r="J24" s="114">
        <v>50410922</v>
      </c>
      <c r="K24" s="114">
        <v>38399585</v>
      </c>
      <c r="L24" s="109">
        <v>283683494</v>
      </c>
      <c r="M24" s="116">
        <v>297329177</v>
      </c>
      <c r="N24" s="110">
        <v>980163</v>
      </c>
      <c r="O24" s="114">
        <v>2281118</v>
      </c>
      <c r="P24" s="113">
        <v>3261281</v>
      </c>
      <c r="Q24" s="110">
        <v>0</v>
      </c>
      <c r="R24" s="114">
        <v>14710237</v>
      </c>
      <c r="S24" s="114">
        <v>17230568</v>
      </c>
      <c r="T24" s="114">
        <v>16872661</v>
      </c>
      <c r="U24" s="114">
        <v>18167668</v>
      </c>
      <c r="V24" s="114">
        <v>16757036</v>
      </c>
      <c r="W24" s="113">
        <v>83738170</v>
      </c>
      <c r="X24" s="116">
        <v>86999451</v>
      </c>
      <c r="Y24" s="110">
        <v>0</v>
      </c>
      <c r="Z24" s="114">
        <v>0</v>
      </c>
      <c r="AA24" s="113">
        <v>0</v>
      </c>
      <c r="AB24" s="110">
        <v>0</v>
      </c>
      <c r="AC24" s="114">
        <v>6476159</v>
      </c>
      <c r="AD24" s="114">
        <v>7646293</v>
      </c>
      <c r="AE24" s="114">
        <v>9030741</v>
      </c>
      <c r="AF24" s="114">
        <v>10787881</v>
      </c>
      <c r="AG24" s="114">
        <v>8568388</v>
      </c>
      <c r="AH24" s="113">
        <v>42509462</v>
      </c>
      <c r="AI24" s="116">
        <v>42509462</v>
      </c>
      <c r="AJ24" s="110">
        <v>0</v>
      </c>
      <c r="AK24" s="114">
        <v>0</v>
      </c>
      <c r="AL24" s="113">
        <v>0</v>
      </c>
      <c r="AM24" s="110">
        <v>0</v>
      </c>
      <c r="AN24" s="114">
        <v>208170</v>
      </c>
      <c r="AO24" s="114">
        <v>345455</v>
      </c>
      <c r="AP24" s="114">
        <v>715661</v>
      </c>
      <c r="AQ24" s="114">
        <v>1301736</v>
      </c>
      <c r="AR24" s="114">
        <v>2139329</v>
      </c>
      <c r="AS24" s="113">
        <v>4710351</v>
      </c>
      <c r="AT24" s="116">
        <v>4710351</v>
      </c>
      <c r="AU24" s="110">
        <v>565398</v>
      </c>
      <c r="AV24" s="114">
        <v>1780386</v>
      </c>
      <c r="AW24" s="113">
        <v>2345784</v>
      </c>
      <c r="AX24" s="110">
        <v>0</v>
      </c>
      <c r="AY24" s="114">
        <v>5140333</v>
      </c>
      <c r="AZ24" s="114">
        <v>5709976</v>
      </c>
      <c r="BA24" s="114">
        <v>4261034</v>
      </c>
      <c r="BB24" s="114">
        <v>3109024</v>
      </c>
      <c r="BC24" s="114">
        <v>3872502</v>
      </c>
      <c r="BD24" s="113">
        <v>22092869</v>
      </c>
      <c r="BE24" s="116">
        <v>24438653</v>
      </c>
      <c r="BF24" s="110">
        <v>5848</v>
      </c>
      <c r="BG24" s="114">
        <v>105521</v>
      </c>
      <c r="BH24" s="112">
        <v>111369</v>
      </c>
      <c r="BI24" s="111">
        <v>0</v>
      </c>
      <c r="BJ24" s="114">
        <v>643657</v>
      </c>
      <c r="BK24" s="114">
        <v>547961</v>
      </c>
      <c r="BL24" s="114">
        <v>249989</v>
      </c>
      <c r="BM24" s="114">
        <v>456410</v>
      </c>
      <c r="BN24" s="114">
        <v>152075</v>
      </c>
      <c r="BO24" s="113">
        <v>2050092</v>
      </c>
      <c r="BP24" s="116">
        <v>2161461</v>
      </c>
      <c r="BQ24" s="110">
        <v>408917</v>
      </c>
      <c r="BR24" s="114">
        <v>395211</v>
      </c>
      <c r="BS24" s="113">
        <v>804128</v>
      </c>
      <c r="BT24" s="110">
        <v>0</v>
      </c>
      <c r="BU24" s="114">
        <v>2241918</v>
      </c>
      <c r="BV24" s="114">
        <v>2980883</v>
      </c>
      <c r="BW24" s="114">
        <v>2615236</v>
      </c>
      <c r="BX24" s="114">
        <v>2512617</v>
      </c>
      <c r="BY24" s="114">
        <v>2024742</v>
      </c>
      <c r="BZ24" s="113">
        <v>12375396</v>
      </c>
      <c r="CA24" s="116">
        <v>13179524</v>
      </c>
      <c r="CB24" s="110">
        <v>777695</v>
      </c>
      <c r="CC24" s="114">
        <v>2562574</v>
      </c>
      <c r="CD24" s="113">
        <v>3340269</v>
      </c>
      <c r="CE24" s="110">
        <v>0</v>
      </c>
      <c r="CF24" s="114">
        <v>19986510</v>
      </c>
      <c r="CG24" s="114">
        <v>24628726</v>
      </c>
      <c r="CH24" s="114">
        <v>20305962</v>
      </c>
      <c r="CI24" s="114">
        <v>9260557</v>
      </c>
      <c r="CJ24" s="114">
        <v>6243825</v>
      </c>
      <c r="CK24" s="113">
        <v>80425580</v>
      </c>
      <c r="CL24" s="116">
        <v>83765849</v>
      </c>
      <c r="CM24" s="110">
        <v>0</v>
      </c>
      <c r="CN24" s="114">
        <v>0</v>
      </c>
      <c r="CO24" s="113">
        <v>0</v>
      </c>
      <c r="CP24" s="111">
        <v>0</v>
      </c>
      <c r="CQ24" s="114">
        <v>14613303</v>
      </c>
      <c r="CR24" s="114">
        <v>18530635</v>
      </c>
      <c r="CS24" s="114">
        <v>15577308</v>
      </c>
      <c r="CT24" s="114">
        <v>6022143</v>
      </c>
      <c r="CU24" s="114">
        <v>5035389</v>
      </c>
      <c r="CV24" s="113">
        <v>59778778</v>
      </c>
      <c r="CW24" s="116">
        <v>59778778</v>
      </c>
      <c r="CX24" s="110">
        <v>777695</v>
      </c>
      <c r="CY24" s="114">
        <v>2562574</v>
      </c>
      <c r="CZ24" s="113">
        <v>3340269</v>
      </c>
      <c r="DA24" s="110">
        <v>0</v>
      </c>
      <c r="DB24" s="114">
        <v>5373207</v>
      </c>
      <c r="DC24" s="114">
        <v>6098091</v>
      </c>
      <c r="DD24" s="114">
        <v>4728654</v>
      </c>
      <c r="DE24" s="114">
        <v>3238414</v>
      </c>
      <c r="DF24" s="114">
        <v>1208436</v>
      </c>
      <c r="DG24" s="113">
        <v>20646802</v>
      </c>
      <c r="DH24" s="116">
        <v>23987071</v>
      </c>
      <c r="DI24" s="110">
        <v>11972</v>
      </c>
      <c r="DJ24" s="114">
        <v>16262</v>
      </c>
      <c r="DK24" s="112">
        <v>28234</v>
      </c>
      <c r="DL24" s="111">
        <v>0</v>
      </c>
      <c r="DM24" s="114">
        <v>1977463</v>
      </c>
      <c r="DN24" s="114">
        <v>3222111</v>
      </c>
      <c r="DO24" s="114">
        <v>5255316</v>
      </c>
      <c r="DP24" s="114">
        <v>3401313</v>
      </c>
      <c r="DQ24" s="114">
        <v>2494666</v>
      </c>
      <c r="DR24" s="113">
        <v>16350869</v>
      </c>
      <c r="DS24" s="116">
        <v>16379103</v>
      </c>
      <c r="DT24" s="110">
        <v>11972</v>
      </c>
      <c r="DU24" s="114">
        <v>16262</v>
      </c>
      <c r="DV24" s="113">
        <v>28234</v>
      </c>
      <c r="DW24" s="110">
        <v>0</v>
      </c>
      <c r="DX24" s="114">
        <v>1499631</v>
      </c>
      <c r="DY24" s="114">
        <v>2576831</v>
      </c>
      <c r="DZ24" s="114">
        <v>4835591</v>
      </c>
      <c r="EA24" s="114">
        <v>2283299</v>
      </c>
      <c r="EB24" s="114">
        <v>1861526</v>
      </c>
      <c r="EC24" s="113">
        <v>13056878</v>
      </c>
      <c r="ED24" s="116">
        <v>13085112</v>
      </c>
      <c r="EE24" s="110">
        <v>0</v>
      </c>
      <c r="EF24" s="112">
        <v>0</v>
      </c>
      <c r="EG24" s="113">
        <v>0</v>
      </c>
      <c r="EH24" s="110">
        <v>0</v>
      </c>
      <c r="EI24" s="114">
        <v>477832</v>
      </c>
      <c r="EJ24" s="114">
        <v>645280</v>
      </c>
      <c r="EK24" s="114">
        <v>419725</v>
      </c>
      <c r="EL24" s="114">
        <v>1118014</v>
      </c>
      <c r="EM24" s="114">
        <v>633140</v>
      </c>
      <c r="EN24" s="112">
        <v>3293991</v>
      </c>
      <c r="EO24" s="116">
        <v>3293991</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1394547</v>
      </c>
      <c r="FM24" s="114">
        <v>1341866</v>
      </c>
      <c r="FN24" s="113">
        <v>2736413</v>
      </c>
      <c r="FO24" s="110">
        <v>0</v>
      </c>
      <c r="FP24" s="114">
        <v>4483121</v>
      </c>
      <c r="FQ24" s="114">
        <v>6280469</v>
      </c>
      <c r="FR24" s="114">
        <v>4599837</v>
      </c>
      <c r="FS24" s="114">
        <v>3455886</v>
      </c>
      <c r="FT24" s="114">
        <v>3542941</v>
      </c>
      <c r="FU24" s="113">
        <v>22362254</v>
      </c>
      <c r="FV24" s="116">
        <v>25098667</v>
      </c>
      <c r="FW24" s="115">
        <v>760503</v>
      </c>
      <c r="FX24" s="114">
        <v>1285524</v>
      </c>
      <c r="FY24" s="112">
        <v>2046027</v>
      </c>
      <c r="FZ24" s="111">
        <v>0</v>
      </c>
      <c r="GA24" s="114">
        <v>3373491</v>
      </c>
      <c r="GB24" s="114">
        <v>5848120</v>
      </c>
      <c r="GC24" s="114">
        <v>4195652</v>
      </c>
      <c r="GD24" s="114">
        <v>3398414</v>
      </c>
      <c r="GE24" s="114">
        <v>3542941</v>
      </c>
      <c r="GF24" s="113">
        <v>20358618</v>
      </c>
      <c r="GG24" s="318">
        <v>22404645</v>
      </c>
      <c r="GH24" s="115">
        <v>26730</v>
      </c>
      <c r="GI24" s="114">
        <v>26642</v>
      </c>
      <c r="GJ24" s="112">
        <v>53372</v>
      </c>
      <c r="GK24" s="111">
        <v>0</v>
      </c>
      <c r="GL24" s="114">
        <v>200079</v>
      </c>
      <c r="GM24" s="114">
        <v>45285</v>
      </c>
      <c r="GN24" s="114">
        <v>137317</v>
      </c>
      <c r="GO24" s="114">
        <v>14400</v>
      </c>
      <c r="GP24" s="114">
        <v>0</v>
      </c>
      <c r="GQ24" s="113">
        <v>397081</v>
      </c>
      <c r="GR24" s="116">
        <v>450453</v>
      </c>
      <c r="GS24" s="110">
        <v>607314</v>
      </c>
      <c r="GT24" s="114">
        <v>29700</v>
      </c>
      <c r="GU24" s="113">
        <v>637014</v>
      </c>
      <c r="GV24" s="110">
        <v>0</v>
      </c>
      <c r="GW24" s="114">
        <v>909551</v>
      </c>
      <c r="GX24" s="114">
        <v>387064</v>
      </c>
      <c r="GY24" s="114">
        <v>266868</v>
      </c>
      <c r="GZ24" s="114">
        <v>43072</v>
      </c>
      <c r="HA24" s="114">
        <v>0</v>
      </c>
      <c r="HB24" s="112">
        <v>1606555</v>
      </c>
      <c r="HC24" s="116">
        <v>2243569</v>
      </c>
      <c r="HD24" s="110">
        <v>869096</v>
      </c>
      <c r="HE24" s="114">
        <v>1263247</v>
      </c>
      <c r="HF24" s="112">
        <v>2132343</v>
      </c>
      <c r="HG24" s="111">
        <v>0</v>
      </c>
      <c r="HH24" s="114">
        <v>11227582</v>
      </c>
      <c r="HI24" s="114">
        <v>10167219</v>
      </c>
      <c r="HJ24" s="114">
        <v>10217294</v>
      </c>
      <c r="HK24" s="114">
        <v>12985056</v>
      </c>
      <c r="HL24" s="114">
        <v>6945247</v>
      </c>
      <c r="HM24" s="113">
        <v>51542398</v>
      </c>
      <c r="HN24" s="109">
        <v>53674741</v>
      </c>
      <c r="HO24" s="115">
        <v>800714</v>
      </c>
      <c r="HP24" s="114">
        <v>1346429</v>
      </c>
      <c r="HQ24" s="113">
        <v>2147143</v>
      </c>
      <c r="HR24" s="110">
        <v>0</v>
      </c>
      <c r="HS24" s="114">
        <v>10260714</v>
      </c>
      <c r="HT24" s="114">
        <v>8036991</v>
      </c>
      <c r="HU24" s="114">
        <v>5410206</v>
      </c>
      <c r="HV24" s="114">
        <v>3140442</v>
      </c>
      <c r="HW24" s="114">
        <v>2415870</v>
      </c>
      <c r="HX24" s="112">
        <v>29264223</v>
      </c>
      <c r="HY24" s="116">
        <v>31411366</v>
      </c>
      <c r="HZ24" s="150">
        <v>50864</v>
      </c>
      <c r="IA24" s="135">
        <v>433296</v>
      </c>
      <c r="IB24" s="150">
        <v>484160</v>
      </c>
      <c r="IC24" s="134">
        <v>0</v>
      </c>
      <c r="ID24" s="135">
        <v>14653501</v>
      </c>
      <c r="IE24" s="136">
        <v>25373286</v>
      </c>
      <c r="IF24" s="137">
        <v>20157814</v>
      </c>
      <c r="IG24" s="135">
        <v>13388651</v>
      </c>
      <c r="IH24" s="137">
        <v>14443723</v>
      </c>
      <c r="II24" s="138">
        <v>88016975</v>
      </c>
      <c r="IJ24" s="150">
        <v>88501135</v>
      </c>
      <c r="IK24" s="232">
        <v>0</v>
      </c>
      <c r="IL24" s="236">
        <v>0</v>
      </c>
      <c r="IM24" s="237">
        <v>0</v>
      </c>
      <c r="IN24" s="140"/>
      <c r="IO24" s="119">
        <v>1044035</v>
      </c>
      <c r="IP24" s="119">
        <v>940610</v>
      </c>
      <c r="IQ24" s="119">
        <v>559055</v>
      </c>
      <c r="IR24" s="119">
        <v>585483</v>
      </c>
      <c r="IS24" s="119">
        <v>1409432</v>
      </c>
      <c r="IT24" s="141">
        <v>4538615</v>
      </c>
      <c r="IU24" s="320">
        <v>4538615</v>
      </c>
      <c r="IV24" s="142">
        <v>0</v>
      </c>
      <c r="IW24" s="119">
        <v>0</v>
      </c>
      <c r="IX24" s="120">
        <v>0</v>
      </c>
      <c r="IY24" s="144"/>
      <c r="IZ24" s="119">
        <v>11459</v>
      </c>
      <c r="JA24" s="119">
        <v>45836</v>
      </c>
      <c r="JB24" s="119">
        <v>34377</v>
      </c>
      <c r="JC24" s="119">
        <v>85115</v>
      </c>
      <c r="JD24" s="119">
        <v>35910</v>
      </c>
      <c r="JE24" s="120">
        <v>212697</v>
      </c>
      <c r="JF24" s="121">
        <v>212697</v>
      </c>
      <c r="JG24" s="142">
        <v>0</v>
      </c>
      <c r="JH24" s="119">
        <v>0</v>
      </c>
      <c r="JI24" s="141">
        <v>0</v>
      </c>
      <c r="JJ24" s="118">
        <v>0</v>
      </c>
      <c r="JK24" s="119">
        <v>6565701</v>
      </c>
      <c r="JL24" s="119">
        <v>7569001</v>
      </c>
      <c r="JM24" s="119">
        <v>4400201</v>
      </c>
      <c r="JN24" s="119">
        <v>1605247</v>
      </c>
      <c r="JO24" s="119">
        <v>1234748</v>
      </c>
      <c r="JP24" s="120">
        <v>21374898</v>
      </c>
      <c r="JQ24" s="320">
        <v>21374898</v>
      </c>
      <c r="JR24" s="142">
        <v>0</v>
      </c>
      <c r="JS24" s="119">
        <v>0</v>
      </c>
      <c r="JT24" s="141">
        <v>0</v>
      </c>
      <c r="JU24" s="118">
        <v>0</v>
      </c>
      <c r="JV24" s="119">
        <v>1072244</v>
      </c>
      <c r="JW24" s="119">
        <v>2514437</v>
      </c>
      <c r="JX24" s="119">
        <v>2406246</v>
      </c>
      <c r="JY24" s="119">
        <v>522525</v>
      </c>
      <c r="JZ24" s="119">
        <v>422400</v>
      </c>
      <c r="KA24" s="120">
        <v>6937852</v>
      </c>
      <c r="KB24" s="320">
        <v>6937852</v>
      </c>
      <c r="KC24" s="234">
        <v>50864</v>
      </c>
      <c r="KD24" s="230">
        <v>177716</v>
      </c>
      <c r="KE24" s="120">
        <v>228580</v>
      </c>
      <c r="KF24" s="118">
        <v>0</v>
      </c>
      <c r="KG24" s="119">
        <v>3159230</v>
      </c>
      <c r="KH24" s="119">
        <v>6983188</v>
      </c>
      <c r="KI24" s="119">
        <v>5078649</v>
      </c>
      <c r="KJ24" s="119">
        <v>4558981</v>
      </c>
      <c r="KK24" s="119">
        <v>2925619</v>
      </c>
      <c r="KL24" s="120">
        <v>22705667</v>
      </c>
      <c r="KM24" s="143">
        <v>22934247</v>
      </c>
      <c r="KN24" s="232">
        <v>0</v>
      </c>
      <c r="KO24" s="236">
        <v>255580</v>
      </c>
      <c r="KP24" s="237">
        <v>255580</v>
      </c>
      <c r="KQ24" s="140"/>
      <c r="KR24" s="119">
        <v>2387047</v>
      </c>
      <c r="KS24" s="119">
        <v>6842711</v>
      </c>
      <c r="KT24" s="119">
        <v>7316058</v>
      </c>
      <c r="KU24" s="119">
        <v>5368231</v>
      </c>
      <c r="KV24" s="119">
        <v>4179670</v>
      </c>
      <c r="KW24" s="120">
        <v>26093717</v>
      </c>
      <c r="KX24" s="320">
        <v>26349297</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413785</v>
      </c>
      <c r="LZ24" s="119">
        <v>477503</v>
      </c>
      <c r="MA24" s="119">
        <v>363228</v>
      </c>
      <c r="MB24" s="119">
        <v>663069</v>
      </c>
      <c r="MC24" s="119">
        <v>4235944</v>
      </c>
      <c r="MD24" s="120">
        <v>6153529</v>
      </c>
      <c r="ME24" s="121">
        <v>6153529</v>
      </c>
      <c r="MF24" s="142">
        <v>0</v>
      </c>
      <c r="MG24" s="119">
        <v>0</v>
      </c>
      <c r="MH24" s="120">
        <v>0</v>
      </c>
      <c r="MI24" s="145"/>
      <c r="MJ24" s="119">
        <v>4179558</v>
      </c>
      <c r="MK24" s="119">
        <v>15378857</v>
      </c>
      <c r="ML24" s="119">
        <v>55420325</v>
      </c>
      <c r="MM24" s="119">
        <v>61039838</v>
      </c>
      <c r="MN24" s="119">
        <v>40497917</v>
      </c>
      <c r="MO24" s="120">
        <v>176516495</v>
      </c>
      <c r="MP24" s="143">
        <v>176516495</v>
      </c>
      <c r="MQ24" s="142">
        <v>0</v>
      </c>
      <c r="MR24" s="119">
        <v>0</v>
      </c>
      <c r="MS24" s="120">
        <v>0</v>
      </c>
      <c r="MT24" s="145"/>
      <c r="MU24" s="119">
        <v>0</v>
      </c>
      <c r="MV24" s="119">
        <v>1696289</v>
      </c>
      <c r="MW24" s="119">
        <v>30163953</v>
      </c>
      <c r="MX24" s="119">
        <v>41935948</v>
      </c>
      <c r="MY24" s="119">
        <v>28888975</v>
      </c>
      <c r="MZ24" s="120">
        <v>102685165</v>
      </c>
      <c r="NA24" s="143">
        <v>102685165</v>
      </c>
      <c r="NB24" s="142">
        <v>0</v>
      </c>
      <c r="NC24" s="119">
        <v>0</v>
      </c>
      <c r="ND24" s="120">
        <v>0</v>
      </c>
      <c r="NE24" s="145"/>
      <c r="NF24" s="119">
        <v>4179558</v>
      </c>
      <c r="NG24" s="119">
        <v>13682568</v>
      </c>
      <c r="NH24" s="119">
        <v>25256372</v>
      </c>
      <c r="NI24" s="119">
        <v>17910890</v>
      </c>
      <c r="NJ24" s="119">
        <v>10259629</v>
      </c>
      <c r="NK24" s="120">
        <v>71289017</v>
      </c>
      <c r="NL24" s="320">
        <v>71289017</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1193000</v>
      </c>
      <c r="OF24" s="119">
        <v>1349313</v>
      </c>
      <c r="OG24" s="120">
        <v>2542313</v>
      </c>
      <c r="OH24" s="121">
        <v>2542313</v>
      </c>
      <c r="OI24" s="142">
        <v>4885051</v>
      </c>
      <c r="OJ24" s="119">
        <v>9244792</v>
      </c>
      <c r="OK24" s="141">
        <v>14129843</v>
      </c>
      <c r="OL24" s="118">
        <v>0</v>
      </c>
      <c r="OM24" s="119">
        <v>81478686</v>
      </c>
      <c r="ON24" s="119">
        <v>110318227</v>
      </c>
      <c r="OO24" s="119">
        <v>138239415</v>
      </c>
      <c r="OP24" s="119">
        <v>124839411</v>
      </c>
      <c r="OQ24" s="119">
        <v>93341225</v>
      </c>
      <c r="OR24" s="120">
        <v>548216964</v>
      </c>
      <c r="OS24" s="143">
        <v>562346807</v>
      </c>
    </row>
    <row r="25" spans="2:409" ht="21" customHeight="1" x14ac:dyDescent="0.2">
      <c r="B25" s="62" t="s">
        <v>20</v>
      </c>
      <c r="C25" s="110">
        <v>5292215</v>
      </c>
      <c r="D25" s="114">
        <v>13406467</v>
      </c>
      <c r="E25" s="113">
        <v>18698682</v>
      </c>
      <c r="F25" s="110">
        <v>0</v>
      </c>
      <c r="G25" s="114">
        <v>85839195</v>
      </c>
      <c r="H25" s="114">
        <v>77933435</v>
      </c>
      <c r="I25" s="114">
        <v>77347651</v>
      </c>
      <c r="J25" s="114">
        <v>65420332</v>
      </c>
      <c r="K25" s="114">
        <v>38873564</v>
      </c>
      <c r="L25" s="173">
        <v>345414177</v>
      </c>
      <c r="M25" s="116">
        <v>364112859</v>
      </c>
      <c r="N25" s="110">
        <v>1973045</v>
      </c>
      <c r="O25" s="114">
        <v>4836236</v>
      </c>
      <c r="P25" s="113">
        <v>6809281</v>
      </c>
      <c r="Q25" s="110">
        <v>0</v>
      </c>
      <c r="R25" s="114">
        <v>24619738</v>
      </c>
      <c r="S25" s="114">
        <v>22856819</v>
      </c>
      <c r="T25" s="114">
        <v>23484966</v>
      </c>
      <c r="U25" s="114">
        <v>21586593</v>
      </c>
      <c r="V25" s="114">
        <v>18455190</v>
      </c>
      <c r="W25" s="113">
        <v>111003306</v>
      </c>
      <c r="X25" s="116">
        <v>117812587</v>
      </c>
      <c r="Y25" s="110">
        <v>0</v>
      </c>
      <c r="Z25" s="114">
        <v>0</v>
      </c>
      <c r="AA25" s="113">
        <v>0</v>
      </c>
      <c r="AB25" s="110">
        <v>0</v>
      </c>
      <c r="AC25" s="114">
        <v>9999994</v>
      </c>
      <c r="AD25" s="114">
        <v>9740246</v>
      </c>
      <c r="AE25" s="114">
        <v>12755405</v>
      </c>
      <c r="AF25" s="114">
        <v>12024483</v>
      </c>
      <c r="AG25" s="114">
        <v>10230819</v>
      </c>
      <c r="AH25" s="113">
        <v>54750947</v>
      </c>
      <c r="AI25" s="116">
        <v>54750947</v>
      </c>
      <c r="AJ25" s="110">
        <v>0</v>
      </c>
      <c r="AK25" s="114">
        <v>0</v>
      </c>
      <c r="AL25" s="113">
        <v>0</v>
      </c>
      <c r="AM25" s="110">
        <v>0</v>
      </c>
      <c r="AN25" s="114">
        <v>0</v>
      </c>
      <c r="AO25" s="114">
        <v>294615</v>
      </c>
      <c r="AP25" s="114">
        <v>744583</v>
      </c>
      <c r="AQ25" s="114">
        <v>1442598</v>
      </c>
      <c r="AR25" s="114">
        <v>2683612</v>
      </c>
      <c r="AS25" s="113">
        <v>5165408</v>
      </c>
      <c r="AT25" s="116">
        <v>5165408</v>
      </c>
      <c r="AU25" s="110">
        <v>1351944</v>
      </c>
      <c r="AV25" s="114">
        <v>3259965</v>
      </c>
      <c r="AW25" s="113">
        <v>4611909</v>
      </c>
      <c r="AX25" s="110">
        <v>0</v>
      </c>
      <c r="AY25" s="114">
        <v>8952318</v>
      </c>
      <c r="AZ25" s="114">
        <v>7828870</v>
      </c>
      <c r="BA25" s="114">
        <v>5144220</v>
      </c>
      <c r="BB25" s="114">
        <v>3886004</v>
      </c>
      <c r="BC25" s="114">
        <v>3242926</v>
      </c>
      <c r="BD25" s="113">
        <v>29054338</v>
      </c>
      <c r="BE25" s="116">
        <v>33666247</v>
      </c>
      <c r="BF25" s="110">
        <v>204959</v>
      </c>
      <c r="BG25" s="114">
        <v>1019455</v>
      </c>
      <c r="BH25" s="112">
        <v>1224414</v>
      </c>
      <c r="BI25" s="111">
        <v>0</v>
      </c>
      <c r="BJ25" s="114">
        <v>2149424</v>
      </c>
      <c r="BK25" s="114">
        <v>1641499</v>
      </c>
      <c r="BL25" s="114">
        <v>1430627</v>
      </c>
      <c r="BM25" s="114">
        <v>1100266</v>
      </c>
      <c r="BN25" s="114">
        <v>276420</v>
      </c>
      <c r="BO25" s="113">
        <v>6598236</v>
      </c>
      <c r="BP25" s="116">
        <v>7822650</v>
      </c>
      <c r="BQ25" s="110">
        <v>416142</v>
      </c>
      <c r="BR25" s="114">
        <v>556816</v>
      </c>
      <c r="BS25" s="113">
        <v>972958</v>
      </c>
      <c r="BT25" s="110">
        <v>0</v>
      </c>
      <c r="BU25" s="114">
        <v>3518002</v>
      </c>
      <c r="BV25" s="114">
        <v>3351589</v>
      </c>
      <c r="BW25" s="114">
        <v>3410131</v>
      </c>
      <c r="BX25" s="114">
        <v>3133242</v>
      </c>
      <c r="BY25" s="114">
        <v>2021413</v>
      </c>
      <c r="BZ25" s="113">
        <v>15434377</v>
      </c>
      <c r="CA25" s="116">
        <v>16407335</v>
      </c>
      <c r="CB25" s="110">
        <v>387366</v>
      </c>
      <c r="CC25" s="114">
        <v>1666487</v>
      </c>
      <c r="CD25" s="113">
        <v>2053853</v>
      </c>
      <c r="CE25" s="110">
        <v>0</v>
      </c>
      <c r="CF25" s="114">
        <v>26255893</v>
      </c>
      <c r="CG25" s="114">
        <v>23091534</v>
      </c>
      <c r="CH25" s="114">
        <v>18624125</v>
      </c>
      <c r="CI25" s="114">
        <v>13249876</v>
      </c>
      <c r="CJ25" s="114">
        <v>4267354</v>
      </c>
      <c r="CK25" s="113">
        <v>85488782</v>
      </c>
      <c r="CL25" s="116">
        <v>87542635</v>
      </c>
      <c r="CM25" s="110">
        <v>0</v>
      </c>
      <c r="CN25" s="114">
        <v>0</v>
      </c>
      <c r="CO25" s="113">
        <v>0</v>
      </c>
      <c r="CP25" s="111">
        <v>0</v>
      </c>
      <c r="CQ25" s="114">
        <v>17791302</v>
      </c>
      <c r="CR25" s="114">
        <v>15168877</v>
      </c>
      <c r="CS25" s="114">
        <v>13699407</v>
      </c>
      <c r="CT25" s="114">
        <v>8884634</v>
      </c>
      <c r="CU25" s="114">
        <v>3397284</v>
      </c>
      <c r="CV25" s="113">
        <v>58941504</v>
      </c>
      <c r="CW25" s="116">
        <v>58941504</v>
      </c>
      <c r="CX25" s="110">
        <v>387366</v>
      </c>
      <c r="CY25" s="114">
        <v>1666487</v>
      </c>
      <c r="CZ25" s="113">
        <v>2053853</v>
      </c>
      <c r="DA25" s="110">
        <v>0</v>
      </c>
      <c r="DB25" s="114">
        <v>8464591</v>
      </c>
      <c r="DC25" s="114">
        <v>7922657</v>
      </c>
      <c r="DD25" s="114">
        <v>4924718</v>
      </c>
      <c r="DE25" s="114">
        <v>4365242</v>
      </c>
      <c r="DF25" s="114">
        <v>870070</v>
      </c>
      <c r="DG25" s="113">
        <v>26547278</v>
      </c>
      <c r="DH25" s="116">
        <v>28601131</v>
      </c>
      <c r="DI25" s="110">
        <v>11684</v>
      </c>
      <c r="DJ25" s="114">
        <v>408952</v>
      </c>
      <c r="DK25" s="112">
        <v>420636</v>
      </c>
      <c r="DL25" s="111">
        <v>0</v>
      </c>
      <c r="DM25" s="114">
        <v>3213017</v>
      </c>
      <c r="DN25" s="114">
        <v>4770553</v>
      </c>
      <c r="DO25" s="114">
        <v>12789719</v>
      </c>
      <c r="DP25" s="114">
        <v>7116466</v>
      </c>
      <c r="DQ25" s="114">
        <v>2569472</v>
      </c>
      <c r="DR25" s="113">
        <v>30459227</v>
      </c>
      <c r="DS25" s="116">
        <v>30879863</v>
      </c>
      <c r="DT25" s="110">
        <v>11684</v>
      </c>
      <c r="DU25" s="114">
        <v>408952</v>
      </c>
      <c r="DV25" s="113">
        <v>420636</v>
      </c>
      <c r="DW25" s="110">
        <v>0</v>
      </c>
      <c r="DX25" s="114">
        <v>3213017</v>
      </c>
      <c r="DY25" s="114">
        <v>4611382</v>
      </c>
      <c r="DZ25" s="114">
        <v>12441044</v>
      </c>
      <c r="EA25" s="114">
        <v>6922495</v>
      </c>
      <c r="EB25" s="114">
        <v>2374357</v>
      </c>
      <c r="EC25" s="113">
        <v>29562295</v>
      </c>
      <c r="ED25" s="116">
        <v>29982931</v>
      </c>
      <c r="EE25" s="110">
        <v>0</v>
      </c>
      <c r="EF25" s="112">
        <v>0</v>
      </c>
      <c r="EG25" s="113">
        <v>0</v>
      </c>
      <c r="EH25" s="110">
        <v>0</v>
      </c>
      <c r="EI25" s="114">
        <v>0</v>
      </c>
      <c r="EJ25" s="114">
        <v>159171</v>
      </c>
      <c r="EK25" s="114">
        <v>348675</v>
      </c>
      <c r="EL25" s="114">
        <v>193971</v>
      </c>
      <c r="EM25" s="114">
        <v>195115</v>
      </c>
      <c r="EN25" s="112">
        <v>896932</v>
      </c>
      <c r="EO25" s="116">
        <v>896932</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1237419</v>
      </c>
      <c r="FM25" s="114">
        <v>2677566</v>
      </c>
      <c r="FN25" s="113">
        <v>3914985</v>
      </c>
      <c r="FO25" s="110">
        <v>0</v>
      </c>
      <c r="FP25" s="114">
        <v>6595611</v>
      </c>
      <c r="FQ25" s="114">
        <v>7142284</v>
      </c>
      <c r="FR25" s="114">
        <v>5632162</v>
      </c>
      <c r="FS25" s="114">
        <v>5151146</v>
      </c>
      <c r="FT25" s="114">
        <v>2861183</v>
      </c>
      <c r="FU25" s="113">
        <v>27382386</v>
      </c>
      <c r="FV25" s="116">
        <v>31297371</v>
      </c>
      <c r="FW25" s="115">
        <v>642179</v>
      </c>
      <c r="FX25" s="114">
        <v>1975926</v>
      </c>
      <c r="FY25" s="112">
        <v>2618105</v>
      </c>
      <c r="FZ25" s="111">
        <v>0</v>
      </c>
      <c r="GA25" s="114">
        <v>4723938</v>
      </c>
      <c r="GB25" s="114">
        <v>6372342</v>
      </c>
      <c r="GC25" s="114">
        <v>5222052</v>
      </c>
      <c r="GD25" s="114">
        <v>4730594</v>
      </c>
      <c r="GE25" s="114">
        <v>2861183</v>
      </c>
      <c r="GF25" s="113">
        <v>23910109</v>
      </c>
      <c r="GG25" s="318">
        <v>26528214</v>
      </c>
      <c r="GH25" s="115">
        <v>77814</v>
      </c>
      <c r="GI25" s="114">
        <v>25290</v>
      </c>
      <c r="GJ25" s="112">
        <v>103104</v>
      </c>
      <c r="GK25" s="111">
        <v>0</v>
      </c>
      <c r="GL25" s="114">
        <v>335412</v>
      </c>
      <c r="GM25" s="114">
        <v>208612</v>
      </c>
      <c r="GN25" s="114">
        <v>136780</v>
      </c>
      <c r="GO25" s="114">
        <v>183672</v>
      </c>
      <c r="GP25" s="114">
        <v>0</v>
      </c>
      <c r="GQ25" s="113">
        <v>864476</v>
      </c>
      <c r="GR25" s="116">
        <v>967580</v>
      </c>
      <c r="GS25" s="110">
        <v>517426</v>
      </c>
      <c r="GT25" s="114">
        <v>676350</v>
      </c>
      <c r="GU25" s="113">
        <v>1193776</v>
      </c>
      <c r="GV25" s="110">
        <v>0</v>
      </c>
      <c r="GW25" s="114">
        <v>1536261</v>
      </c>
      <c r="GX25" s="114">
        <v>561330</v>
      </c>
      <c r="GY25" s="114">
        <v>273330</v>
      </c>
      <c r="GZ25" s="114">
        <v>236880</v>
      </c>
      <c r="HA25" s="114">
        <v>0</v>
      </c>
      <c r="HB25" s="112">
        <v>2607801</v>
      </c>
      <c r="HC25" s="116">
        <v>3801577</v>
      </c>
      <c r="HD25" s="110">
        <v>835654</v>
      </c>
      <c r="HE25" s="114">
        <v>1804543</v>
      </c>
      <c r="HF25" s="112">
        <v>2640197</v>
      </c>
      <c r="HG25" s="111">
        <v>0</v>
      </c>
      <c r="HH25" s="114">
        <v>11953982</v>
      </c>
      <c r="HI25" s="114">
        <v>11572481</v>
      </c>
      <c r="HJ25" s="114">
        <v>9887536</v>
      </c>
      <c r="HK25" s="114">
        <v>14115667</v>
      </c>
      <c r="HL25" s="114">
        <v>8741223</v>
      </c>
      <c r="HM25" s="113">
        <v>56270889</v>
      </c>
      <c r="HN25" s="109">
        <v>58911086</v>
      </c>
      <c r="HO25" s="115">
        <v>847047</v>
      </c>
      <c r="HP25" s="114">
        <v>2012683</v>
      </c>
      <c r="HQ25" s="113">
        <v>2859730</v>
      </c>
      <c r="HR25" s="110">
        <v>0</v>
      </c>
      <c r="HS25" s="114">
        <v>13200954</v>
      </c>
      <c r="HT25" s="114">
        <v>8499764</v>
      </c>
      <c r="HU25" s="114">
        <v>6929143</v>
      </c>
      <c r="HV25" s="114">
        <v>4200584</v>
      </c>
      <c r="HW25" s="114">
        <v>1979142</v>
      </c>
      <c r="HX25" s="112">
        <v>34809587</v>
      </c>
      <c r="HY25" s="116">
        <v>37669317</v>
      </c>
      <c r="HZ25" s="131">
        <v>41234</v>
      </c>
      <c r="IA25" s="132">
        <v>573267</v>
      </c>
      <c r="IB25" s="133">
        <v>614501</v>
      </c>
      <c r="IC25" s="146">
        <v>0</v>
      </c>
      <c r="ID25" s="132">
        <v>15216779</v>
      </c>
      <c r="IE25" s="147">
        <v>14550316</v>
      </c>
      <c r="IF25" s="133">
        <v>18770274</v>
      </c>
      <c r="IG25" s="132">
        <v>8058311</v>
      </c>
      <c r="IH25" s="133">
        <v>5402856</v>
      </c>
      <c r="II25" s="148">
        <v>61998536</v>
      </c>
      <c r="IJ25" s="139">
        <v>62613037</v>
      </c>
      <c r="IK25" s="232">
        <v>0</v>
      </c>
      <c r="IL25" s="236">
        <v>0</v>
      </c>
      <c r="IM25" s="237">
        <v>0</v>
      </c>
      <c r="IN25" s="140"/>
      <c r="IO25" s="119">
        <v>175003</v>
      </c>
      <c r="IP25" s="119">
        <v>0</v>
      </c>
      <c r="IQ25" s="119">
        <v>0</v>
      </c>
      <c r="IR25" s="119">
        <v>0</v>
      </c>
      <c r="IS25" s="119">
        <v>0</v>
      </c>
      <c r="IT25" s="141">
        <v>175003</v>
      </c>
      <c r="IU25" s="320">
        <v>175003</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7159059</v>
      </c>
      <c r="JL25" s="119">
        <v>5105789</v>
      </c>
      <c r="JM25" s="119">
        <v>5101901</v>
      </c>
      <c r="JN25" s="119">
        <v>2365246</v>
      </c>
      <c r="JO25" s="119">
        <v>647295</v>
      </c>
      <c r="JP25" s="120">
        <v>20379290</v>
      </c>
      <c r="JQ25" s="320">
        <v>20379290</v>
      </c>
      <c r="JR25" s="142">
        <v>0</v>
      </c>
      <c r="JS25" s="119">
        <v>0</v>
      </c>
      <c r="JT25" s="141">
        <v>0</v>
      </c>
      <c r="JU25" s="118">
        <v>0</v>
      </c>
      <c r="JV25" s="119">
        <v>202710</v>
      </c>
      <c r="JW25" s="119">
        <v>271968</v>
      </c>
      <c r="JX25" s="119">
        <v>311895</v>
      </c>
      <c r="JY25" s="119">
        <v>0</v>
      </c>
      <c r="JZ25" s="119">
        <v>406783</v>
      </c>
      <c r="KA25" s="120">
        <v>1193356</v>
      </c>
      <c r="KB25" s="320">
        <v>1193356</v>
      </c>
      <c r="KC25" s="234">
        <v>41234</v>
      </c>
      <c r="KD25" s="230">
        <v>146645</v>
      </c>
      <c r="KE25" s="120">
        <v>187879</v>
      </c>
      <c r="KF25" s="118">
        <v>0</v>
      </c>
      <c r="KG25" s="119">
        <v>1660737</v>
      </c>
      <c r="KH25" s="119">
        <v>2293555</v>
      </c>
      <c r="KI25" s="119">
        <v>2887911</v>
      </c>
      <c r="KJ25" s="119">
        <v>560604</v>
      </c>
      <c r="KK25" s="119">
        <v>305530</v>
      </c>
      <c r="KL25" s="120">
        <v>7708337</v>
      </c>
      <c r="KM25" s="143">
        <v>7896216</v>
      </c>
      <c r="KN25" s="232">
        <v>0</v>
      </c>
      <c r="KO25" s="236">
        <v>426622</v>
      </c>
      <c r="KP25" s="237">
        <v>426622</v>
      </c>
      <c r="KQ25" s="140"/>
      <c r="KR25" s="119">
        <v>6019270</v>
      </c>
      <c r="KS25" s="119">
        <v>6879004</v>
      </c>
      <c r="KT25" s="119">
        <v>10468567</v>
      </c>
      <c r="KU25" s="119">
        <v>5132461</v>
      </c>
      <c r="KV25" s="119">
        <v>4043248</v>
      </c>
      <c r="KW25" s="120">
        <v>32542550</v>
      </c>
      <c r="KX25" s="320">
        <v>32969172</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5161458</v>
      </c>
      <c r="MK25" s="119">
        <v>19472252</v>
      </c>
      <c r="ML25" s="119">
        <v>51009069</v>
      </c>
      <c r="MM25" s="119">
        <v>81228204</v>
      </c>
      <c r="MN25" s="119">
        <v>46669212</v>
      </c>
      <c r="MO25" s="120">
        <v>203540195</v>
      </c>
      <c r="MP25" s="143">
        <v>203540195</v>
      </c>
      <c r="MQ25" s="142">
        <v>0</v>
      </c>
      <c r="MR25" s="119">
        <v>0</v>
      </c>
      <c r="MS25" s="120">
        <v>0</v>
      </c>
      <c r="MT25" s="145"/>
      <c r="MU25" s="119">
        <v>886788</v>
      </c>
      <c r="MV25" s="119">
        <v>7849238</v>
      </c>
      <c r="MW25" s="119">
        <v>38441554</v>
      </c>
      <c r="MX25" s="119">
        <v>62696818</v>
      </c>
      <c r="MY25" s="119">
        <v>35650991</v>
      </c>
      <c r="MZ25" s="120">
        <v>145525389</v>
      </c>
      <c r="NA25" s="143">
        <v>145525389</v>
      </c>
      <c r="NB25" s="142">
        <v>0</v>
      </c>
      <c r="NC25" s="119">
        <v>0</v>
      </c>
      <c r="ND25" s="120">
        <v>0</v>
      </c>
      <c r="NE25" s="145"/>
      <c r="NF25" s="119">
        <v>4274670</v>
      </c>
      <c r="NG25" s="119">
        <v>11623014</v>
      </c>
      <c r="NH25" s="119">
        <v>12567515</v>
      </c>
      <c r="NI25" s="119">
        <v>17761283</v>
      </c>
      <c r="NJ25" s="119">
        <v>7115398</v>
      </c>
      <c r="NK25" s="120">
        <v>53341880</v>
      </c>
      <c r="NL25" s="320">
        <v>53341880</v>
      </c>
      <c r="NM25" s="142">
        <v>0</v>
      </c>
      <c r="NN25" s="119">
        <v>0</v>
      </c>
      <c r="NO25" s="120">
        <v>0</v>
      </c>
      <c r="NP25" s="145"/>
      <c r="NQ25" s="119">
        <v>0</v>
      </c>
      <c r="NR25" s="119">
        <v>0</v>
      </c>
      <c r="NS25" s="119">
        <v>0</v>
      </c>
      <c r="NT25" s="119">
        <v>326232</v>
      </c>
      <c r="NU25" s="119">
        <v>0</v>
      </c>
      <c r="NV25" s="120">
        <v>326232</v>
      </c>
      <c r="NW25" s="121">
        <v>326232</v>
      </c>
      <c r="NX25" s="142">
        <v>0</v>
      </c>
      <c r="NY25" s="119">
        <v>0</v>
      </c>
      <c r="NZ25" s="120">
        <v>0</v>
      </c>
      <c r="OA25" s="145"/>
      <c r="OB25" s="119">
        <v>0</v>
      </c>
      <c r="OC25" s="119">
        <v>0</v>
      </c>
      <c r="OD25" s="119">
        <v>0</v>
      </c>
      <c r="OE25" s="119">
        <v>443871</v>
      </c>
      <c r="OF25" s="119">
        <v>3902823</v>
      </c>
      <c r="OG25" s="120">
        <v>4346694</v>
      </c>
      <c r="OH25" s="121">
        <v>4346694</v>
      </c>
      <c r="OI25" s="142">
        <v>5333449</v>
      </c>
      <c r="OJ25" s="119">
        <v>13979734</v>
      </c>
      <c r="OK25" s="141">
        <v>19313183</v>
      </c>
      <c r="OL25" s="118">
        <v>0</v>
      </c>
      <c r="OM25" s="119">
        <v>106217432</v>
      </c>
      <c r="ON25" s="119">
        <v>111956003</v>
      </c>
      <c r="OO25" s="119">
        <v>147126994</v>
      </c>
      <c r="OP25" s="119">
        <v>154706847</v>
      </c>
      <c r="OQ25" s="119">
        <v>90945632</v>
      </c>
      <c r="OR25" s="120">
        <v>610952908</v>
      </c>
      <c r="OS25" s="143">
        <v>630266091</v>
      </c>
    </row>
    <row r="26" spans="2:409" ht="21" customHeight="1" x14ac:dyDescent="0.2">
      <c r="B26" s="62" t="s">
        <v>21</v>
      </c>
      <c r="C26" s="110">
        <v>6001874</v>
      </c>
      <c r="D26" s="114">
        <v>12515369</v>
      </c>
      <c r="E26" s="113">
        <v>18517243</v>
      </c>
      <c r="F26" s="109">
        <v>0</v>
      </c>
      <c r="G26" s="114">
        <v>64940037</v>
      </c>
      <c r="H26" s="114">
        <v>103778537</v>
      </c>
      <c r="I26" s="114">
        <v>94918852</v>
      </c>
      <c r="J26" s="114">
        <v>72695649</v>
      </c>
      <c r="K26" s="114">
        <v>57614781</v>
      </c>
      <c r="L26" s="173">
        <v>393947856</v>
      </c>
      <c r="M26" s="116">
        <v>412465099</v>
      </c>
      <c r="N26" s="110">
        <v>2080059</v>
      </c>
      <c r="O26" s="114">
        <v>4032414</v>
      </c>
      <c r="P26" s="113">
        <v>6112473</v>
      </c>
      <c r="Q26" s="110">
        <v>0</v>
      </c>
      <c r="R26" s="114">
        <v>18716519</v>
      </c>
      <c r="S26" s="114">
        <v>35371313</v>
      </c>
      <c r="T26" s="114">
        <v>31692931</v>
      </c>
      <c r="U26" s="114">
        <v>34271947</v>
      </c>
      <c r="V26" s="114">
        <v>27812512</v>
      </c>
      <c r="W26" s="113">
        <v>147865222</v>
      </c>
      <c r="X26" s="116">
        <v>153977695</v>
      </c>
      <c r="Y26" s="110">
        <v>0</v>
      </c>
      <c r="Z26" s="114">
        <v>0</v>
      </c>
      <c r="AA26" s="113">
        <v>0</v>
      </c>
      <c r="AB26" s="110">
        <v>0</v>
      </c>
      <c r="AC26" s="114">
        <v>7491763</v>
      </c>
      <c r="AD26" s="114">
        <v>17911635</v>
      </c>
      <c r="AE26" s="114">
        <v>18113758</v>
      </c>
      <c r="AF26" s="114">
        <v>21107389</v>
      </c>
      <c r="AG26" s="114">
        <v>16863635</v>
      </c>
      <c r="AH26" s="113">
        <v>81488180</v>
      </c>
      <c r="AI26" s="116">
        <v>81488180</v>
      </c>
      <c r="AJ26" s="110">
        <v>0</v>
      </c>
      <c r="AK26" s="114">
        <v>0</v>
      </c>
      <c r="AL26" s="113">
        <v>0</v>
      </c>
      <c r="AM26" s="110">
        <v>0</v>
      </c>
      <c r="AN26" s="114">
        <v>0</v>
      </c>
      <c r="AO26" s="114">
        <v>301568</v>
      </c>
      <c r="AP26" s="114">
        <v>1308597</v>
      </c>
      <c r="AQ26" s="114">
        <v>2048387</v>
      </c>
      <c r="AR26" s="114">
        <v>2803209</v>
      </c>
      <c r="AS26" s="113">
        <v>6461761</v>
      </c>
      <c r="AT26" s="116">
        <v>6461761</v>
      </c>
      <c r="AU26" s="110">
        <v>1133674</v>
      </c>
      <c r="AV26" s="114">
        <v>2510103</v>
      </c>
      <c r="AW26" s="113">
        <v>3643777</v>
      </c>
      <c r="AX26" s="110">
        <v>0</v>
      </c>
      <c r="AY26" s="114">
        <v>7440869</v>
      </c>
      <c r="AZ26" s="114">
        <v>11219777</v>
      </c>
      <c r="BA26" s="114">
        <v>7168392</v>
      </c>
      <c r="BB26" s="114">
        <v>7283041</v>
      </c>
      <c r="BC26" s="114">
        <v>4845828</v>
      </c>
      <c r="BD26" s="113">
        <v>37957907</v>
      </c>
      <c r="BE26" s="116">
        <v>41601684</v>
      </c>
      <c r="BF26" s="110">
        <v>418201</v>
      </c>
      <c r="BG26" s="114">
        <v>898790</v>
      </c>
      <c r="BH26" s="112">
        <v>1316991</v>
      </c>
      <c r="BI26" s="111">
        <v>0</v>
      </c>
      <c r="BJ26" s="114">
        <v>535413</v>
      </c>
      <c r="BK26" s="114">
        <v>1177548</v>
      </c>
      <c r="BL26" s="114">
        <v>446001</v>
      </c>
      <c r="BM26" s="114">
        <v>523143</v>
      </c>
      <c r="BN26" s="114">
        <v>209256</v>
      </c>
      <c r="BO26" s="113">
        <v>2891361</v>
      </c>
      <c r="BP26" s="116">
        <v>4208352</v>
      </c>
      <c r="BQ26" s="110">
        <v>528184</v>
      </c>
      <c r="BR26" s="114">
        <v>623521</v>
      </c>
      <c r="BS26" s="113">
        <v>1151705</v>
      </c>
      <c r="BT26" s="110">
        <v>0</v>
      </c>
      <c r="BU26" s="114">
        <v>3248474</v>
      </c>
      <c r="BV26" s="114">
        <v>4760785</v>
      </c>
      <c r="BW26" s="114">
        <v>4656183</v>
      </c>
      <c r="BX26" s="114">
        <v>3309987</v>
      </c>
      <c r="BY26" s="114">
        <v>3090584</v>
      </c>
      <c r="BZ26" s="113">
        <v>19066013</v>
      </c>
      <c r="CA26" s="116">
        <v>20217718</v>
      </c>
      <c r="CB26" s="110">
        <v>657852</v>
      </c>
      <c r="CC26" s="114">
        <v>2109383</v>
      </c>
      <c r="CD26" s="113">
        <v>2767235</v>
      </c>
      <c r="CE26" s="110">
        <v>0</v>
      </c>
      <c r="CF26" s="114">
        <v>20106758</v>
      </c>
      <c r="CG26" s="114">
        <v>28991310</v>
      </c>
      <c r="CH26" s="114">
        <v>23555794</v>
      </c>
      <c r="CI26" s="114">
        <v>11181623</v>
      </c>
      <c r="CJ26" s="114">
        <v>5837314</v>
      </c>
      <c r="CK26" s="113">
        <v>89672799</v>
      </c>
      <c r="CL26" s="116">
        <v>92440034</v>
      </c>
      <c r="CM26" s="110">
        <v>0</v>
      </c>
      <c r="CN26" s="114">
        <v>0</v>
      </c>
      <c r="CO26" s="113">
        <v>0</v>
      </c>
      <c r="CP26" s="111">
        <v>0</v>
      </c>
      <c r="CQ26" s="114">
        <v>16650790</v>
      </c>
      <c r="CR26" s="114">
        <v>24086469</v>
      </c>
      <c r="CS26" s="114">
        <v>19936547</v>
      </c>
      <c r="CT26" s="114">
        <v>9851667</v>
      </c>
      <c r="CU26" s="114">
        <v>4572560</v>
      </c>
      <c r="CV26" s="113">
        <v>75098033</v>
      </c>
      <c r="CW26" s="116">
        <v>75098033</v>
      </c>
      <c r="CX26" s="110">
        <v>657852</v>
      </c>
      <c r="CY26" s="114">
        <v>2109383</v>
      </c>
      <c r="CZ26" s="113">
        <v>2767235</v>
      </c>
      <c r="DA26" s="110">
        <v>0</v>
      </c>
      <c r="DB26" s="114">
        <v>3455968</v>
      </c>
      <c r="DC26" s="114">
        <v>4904841</v>
      </c>
      <c r="DD26" s="114">
        <v>3619247</v>
      </c>
      <c r="DE26" s="114">
        <v>1329956</v>
      </c>
      <c r="DF26" s="114">
        <v>1264754</v>
      </c>
      <c r="DG26" s="113">
        <v>14574766</v>
      </c>
      <c r="DH26" s="116">
        <v>17342001</v>
      </c>
      <c r="DI26" s="110">
        <v>24111</v>
      </c>
      <c r="DJ26" s="114">
        <v>107548</v>
      </c>
      <c r="DK26" s="112">
        <v>131659</v>
      </c>
      <c r="DL26" s="111">
        <v>0</v>
      </c>
      <c r="DM26" s="114">
        <v>1526573</v>
      </c>
      <c r="DN26" s="114">
        <v>4252750</v>
      </c>
      <c r="DO26" s="114">
        <v>9302694</v>
      </c>
      <c r="DP26" s="114">
        <v>6265917</v>
      </c>
      <c r="DQ26" s="114">
        <v>6198070</v>
      </c>
      <c r="DR26" s="113">
        <v>27546004</v>
      </c>
      <c r="DS26" s="116">
        <v>27677663</v>
      </c>
      <c r="DT26" s="110">
        <v>24111</v>
      </c>
      <c r="DU26" s="114">
        <v>107548</v>
      </c>
      <c r="DV26" s="113">
        <v>131659</v>
      </c>
      <c r="DW26" s="110">
        <v>0</v>
      </c>
      <c r="DX26" s="114">
        <v>1526573</v>
      </c>
      <c r="DY26" s="114">
        <v>4143794</v>
      </c>
      <c r="DZ26" s="114">
        <v>9189356</v>
      </c>
      <c r="EA26" s="114">
        <v>6155550</v>
      </c>
      <c r="EB26" s="114">
        <v>5740873</v>
      </c>
      <c r="EC26" s="113">
        <v>26756146</v>
      </c>
      <c r="ED26" s="116">
        <v>26887805</v>
      </c>
      <c r="EE26" s="110">
        <v>0</v>
      </c>
      <c r="EF26" s="112">
        <v>0</v>
      </c>
      <c r="EG26" s="113">
        <v>0</v>
      </c>
      <c r="EH26" s="110">
        <v>0</v>
      </c>
      <c r="EI26" s="114">
        <v>0</v>
      </c>
      <c r="EJ26" s="114">
        <v>108956</v>
      </c>
      <c r="EK26" s="114">
        <v>113338</v>
      </c>
      <c r="EL26" s="114">
        <v>110367</v>
      </c>
      <c r="EM26" s="114">
        <v>457197</v>
      </c>
      <c r="EN26" s="112">
        <v>789858</v>
      </c>
      <c r="EO26" s="116">
        <v>789858</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1326506</v>
      </c>
      <c r="FM26" s="114">
        <v>2934018</v>
      </c>
      <c r="FN26" s="113">
        <v>4260524</v>
      </c>
      <c r="FO26" s="110">
        <v>0</v>
      </c>
      <c r="FP26" s="114">
        <v>3157627</v>
      </c>
      <c r="FQ26" s="114">
        <v>9226327</v>
      </c>
      <c r="FR26" s="114">
        <v>6262754</v>
      </c>
      <c r="FS26" s="114">
        <v>6107116</v>
      </c>
      <c r="FT26" s="114">
        <v>3674085</v>
      </c>
      <c r="FU26" s="113">
        <v>28427909</v>
      </c>
      <c r="FV26" s="116">
        <v>32688433</v>
      </c>
      <c r="FW26" s="115">
        <v>820472</v>
      </c>
      <c r="FX26" s="114">
        <v>2402088</v>
      </c>
      <c r="FY26" s="112">
        <v>3222560</v>
      </c>
      <c r="FZ26" s="111">
        <v>0</v>
      </c>
      <c r="GA26" s="114">
        <v>2664054</v>
      </c>
      <c r="GB26" s="114">
        <v>8739053</v>
      </c>
      <c r="GC26" s="114">
        <v>5936347</v>
      </c>
      <c r="GD26" s="114">
        <v>5818666</v>
      </c>
      <c r="GE26" s="114">
        <v>3614865</v>
      </c>
      <c r="GF26" s="113">
        <v>26772985</v>
      </c>
      <c r="GG26" s="318">
        <v>29995545</v>
      </c>
      <c r="GH26" s="115">
        <v>63673</v>
      </c>
      <c r="GI26" s="114">
        <v>51588</v>
      </c>
      <c r="GJ26" s="112">
        <v>115261</v>
      </c>
      <c r="GK26" s="111">
        <v>0</v>
      </c>
      <c r="GL26" s="114">
        <v>92353</v>
      </c>
      <c r="GM26" s="114">
        <v>147491</v>
      </c>
      <c r="GN26" s="114">
        <v>68107</v>
      </c>
      <c r="GO26" s="114">
        <v>65250</v>
      </c>
      <c r="GP26" s="114">
        <v>0</v>
      </c>
      <c r="GQ26" s="113">
        <v>373201</v>
      </c>
      <c r="GR26" s="116">
        <v>488462</v>
      </c>
      <c r="GS26" s="110">
        <v>442361</v>
      </c>
      <c r="GT26" s="114">
        <v>480342</v>
      </c>
      <c r="GU26" s="113">
        <v>922703</v>
      </c>
      <c r="GV26" s="110">
        <v>0</v>
      </c>
      <c r="GW26" s="114">
        <v>401220</v>
      </c>
      <c r="GX26" s="114">
        <v>339783</v>
      </c>
      <c r="GY26" s="114">
        <v>258300</v>
      </c>
      <c r="GZ26" s="114">
        <v>223200</v>
      </c>
      <c r="HA26" s="114">
        <v>59220</v>
      </c>
      <c r="HB26" s="112">
        <v>1281723</v>
      </c>
      <c r="HC26" s="116">
        <v>2204426</v>
      </c>
      <c r="HD26" s="110">
        <v>766890</v>
      </c>
      <c r="HE26" s="114">
        <v>1407557</v>
      </c>
      <c r="HF26" s="112">
        <v>2174447</v>
      </c>
      <c r="HG26" s="111">
        <v>0</v>
      </c>
      <c r="HH26" s="114">
        <v>10404341</v>
      </c>
      <c r="HI26" s="114">
        <v>12897778</v>
      </c>
      <c r="HJ26" s="114">
        <v>15934317</v>
      </c>
      <c r="HK26" s="114">
        <v>9300393</v>
      </c>
      <c r="HL26" s="114">
        <v>11066262</v>
      </c>
      <c r="HM26" s="113">
        <v>59603091</v>
      </c>
      <c r="HN26" s="109">
        <v>61777538</v>
      </c>
      <c r="HO26" s="115">
        <v>1146456</v>
      </c>
      <c r="HP26" s="114">
        <v>1924449</v>
      </c>
      <c r="HQ26" s="113">
        <v>3070905</v>
      </c>
      <c r="HR26" s="110">
        <v>0</v>
      </c>
      <c r="HS26" s="114">
        <v>11028219</v>
      </c>
      <c r="HT26" s="114">
        <v>13039059</v>
      </c>
      <c r="HU26" s="114">
        <v>8170362</v>
      </c>
      <c r="HV26" s="114">
        <v>5568653</v>
      </c>
      <c r="HW26" s="114">
        <v>3026538</v>
      </c>
      <c r="HX26" s="112">
        <v>40832831</v>
      </c>
      <c r="HY26" s="116">
        <v>43903736</v>
      </c>
      <c r="HZ26" s="150">
        <v>0</v>
      </c>
      <c r="IA26" s="135">
        <v>0</v>
      </c>
      <c r="IB26" s="150">
        <v>0</v>
      </c>
      <c r="IC26" s="134">
        <v>0</v>
      </c>
      <c r="ID26" s="135">
        <v>14765442</v>
      </c>
      <c r="IE26" s="136">
        <v>24371780</v>
      </c>
      <c r="IF26" s="137">
        <v>20719430</v>
      </c>
      <c r="IG26" s="135">
        <v>11495072</v>
      </c>
      <c r="IH26" s="137">
        <v>10222257</v>
      </c>
      <c r="II26" s="138">
        <v>81573981</v>
      </c>
      <c r="IJ26" s="150">
        <v>81573981</v>
      </c>
      <c r="IK26" s="232">
        <v>0</v>
      </c>
      <c r="IL26" s="236">
        <v>0</v>
      </c>
      <c r="IM26" s="237">
        <v>0</v>
      </c>
      <c r="IN26" s="140"/>
      <c r="IO26" s="119">
        <v>81373</v>
      </c>
      <c r="IP26" s="119">
        <v>584097</v>
      </c>
      <c r="IQ26" s="119">
        <v>218340</v>
      </c>
      <c r="IR26" s="119">
        <v>1396161</v>
      </c>
      <c r="IS26" s="119">
        <v>0</v>
      </c>
      <c r="IT26" s="141">
        <v>2279971</v>
      </c>
      <c r="IU26" s="320">
        <v>2279971</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8091642</v>
      </c>
      <c r="JL26" s="119">
        <v>11808631</v>
      </c>
      <c r="JM26" s="119">
        <v>6494850</v>
      </c>
      <c r="JN26" s="119">
        <v>3132768</v>
      </c>
      <c r="JO26" s="119">
        <v>2222759</v>
      </c>
      <c r="JP26" s="120">
        <v>31750650</v>
      </c>
      <c r="JQ26" s="320">
        <v>31750650</v>
      </c>
      <c r="JR26" s="142">
        <v>0</v>
      </c>
      <c r="JS26" s="119">
        <v>0</v>
      </c>
      <c r="JT26" s="141">
        <v>0</v>
      </c>
      <c r="JU26" s="118">
        <v>0</v>
      </c>
      <c r="JV26" s="119">
        <v>0</v>
      </c>
      <c r="JW26" s="119">
        <v>0</v>
      </c>
      <c r="JX26" s="119">
        <v>24521</v>
      </c>
      <c r="JY26" s="119">
        <v>0</v>
      </c>
      <c r="JZ26" s="119">
        <v>301260</v>
      </c>
      <c r="KA26" s="120">
        <v>325781</v>
      </c>
      <c r="KB26" s="320">
        <v>325781</v>
      </c>
      <c r="KC26" s="234">
        <v>0</v>
      </c>
      <c r="KD26" s="230">
        <v>0</v>
      </c>
      <c r="KE26" s="120">
        <v>0</v>
      </c>
      <c r="KF26" s="118">
        <v>0</v>
      </c>
      <c r="KG26" s="119">
        <v>843367</v>
      </c>
      <c r="KH26" s="119">
        <v>1078608</v>
      </c>
      <c r="KI26" s="119">
        <v>3247801</v>
      </c>
      <c r="KJ26" s="119">
        <v>2488933</v>
      </c>
      <c r="KK26" s="119">
        <v>2033063</v>
      </c>
      <c r="KL26" s="120">
        <v>9691772</v>
      </c>
      <c r="KM26" s="143">
        <v>9691772</v>
      </c>
      <c r="KN26" s="232">
        <v>0</v>
      </c>
      <c r="KO26" s="236">
        <v>0</v>
      </c>
      <c r="KP26" s="237">
        <v>0</v>
      </c>
      <c r="KQ26" s="140"/>
      <c r="KR26" s="119">
        <v>5459578</v>
      </c>
      <c r="KS26" s="119">
        <v>10306279</v>
      </c>
      <c r="KT26" s="119">
        <v>10514215</v>
      </c>
      <c r="KU26" s="119">
        <v>4168082</v>
      </c>
      <c r="KV26" s="119">
        <v>3574210</v>
      </c>
      <c r="KW26" s="120">
        <v>34022364</v>
      </c>
      <c r="KX26" s="320">
        <v>34022364</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289482</v>
      </c>
      <c r="LZ26" s="119">
        <v>594165</v>
      </c>
      <c r="MA26" s="119">
        <v>219703</v>
      </c>
      <c r="MB26" s="119">
        <v>309128</v>
      </c>
      <c r="MC26" s="119">
        <v>2090965</v>
      </c>
      <c r="MD26" s="120">
        <v>3503443</v>
      </c>
      <c r="ME26" s="121">
        <v>3503443</v>
      </c>
      <c r="MF26" s="142">
        <v>0</v>
      </c>
      <c r="MG26" s="119">
        <v>0</v>
      </c>
      <c r="MH26" s="120">
        <v>0</v>
      </c>
      <c r="MI26" s="145"/>
      <c r="MJ26" s="119">
        <v>6575467</v>
      </c>
      <c r="MK26" s="119">
        <v>12019099</v>
      </c>
      <c r="ML26" s="119">
        <v>60859307</v>
      </c>
      <c r="MM26" s="119">
        <v>74846028</v>
      </c>
      <c r="MN26" s="119">
        <v>56584982</v>
      </c>
      <c r="MO26" s="120">
        <v>210884883</v>
      </c>
      <c r="MP26" s="143">
        <v>210884883</v>
      </c>
      <c r="MQ26" s="142">
        <v>0</v>
      </c>
      <c r="MR26" s="119">
        <v>0</v>
      </c>
      <c r="MS26" s="120">
        <v>0</v>
      </c>
      <c r="MT26" s="145"/>
      <c r="MU26" s="119">
        <v>695997</v>
      </c>
      <c r="MV26" s="119">
        <v>3976020</v>
      </c>
      <c r="MW26" s="119">
        <v>48042899</v>
      </c>
      <c r="MX26" s="119">
        <v>50319162</v>
      </c>
      <c r="MY26" s="119">
        <v>44542656</v>
      </c>
      <c r="MZ26" s="120">
        <v>147576734</v>
      </c>
      <c r="NA26" s="143">
        <v>147576734</v>
      </c>
      <c r="NB26" s="142">
        <v>0</v>
      </c>
      <c r="NC26" s="119">
        <v>0</v>
      </c>
      <c r="ND26" s="120">
        <v>0</v>
      </c>
      <c r="NE26" s="145"/>
      <c r="NF26" s="119">
        <v>5879470</v>
      </c>
      <c r="NG26" s="119">
        <v>8043079</v>
      </c>
      <c r="NH26" s="119">
        <v>11929550</v>
      </c>
      <c r="NI26" s="119">
        <v>20657924</v>
      </c>
      <c r="NJ26" s="119">
        <v>7737040</v>
      </c>
      <c r="NK26" s="120">
        <v>54247063</v>
      </c>
      <c r="NL26" s="320">
        <v>54247063</v>
      </c>
      <c r="NM26" s="142">
        <v>0</v>
      </c>
      <c r="NN26" s="119">
        <v>0</v>
      </c>
      <c r="NO26" s="120">
        <v>0</v>
      </c>
      <c r="NP26" s="145"/>
      <c r="NQ26" s="119">
        <v>0</v>
      </c>
      <c r="NR26" s="119">
        <v>0</v>
      </c>
      <c r="NS26" s="119">
        <v>362074</v>
      </c>
      <c r="NT26" s="119">
        <v>1002798</v>
      </c>
      <c r="NU26" s="119">
        <v>350051</v>
      </c>
      <c r="NV26" s="120">
        <v>1714923</v>
      </c>
      <c r="NW26" s="121">
        <v>1714923</v>
      </c>
      <c r="NX26" s="142">
        <v>0</v>
      </c>
      <c r="NY26" s="119">
        <v>0</v>
      </c>
      <c r="NZ26" s="120">
        <v>0</v>
      </c>
      <c r="OA26" s="145"/>
      <c r="OB26" s="119">
        <v>0</v>
      </c>
      <c r="OC26" s="119">
        <v>0</v>
      </c>
      <c r="OD26" s="119">
        <v>524784</v>
      </c>
      <c r="OE26" s="119">
        <v>2866144</v>
      </c>
      <c r="OF26" s="119">
        <v>3955235</v>
      </c>
      <c r="OG26" s="120">
        <v>7346163</v>
      </c>
      <c r="OH26" s="121">
        <v>7346163</v>
      </c>
      <c r="OI26" s="142">
        <v>6001874</v>
      </c>
      <c r="OJ26" s="119">
        <v>12515369</v>
      </c>
      <c r="OK26" s="141">
        <v>18517243</v>
      </c>
      <c r="OL26" s="118">
        <v>0</v>
      </c>
      <c r="OM26" s="119">
        <v>86280946</v>
      </c>
      <c r="ON26" s="119">
        <v>140169416</v>
      </c>
      <c r="OO26" s="119">
        <v>176497589</v>
      </c>
      <c r="OP26" s="119">
        <v>159036749</v>
      </c>
      <c r="OQ26" s="119">
        <v>124422020</v>
      </c>
      <c r="OR26" s="120">
        <v>686406720</v>
      </c>
      <c r="OS26" s="143">
        <v>704923963</v>
      </c>
    </row>
    <row r="27" spans="2:409" ht="21" customHeight="1" x14ac:dyDescent="0.2">
      <c r="B27" s="62" t="s">
        <v>22</v>
      </c>
      <c r="C27" s="110">
        <v>1018526</v>
      </c>
      <c r="D27" s="114">
        <v>2948624</v>
      </c>
      <c r="E27" s="113">
        <v>3967150</v>
      </c>
      <c r="F27" s="109">
        <v>0</v>
      </c>
      <c r="G27" s="114">
        <v>26245382</v>
      </c>
      <c r="H27" s="114">
        <v>31729859</v>
      </c>
      <c r="I27" s="114">
        <v>24909346</v>
      </c>
      <c r="J27" s="114">
        <v>21678431</v>
      </c>
      <c r="K27" s="114">
        <v>16800459</v>
      </c>
      <c r="L27" s="173">
        <v>121363477</v>
      </c>
      <c r="M27" s="116">
        <v>125330627</v>
      </c>
      <c r="N27" s="110">
        <v>124392</v>
      </c>
      <c r="O27" s="114">
        <v>345082</v>
      </c>
      <c r="P27" s="113">
        <v>469474</v>
      </c>
      <c r="Q27" s="110">
        <v>0</v>
      </c>
      <c r="R27" s="114">
        <v>4695239</v>
      </c>
      <c r="S27" s="114">
        <v>7595248</v>
      </c>
      <c r="T27" s="114">
        <v>4631402</v>
      </c>
      <c r="U27" s="114">
        <v>6861882</v>
      </c>
      <c r="V27" s="114">
        <v>8510498</v>
      </c>
      <c r="W27" s="113">
        <v>32294269</v>
      </c>
      <c r="X27" s="116">
        <v>32763743</v>
      </c>
      <c r="Y27" s="110">
        <v>0</v>
      </c>
      <c r="Z27" s="114">
        <v>0</v>
      </c>
      <c r="AA27" s="113">
        <v>0</v>
      </c>
      <c r="AB27" s="110">
        <v>0</v>
      </c>
      <c r="AC27" s="114">
        <v>1853409</v>
      </c>
      <c r="AD27" s="114">
        <v>3290010</v>
      </c>
      <c r="AE27" s="114">
        <v>2180157</v>
      </c>
      <c r="AF27" s="114">
        <v>4174026</v>
      </c>
      <c r="AG27" s="114">
        <v>5212955</v>
      </c>
      <c r="AH27" s="113">
        <v>16710557</v>
      </c>
      <c r="AI27" s="116">
        <v>16710557</v>
      </c>
      <c r="AJ27" s="110">
        <v>0</v>
      </c>
      <c r="AK27" s="114">
        <v>0</v>
      </c>
      <c r="AL27" s="113">
        <v>0</v>
      </c>
      <c r="AM27" s="110">
        <v>0</v>
      </c>
      <c r="AN27" s="114">
        <v>61461</v>
      </c>
      <c r="AO27" s="114">
        <v>86049</v>
      </c>
      <c r="AP27" s="114">
        <v>188604</v>
      </c>
      <c r="AQ27" s="114">
        <v>480340</v>
      </c>
      <c r="AR27" s="114">
        <v>1126516</v>
      </c>
      <c r="AS27" s="113">
        <v>1942970</v>
      </c>
      <c r="AT27" s="116">
        <v>1942970</v>
      </c>
      <c r="AU27" s="110">
        <v>76548</v>
      </c>
      <c r="AV27" s="114">
        <v>228109</v>
      </c>
      <c r="AW27" s="113">
        <v>304657</v>
      </c>
      <c r="AX27" s="110">
        <v>0</v>
      </c>
      <c r="AY27" s="114">
        <v>1604724</v>
      </c>
      <c r="AZ27" s="114">
        <v>2530796</v>
      </c>
      <c r="BA27" s="114">
        <v>1047641</v>
      </c>
      <c r="BB27" s="114">
        <v>1435841</v>
      </c>
      <c r="BC27" s="114">
        <v>1390218</v>
      </c>
      <c r="BD27" s="113">
        <v>8009220</v>
      </c>
      <c r="BE27" s="116">
        <v>8313877</v>
      </c>
      <c r="BF27" s="110">
        <v>0</v>
      </c>
      <c r="BG27" s="114">
        <v>34884</v>
      </c>
      <c r="BH27" s="112">
        <v>34884</v>
      </c>
      <c r="BI27" s="111">
        <v>0</v>
      </c>
      <c r="BJ27" s="114">
        <v>237670</v>
      </c>
      <c r="BK27" s="114">
        <v>652571</v>
      </c>
      <c r="BL27" s="114">
        <v>287940</v>
      </c>
      <c r="BM27" s="114">
        <v>128110</v>
      </c>
      <c r="BN27" s="114">
        <v>230959</v>
      </c>
      <c r="BO27" s="113">
        <v>1537250</v>
      </c>
      <c r="BP27" s="116">
        <v>1572134</v>
      </c>
      <c r="BQ27" s="110">
        <v>47844</v>
      </c>
      <c r="BR27" s="114">
        <v>82089</v>
      </c>
      <c r="BS27" s="113">
        <v>129933</v>
      </c>
      <c r="BT27" s="110">
        <v>0</v>
      </c>
      <c r="BU27" s="114">
        <v>937975</v>
      </c>
      <c r="BV27" s="114">
        <v>1035822</v>
      </c>
      <c r="BW27" s="114">
        <v>927060</v>
      </c>
      <c r="BX27" s="114">
        <v>643565</v>
      </c>
      <c r="BY27" s="114">
        <v>549850</v>
      </c>
      <c r="BZ27" s="113">
        <v>4094272</v>
      </c>
      <c r="CA27" s="116">
        <v>4224205</v>
      </c>
      <c r="CB27" s="110">
        <v>23186</v>
      </c>
      <c r="CC27" s="114">
        <v>345273</v>
      </c>
      <c r="CD27" s="113">
        <v>368459</v>
      </c>
      <c r="CE27" s="110">
        <v>0</v>
      </c>
      <c r="CF27" s="114">
        <v>8060414</v>
      </c>
      <c r="CG27" s="114">
        <v>9040937</v>
      </c>
      <c r="CH27" s="114">
        <v>5252378</v>
      </c>
      <c r="CI27" s="114">
        <v>4026875</v>
      </c>
      <c r="CJ27" s="114">
        <v>2158210</v>
      </c>
      <c r="CK27" s="113">
        <v>28538814</v>
      </c>
      <c r="CL27" s="116">
        <v>28907273</v>
      </c>
      <c r="CM27" s="110">
        <v>0</v>
      </c>
      <c r="CN27" s="114">
        <v>0</v>
      </c>
      <c r="CO27" s="113">
        <v>0</v>
      </c>
      <c r="CP27" s="111">
        <v>0</v>
      </c>
      <c r="CQ27" s="114">
        <v>6985360</v>
      </c>
      <c r="CR27" s="114">
        <v>7816233</v>
      </c>
      <c r="CS27" s="114">
        <v>4281194</v>
      </c>
      <c r="CT27" s="114">
        <v>3023495</v>
      </c>
      <c r="CU27" s="114">
        <v>1900082</v>
      </c>
      <c r="CV27" s="113">
        <v>24006364</v>
      </c>
      <c r="CW27" s="116">
        <v>24006364</v>
      </c>
      <c r="CX27" s="110">
        <v>23186</v>
      </c>
      <c r="CY27" s="114">
        <v>345273</v>
      </c>
      <c r="CZ27" s="113">
        <v>368459</v>
      </c>
      <c r="DA27" s="110">
        <v>0</v>
      </c>
      <c r="DB27" s="114">
        <v>1075054</v>
      </c>
      <c r="DC27" s="114">
        <v>1224704</v>
      </c>
      <c r="DD27" s="114">
        <v>971184</v>
      </c>
      <c r="DE27" s="114">
        <v>1003380</v>
      </c>
      <c r="DF27" s="114">
        <v>258128</v>
      </c>
      <c r="DG27" s="113">
        <v>4532450</v>
      </c>
      <c r="DH27" s="116">
        <v>4900909</v>
      </c>
      <c r="DI27" s="110">
        <v>40137</v>
      </c>
      <c r="DJ27" s="114">
        <v>94266</v>
      </c>
      <c r="DK27" s="112">
        <v>134403</v>
      </c>
      <c r="DL27" s="111">
        <v>0</v>
      </c>
      <c r="DM27" s="114">
        <v>712117</v>
      </c>
      <c r="DN27" s="114">
        <v>2718005</v>
      </c>
      <c r="DO27" s="114">
        <v>4145743</v>
      </c>
      <c r="DP27" s="114">
        <v>2114065</v>
      </c>
      <c r="DQ27" s="114">
        <v>1046081</v>
      </c>
      <c r="DR27" s="113">
        <v>10736011</v>
      </c>
      <c r="DS27" s="116">
        <v>10870414</v>
      </c>
      <c r="DT27" s="110">
        <v>0</v>
      </c>
      <c r="DU27" s="114">
        <v>94266</v>
      </c>
      <c r="DV27" s="113">
        <v>94266</v>
      </c>
      <c r="DW27" s="110">
        <v>0</v>
      </c>
      <c r="DX27" s="114">
        <v>577981</v>
      </c>
      <c r="DY27" s="114">
        <v>2497651</v>
      </c>
      <c r="DZ27" s="114">
        <v>3751327</v>
      </c>
      <c r="EA27" s="114">
        <v>1736972</v>
      </c>
      <c r="EB27" s="114">
        <v>850336</v>
      </c>
      <c r="EC27" s="113">
        <v>9414267</v>
      </c>
      <c r="ED27" s="116">
        <v>9508533</v>
      </c>
      <c r="EE27" s="110">
        <v>40137</v>
      </c>
      <c r="EF27" s="112">
        <v>0</v>
      </c>
      <c r="EG27" s="113">
        <v>40137</v>
      </c>
      <c r="EH27" s="110">
        <v>0</v>
      </c>
      <c r="EI27" s="114">
        <v>134136</v>
      </c>
      <c r="EJ27" s="114">
        <v>220354</v>
      </c>
      <c r="EK27" s="114">
        <v>394416</v>
      </c>
      <c r="EL27" s="114">
        <v>377093</v>
      </c>
      <c r="EM27" s="114">
        <v>195745</v>
      </c>
      <c r="EN27" s="112">
        <v>1321744</v>
      </c>
      <c r="EO27" s="116">
        <v>1361881</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230962</v>
      </c>
      <c r="FM27" s="114">
        <v>1060532</v>
      </c>
      <c r="FN27" s="113">
        <v>1291494</v>
      </c>
      <c r="FO27" s="110">
        <v>0</v>
      </c>
      <c r="FP27" s="114">
        <v>1683498</v>
      </c>
      <c r="FQ27" s="114">
        <v>3385480</v>
      </c>
      <c r="FR27" s="114">
        <v>2067507</v>
      </c>
      <c r="FS27" s="114">
        <v>1730047</v>
      </c>
      <c r="FT27" s="114">
        <v>1626308</v>
      </c>
      <c r="FU27" s="113">
        <v>10492840</v>
      </c>
      <c r="FV27" s="116">
        <v>11784334</v>
      </c>
      <c r="FW27" s="115">
        <v>230962</v>
      </c>
      <c r="FX27" s="114">
        <v>880532</v>
      </c>
      <c r="FY27" s="112">
        <v>1111494</v>
      </c>
      <c r="FZ27" s="111">
        <v>0</v>
      </c>
      <c r="GA27" s="114">
        <v>1385724</v>
      </c>
      <c r="GB27" s="114">
        <v>2967070</v>
      </c>
      <c r="GC27" s="114">
        <v>1884951</v>
      </c>
      <c r="GD27" s="114">
        <v>1695397</v>
      </c>
      <c r="GE27" s="114">
        <v>1609764</v>
      </c>
      <c r="GF27" s="113">
        <v>9542906</v>
      </c>
      <c r="GG27" s="318">
        <v>10654400</v>
      </c>
      <c r="GH27" s="115">
        <v>0</v>
      </c>
      <c r="GI27" s="114">
        <v>0</v>
      </c>
      <c r="GJ27" s="112">
        <v>0</v>
      </c>
      <c r="GK27" s="111">
        <v>0</v>
      </c>
      <c r="GL27" s="114">
        <v>46404</v>
      </c>
      <c r="GM27" s="114">
        <v>110440</v>
      </c>
      <c r="GN27" s="114">
        <v>94635</v>
      </c>
      <c r="GO27" s="114">
        <v>34650</v>
      </c>
      <c r="GP27" s="114">
        <v>16544</v>
      </c>
      <c r="GQ27" s="113">
        <v>302673</v>
      </c>
      <c r="GR27" s="116">
        <v>302673</v>
      </c>
      <c r="GS27" s="110">
        <v>0</v>
      </c>
      <c r="GT27" s="114">
        <v>180000</v>
      </c>
      <c r="GU27" s="113">
        <v>180000</v>
      </c>
      <c r="GV27" s="110">
        <v>0</v>
      </c>
      <c r="GW27" s="114">
        <v>251370</v>
      </c>
      <c r="GX27" s="114">
        <v>307970</v>
      </c>
      <c r="GY27" s="114">
        <v>87921</v>
      </c>
      <c r="GZ27" s="114">
        <v>0</v>
      </c>
      <c r="HA27" s="114">
        <v>0</v>
      </c>
      <c r="HB27" s="112">
        <v>647261</v>
      </c>
      <c r="HC27" s="116">
        <v>827261</v>
      </c>
      <c r="HD27" s="110">
        <v>354329</v>
      </c>
      <c r="HE27" s="114">
        <v>401759</v>
      </c>
      <c r="HF27" s="112">
        <v>756088</v>
      </c>
      <c r="HG27" s="111">
        <v>0</v>
      </c>
      <c r="HH27" s="114">
        <v>5923794</v>
      </c>
      <c r="HI27" s="114">
        <v>4216777</v>
      </c>
      <c r="HJ27" s="114">
        <v>6212919</v>
      </c>
      <c r="HK27" s="114">
        <v>4962627</v>
      </c>
      <c r="HL27" s="114">
        <v>2210674</v>
      </c>
      <c r="HM27" s="113">
        <v>23526791</v>
      </c>
      <c r="HN27" s="109">
        <v>24282879</v>
      </c>
      <c r="HO27" s="115">
        <v>245520</v>
      </c>
      <c r="HP27" s="114">
        <v>701712</v>
      </c>
      <c r="HQ27" s="113">
        <v>947232</v>
      </c>
      <c r="HR27" s="110">
        <v>0</v>
      </c>
      <c r="HS27" s="114">
        <v>5170320</v>
      </c>
      <c r="HT27" s="114">
        <v>4773412</v>
      </c>
      <c r="HU27" s="114">
        <v>2599397</v>
      </c>
      <c r="HV27" s="114">
        <v>1982935</v>
      </c>
      <c r="HW27" s="114">
        <v>1248688</v>
      </c>
      <c r="HX27" s="112">
        <v>15774752</v>
      </c>
      <c r="HY27" s="116">
        <v>16721984</v>
      </c>
      <c r="HZ27" s="131">
        <v>113545</v>
      </c>
      <c r="IA27" s="132">
        <v>382794</v>
      </c>
      <c r="IB27" s="133">
        <v>496339</v>
      </c>
      <c r="IC27" s="146">
        <v>0</v>
      </c>
      <c r="ID27" s="132">
        <v>12557655</v>
      </c>
      <c r="IE27" s="147">
        <v>16006530</v>
      </c>
      <c r="IF27" s="133">
        <v>11887782</v>
      </c>
      <c r="IG27" s="132">
        <v>13100777</v>
      </c>
      <c r="IH27" s="133">
        <v>5587101</v>
      </c>
      <c r="II27" s="148">
        <v>59139845</v>
      </c>
      <c r="IJ27" s="139">
        <v>59636184</v>
      </c>
      <c r="IK27" s="232">
        <v>0</v>
      </c>
      <c r="IL27" s="236">
        <v>0</v>
      </c>
      <c r="IM27" s="237">
        <v>0</v>
      </c>
      <c r="IN27" s="140"/>
      <c r="IO27" s="119">
        <v>154581</v>
      </c>
      <c r="IP27" s="119">
        <v>653512</v>
      </c>
      <c r="IQ27" s="119">
        <v>841398</v>
      </c>
      <c r="IR27" s="119">
        <v>223623</v>
      </c>
      <c r="IS27" s="119">
        <v>0</v>
      </c>
      <c r="IT27" s="141">
        <v>1873114</v>
      </c>
      <c r="IU27" s="320">
        <v>1873114</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6757943</v>
      </c>
      <c r="JL27" s="119">
        <v>7061298</v>
      </c>
      <c r="JM27" s="119">
        <v>3270955</v>
      </c>
      <c r="JN27" s="119">
        <v>2953470</v>
      </c>
      <c r="JO27" s="119">
        <v>1373769</v>
      </c>
      <c r="JP27" s="120">
        <v>21417435</v>
      </c>
      <c r="JQ27" s="320">
        <v>21417435</v>
      </c>
      <c r="JR27" s="142">
        <v>0</v>
      </c>
      <c r="JS27" s="119">
        <v>0</v>
      </c>
      <c r="JT27" s="141">
        <v>0</v>
      </c>
      <c r="JU27" s="118">
        <v>0</v>
      </c>
      <c r="JV27" s="119">
        <v>383117</v>
      </c>
      <c r="JW27" s="119">
        <v>500292</v>
      </c>
      <c r="JX27" s="119">
        <v>332014</v>
      </c>
      <c r="JY27" s="119">
        <v>544082</v>
      </c>
      <c r="JZ27" s="119">
        <v>268092</v>
      </c>
      <c r="KA27" s="120">
        <v>2027597</v>
      </c>
      <c r="KB27" s="320">
        <v>2027597</v>
      </c>
      <c r="KC27" s="234">
        <v>113545</v>
      </c>
      <c r="KD27" s="230">
        <v>382794</v>
      </c>
      <c r="KE27" s="120">
        <v>496339</v>
      </c>
      <c r="KF27" s="118">
        <v>0</v>
      </c>
      <c r="KG27" s="119">
        <v>1978457</v>
      </c>
      <c r="KH27" s="119">
        <v>3189386</v>
      </c>
      <c r="KI27" s="119">
        <v>3029067</v>
      </c>
      <c r="KJ27" s="119">
        <v>2558151</v>
      </c>
      <c r="KK27" s="119">
        <v>1133298</v>
      </c>
      <c r="KL27" s="120">
        <v>11888359</v>
      </c>
      <c r="KM27" s="143">
        <v>12384698</v>
      </c>
      <c r="KN27" s="232">
        <v>0</v>
      </c>
      <c r="KO27" s="236">
        <v>0</v>
      </c>
      <c r="KP27" s="237">
        <v>0</v>
      </c>
      <c r="KQ27" s="140"/>
      <c r="KR27" s="119">
        <v>3283557</v>
      </c>
      <c r="KS27" s="119">
        <v>4602042</v>
      </c>
      <c r="KT27" s="119">
        <v>3198205</v>
      </c>
      <c r="KU27" s="119">
        <v>1640790</v>
      </c>
      <c r="KV27" s="119">
        <v>688779</v>
      </c>
      <c r="KW27" s="120">
        <v>13413373</v>
      </c>
      <c r="KX27" s="320">
        <v>13413373</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1216143</v>
      </c>
      <c r="LQ27" s="119">
        <v>5180661</v>
      </c>
      <c r="LR27" s="119">
        <v>2123163</v>
      </c>
      <c r="LS27" s="120">
        <v>8519967</v>
      </c>
      <c r="LT27" s="320">
        <v>8519967</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2839766</v>
      </c>
      <c r="MK27" s="119">
        <v>7505194</v>
      </c>
      <c r="ML27" s="119">
        <v>19387564</v>
      </c>
      <c r="MM27" s="119">
        <v>30658698</v>
      </c>
      <c r="MN27" s="119">
        <v>18868201</v>
      </c>
      <c r="MO27" s="120">
        <v>79259423</v>
      </c>
      <c r="MP27" s="143">
        <v>79259423</v>
      </c>
      <c r="MQ27" s="142">
        <v>0</v>
      </c>
      <c r="MR27" s="119">
        <v>0</v>
      </c>
      <c r="MS27" s="120">
        <v>0</v>
      </c>
      <c r="MT27" s="145"/>
      <c r="MU27" s="119">
        <v>478656</v>
      </c>
      <c r="MV27" s="119">
        <v>436050</v>
      </c>
      <c r="MW27" s="119">
        <v>11181652</v>
      </c>
      <c r="MX27" s="119">
        <v>16906846</v>
      </c>
      <c r="MY27" s="119">
        <v>10172799</v>
      </c>
      <c r="MZ27" s="120">
        <v>39176003</v>
      </c>
      <c r="NA27" s="143">
        <v>39176003</v>
      </c>
      <c r="NB27" s="142">
        <v>0</v>
      </c>
      <c r="NC27" s="119">
        <v>0</v>
      </c>
      <c r="ND27" s="120">
        <v>0</v>
      </c>
      <c r="NE27" s="145"/>
      <c r="NF27" s="119">
        <v>2361110</v>
      </c>
      <c r="NG27" s="119">
        <v>7069144</v>
      </c>
      <c r="NH27" s="119">
        <v>8205912</v>
      </c>
      <c r="NI27" s="119">
        <v>11779489</v>
      </c>
      <c r="NJ27" s="119">
        <v>6444533</v>
      </c>
      <c r="NK27" s="120">
        <v>35860188</v>
      </c>
      <c r="NL27" s="320">
        <v>35860188</v>
      </c>
      <c r="NM27" s="142">
        <v>0</v>
      </c>
      <c r="NN27" s="119">
        <v>0</v>
      </c>
      <c r="NO27" s="120">
        <v>0</v>
      </c>
      <c r="NP27" s="145"/>
      <c r="NQ27" s="119">
        <v>0</v>
      </c>
      <c r="NR27" s="119">
        <v>0</v>
      </c>
      <c r="NS27" s="119">
        <v>0</v>
      </c>
      <c r="NT27" s="119">
        <v>0</v>
      </c>
      <c r="NU27" s="119">
        <v>835033</v>
      </c>
      <c r="NV27" s="120">
        <v>835033</v>
      </c>
      <c r="NW27" s="121">
        <v>835033</v>
      </c>
      <c r="NX27" s="142">
        <v>0</v>
      </c>
      <c r="NY27" s="119">
        <v>0</v>
      </c>
      <c r="NZ27" s="120">
        <v>0</v>
      </c>
      <c r="OA27" s="145"/>
      <c r="OB27" s="119">
        <v>0</v>
      </c>
      <c r="OC27" s="119">
        <v>0</v>
      </c>
      <c r="OD27" s="119">
        <v>0</v>
      </c>
      <c r="OE27" s="119">
        <v>1972363</v>
      </c>
      <c r="OF27" s="119">
        <v>1415836</v>
      </c>
      <c r="OG27" s="120">
        <v>3388199</v>
      </c>
      <c r="OH27" s="121">
        <v>3388199</v>
      </c>
      <c r="OI27" s="142">
        <v>1132071</v>
      </c>
      <c r="OJ27" s="119">
        <v>3331418</v>
      </c>
      <c r="OK27" s="141">
        <v>4463489</v>
      </c>
      <c r="OL27" s="118">
        <v>0</v>
      </c>
      <c r="OM27" s="119">
        <v>41642803</v>
      </c>
      <c r="ON27" s="119">
        <v>55241583</v>
      </c>
      <c r="OO27" s="119">
        <v>56184692</v>
      </c>
      <c r="OP27" s="119">
        <v>65437906</v>
      </c>
      <c r="OQ27" s="119">
        <v>41255761</v>
      </c>
      <c r="OR27" s="120">
        <v>259762745</v>
      </c>
      <c r="OS27" s="143">
        <v>264226234</v>
      </c>
    </row>
    <row r="28" spans="2:409" ht="21" customHeight="1" x14ac:dyDescent="0.2">
      <c r="B28" s="62" t="s">
        <v>23</v>
      </c>
      <c r="C28" s="110">
        <v>3101128</v>
      </c>
      <c r="D28" s="114">
        <v>5865870</v>
      </c>
      <c r="E28" s="113">
        <v>8966998</v>
      </c>
      <c r="F28" s="109">
        <v>0</v>
      </c>
      <c r="G28" s="114">
        <v>50979431</v>
      </c>
      <c r="H28" s="114">
        <v>63744020</v>
      </c>
      <c r="I28" s="114">
        <v>50284938</v>
      </c>
      <c r="J28" s="114">
        <v>52558641</v>
      </c>
      <c r="K28" s="114">
        <v>32331355</v>
      </c>
      <c r="L28" s="173">
        <v>249898385</v>
      </c>
      <c r="M28" s="116">
        <v>258865383</v>
      </c>
      <c r="N28" s="110">
        <v>1093354</v>
      </c>
      <c r="O28" s="114">
        <v>1987561</v>
      </c>
      <c r="P28" s="113">
        <v>3080915</v>
      </c>
      <c r="Q28" s="110">
        <v>0</v>
      </c>
      <c r="R28" s="114">
        <v>11837153</v>
      </c>
      <c r="S28" s="114">
        <v>17023188</v>
      </c>
      <c r="T28" s="114">
        <v>12308833</v>
      </c>
      <c r="U28" s="114">
        <v>14034372</v>
      </c>
      <c r="V28" s="114">
        <v>13743396</v>
      </c>
      <c r="W28" s="113">
        <v>68946942</v>
      </c>
      <c r="X28" s="116">
        <v>72027857</v>
      </c>
      <c r="Y28" s="110">
        <v>0</v>
      </c>
      <c r="Z28" s="114">
        <v>0</v>
      </c>
      <c r="AA28" s="113">
        <v>0</v>
      </c>
      <c r="AB28" s="110">
        <v>0</v>
      </c>
      <c r="AC28" s="114">
        <v>5222776</v>
      </c>
      <c r="AD28" s="114">
        <v>7955005</v>
      </c>
      <c r="AE28" s="114">
        <v>7338294</v>
      </c>
      <c r="AF28" s="114">
        <v>7443976</v>
      </c>
      <c r="AG28" s="114">
        <v>8107188</v>
      </c>
      <c r="AH28" s="113">
        <v>36067239</v>
      </c>
      <c r="AI28" s="116">
        <v>36067239</v>
      </c>
      <c r="AJ28" s="110">
        <v>0</v>
      </c>
      <c r="AK28" s="114">
        <v>0</v>
      </c>
      <c r="AL28" s="113">
        <v>0</v>
      </c>
      <c r="AM28" s="110">
        <v>0</v>
      </c>
      <c r="AN28" s="114">
        <v>70222</v>
      </c>
      <c r="AO28" s="114">
        <v>157029</v>
      </c>
      <c r="AP28" s="114">
        <v>295149</v>
      </c>
      <c r="AQ28" s="114">
        <v>656059</v>
      </c>
      <c r="AR28" s="114">
        <v>1315508</v>
      </c>
      <c r="AS28" s="113">
        <v>2493967</v>
      </c>
      <c r="AT28" s="116">
        <v>2493967</v>
      </c>
      <c r="AU28" s="110">
        <v>847066</v>
      </c>
      <c r="AV28" s="114">
        <v>1597531</v>
      </c>
      <c r="AW28" s="113">
        <v>2444597</v>
      </c>
      <c r="AX28" s="110">
        <v>0</v>
      </c>
      <c r="AY28" s="114">
        <v>3781570</v>
      </c>
      <c r="AZ28" s="114">
        <v>5783619</v>
      </c>
      <c r="BA28" s="114">
        <v>2423023</v>
      </c>
      <c r="BB28" s="114">
        <v>3195179</v>
      </c>
      <c r="BC28" s="114">
        <v>2582612</v>
      </c>
      <c r="BD28" s="113">
        <v>17766003</v>
      </c>
      <c r="BE28" s="116">
        <v>20210600</v>
      </c>
      <c r="BF28" s="110">
        <v>94965</v>
      </c>
      <c r="BG28" s="114">
        <v>229046</v>
      </c>
      <c r="BH28" s="112">
        <v>324011</v>
      </c>
      <c r="BI28" s="111">
        <v>0</v>
      </c>
      <c r="BJ28" s="114">
        <v>355074</v>
      </c>
      <c r="BK28" s="114">
        <v>797121</v>
      </c>
      <c r="BL28" s="114">
        <v>300551</v>
      </c>
      <c r="BM28" s="114">
        <v>271173</v>
      </c>
      <c r="BN28" s="114">
        <v>100379</v>
      </c>
      <c r="BO28" s="113">
        <v>1824298</v>
      </c>
      <c r="BP28" s="116">
        <v>2148309</v>
      </c>
      <c r="BQ28" s="110">
        <v>151323</v>
      </c>
      <c r="BR28" s="114">
        <v>160984</v>
      </c>
      <c r="BS28" s="113">
        <v>312307</v>
      </c>
      <c r="BT28" s="110">
        <v>0</v>
      </c>
      <c r="BU28" s="114">
        <v>2407511</v>
      </c>
      <c r="BV28" s="114">
        <v>2330414</v>
      </c>
      <c r="BW28" s="114">
        <v>1951816</v>
      </c>
      <c r="BX28" s="114">
        <v>2467985</v>
      </c>
      <c r="BY28" s="114">
        <v>1637709</v>
      </c>
      <c r="BZ28" s="113">
        <v>10795435</v>
      </c>
      <c r="CA28" s="116">
        <v>11107742</v>
      </c>
      <c r="CB28" s="110">
        <v>94622</v>
      </c>
      <c r="CC28" s="114">
        <v>412933</v>
      </c>
      <c r="CD28" s="113">
        <v>507555</v>
      </c>
      <c r="CE28" s="110">
        <v>0</v>
      </c>
      <c r="CF28" s="114">
        <v>18379504</v>
      </c>
      <c r="CG28" s="114">
        <v>21945938</v>
      </c>
      <c r="CH28" s="114">
        <v>15866723</v>
      </c>
      <c r="CI28" s="114">
        <v>11581143</v>
      </c>
      <c r="CJ28" s="114">
        <v>3931529</v>
      </c>
      <c r="CK28" s="113">
        <v>71704837</v>
      </c>
      <c r="CL28" s="116">
        <v>72212392</v>
      </c>
      <c r="CM28" s="110">
        <v>0</v>
      </c>
      <c r="CN28" s="114">
        <v>0</v>
      </c>
      <c r="CO28" s="113">
        <v>0</v>
      </c>
      <c r="CP28" s="111">
        <v>0</v>
      </c>
      <c r="CQ28" s="114">
        <v>15914006</v>
      </c>
      <c r="CR28" s="114">
        <v>18020659</v>
      </c>
      <c r="CS28" s="114">
        <v>12202573</v>
      </c>
      <c r="CT28" s="114">
        <v>8549892</v>
      </c>
      <c r="CU28" s="114">
        <v>3245248</v>
      </c>
      <c r="CV28" s="113">
        <v>57932378</v>
      </c>
      <c r="CW28" s="116">
        <v>57932378</v>
      </c>
      <c r="CX28" s="110">
        <v>94622</v>
      </c>
      <c r="CY28" s="114">
        <v>412933</v>
      </c>
      <c r="CZ28" s="113">
        <v>507555</v>
      </c>
      <c r="DA28" s="110">
        <v>0</v>
      </c>
      <c r="DB28" s="114">
        <v>2465498</v>
      </c>
      <c r="DC28" s="114">
        <v>3925279</v>
      </c>
      <c r="DD28" s="114">
        <v>3664150</v>
      </c>
      <c r="DE28" s="114">
        <v>3031251</v>
      </c>
      <c r="DF28" s="114">
        <v>686281</v>
      </c>
      <c r="DG28" s="113">
        <v>13772459</v>
      </c>
      <c r="DH28" s="116">
        <v>14280014</v>
      </c>
      <c r="DI28" s="110">
        <v>33811</v>
      </c>
      <c r="DJ28" s="114">
        <v>103206</v>
      </c>
      <c r="DK28" s="112">
        <v>137017</v>
      </c>
      <c r="DL28" s="111">
        <v>0</v>
      </c>
      <c r="DM28" s="114">
        <v>1170058</v>
      </c>
      <c r="DN28" s="114">
        <v>3074700</v>
      </c>
      <c r="DO28" s="114">
        <v>5499113</v>
      </c>
      <c r="DP28" s="114">
        <v>5709405</v>
      </c>
      <c r="DQ28" s="114">
        <v>1677990</v>
      </c>
      <c r="DR28" s="113">
        <v>17131266</v>
      </c>
      <c r="DS28" s="116">
        <v>17268283</v>
      </c>
      <c r="DT28" s="110">
        <v>33811</v>
      </c>
      <c r="DU28" s="114">
        <v>73679</v>
      </c>
      <c r="DV28" s="113">
        <v>107490</v>
      </c>
      <c r="DW28" s="110">
        <v>0</v>
      </c>
      <c r="DX28" s="114">
        <v>1130950</v>
      </c>
      <c r="DY28" s="114">
        <v>2952903</v>
      </c>
      <c r="DZ28" s="114">
        <v>5305173</v>
      </c>
      <c r="EA28" s="114">
        <v>5464478</v>
      </c>
      <c r="EB28" s="114">
        <v>1200519</v>
      </c>
      <c r="EC28" s="113">
        <v>16054023</v>
      </c>
      <c r="ED28" s="116">
        <v>16161513</v>
      </c>
      <c r="EE28" s="110">
        <v>0</v>
      </c>
      <c r="EF28" s="112">
        <v>29527</v>
      </c>
      <c r="EG28" s="113">
        <v>29527</v>
      </c>
      <c r="EH28" s="110">
        <v>0</v>
      </c>
      <c r="EI28" s="114">
        <v>39108</v>
      </c>
      <c r="EJ28" s="114">
        <v>121797</v>
      </c>
      <c r="EK28" s="114">
        <v>193940</v>
      </c>
      <c r="EL28" s="114">
        <v>244927</v>
      </c>
      <c r="EM28" s="114">
        <v>477471</v>
      </c>
      <c r="EN28" s="112">
        <v>1077243</v>
      </c>
      <c r="EO28" s="116">
        <v>110677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866860</v>
      </c>
      <c r="FM28" s="114">
        <v>1787657</v>
      </c>
      <c r="FN28" s="113">
        <v>2654517</v>
      </c>
      <c r="FO28" s="110">
        <v>0</v>
      </c>
      <c r="FP28" s="114">
        <v>3089373</v>
      </c>
      <c r="FQ28" s="114">
        <v>6142373</v>
      </c>
      <c r="FR28" s="114">
        <v>3793342</v>
      </c>
      <c r="FS28" s="114">
        <v>3649110</v>
      </c>
      <c r="FT28" s="114">
        <v>2014936</v>
      </c>
      <c r="FU28" s="113">
        <v>18689134</v>
      </c>
      <c r="FV28" s="116">
        <v>21343651</v>
      </c>
      <c r="FW28" s="115">
        <v>478276</v>
      </c>
      <c r="FX28" s="114">
        <v>1483421</v>
      </c>
      <c r="FY28" s="112">
        <v>1961697</v>
      </c>
      <c r="FZ28" s="111">
        <v>0</v>
      </c>
      <c r="GA28" s="114">
        <v>2270793</v>
      </c>
      <c r="GB28" s="114">
        <v>5397551</v>
      </c>
      <c r="GC28" s="114">
        <v>3754642</v>
      </c>
      <c r="GD28" s="114">
        <v>3491790</v>
      </c>
      <c r="GE28" s="114">
        <v>2014936</v>
      </c>
      <c r="GF28" s="113">
        <v>16929712</v>
      </c>
      <c r="GG28" s="318">
        <v>18891409</v>
      </c>
      <c r="GH28" s="115">
        <v>190584</v>
      </c>
      <c r="GI28" s="114">
        <v>64404</v>
      </c>
      <c r="GJ28" s="112">
        <v>254988</v>
      </c>
      <c r="GK28" s="111">
        <v>0</v>
      </c>
      <c r="GL28" s="114">
        <v>52200</v>
      </c>
      <c r="GM28" s="114">
        <v>141282</v>
      </c>
      <c r="GN28" s="114">
        <v>0</v>
      </c>
      <c r="GO28" s="114">
        <v>0</v>
      </c>
      <c r="GP28" s="114">
        <v>0</v>
      </c>
      <c r="GQ28" s="113">
        <v>193482</v>
      </c>
      <c r="GR28" s="116">
        <v>448470</v>
      </c>
      <c r="GS28" s="110">
        <v>198000</v>
      </c>
      <c r="GT28" s="114">
        <v>239832</v>
      </c>
      <c r="GU28" s="113">
        <v>437832</v>
      </c>
      <c r="GV28" s="110">
        <v>0</v>
      </c>
      <c r="GW28" s="114">
        <v>766380</v>
      </c>
      <c r="GX28" s="114">
        <v>603540</v>
      </c>
      <c r="GY28" s="114">
        <v>38700</v>
      </c>
      <c r="GZ28" s="114">
        <v>157320</v>
      </c>
      <c r="HA28" s="114">
        <v>0</v>
      </c>
      <c r="HB28" s="112">
        <v>1565940</v>
      </c>
      <c r="HC28" s="116">
        <v>2003772</v>
      </c>
      <c r="HD28" s="110">
        <v>416843</v>
      </c>
      <c r="HE28" s="114">
        <v>326944</v>
      </c>
      <c r="HF28" s="112">
        <v>743787</v>
      </c>
      <c r="HG28" s="111">
        <v>0</v>
      </c>
      <c r="HH28" s="114">
        <v>8440950</v>
      </c>
      <c r="HI28" s="114">
        <v>8118423</v>
      </c>
      <c r="HJ28" s="114">
        <v>8111282</v>
      </c>
      <c r="HK28" s="114">
        <v>13836890</v>
      </c>
      <c r="HL28" s="114">
        <v>9236751</v>
      </c>
      <c r="HM28" s="113">
        <v>47744296</v>
      </c>
      <c r="HN28" s="109">
        <v>48488083</v>
      </c>
      <c r="HO28" s="115">
        <v>595638</v>
      </c>
      <c r="HP28" s="114">
        <v>1247569</v>
      </c>
      <c r="HQ28" s="113">
        <v>1843207</v>
      </c>
      <c r="HR28" s="110">
        <v>0</v>
      </c>
      <c r="HS28" s="114">
        <v>8062393</v>
      </c>
      <c r="HT28" s="114">
        <v>7439398</v>
      </c>
      <c r="HU28" s="114">
        <v>4705645</v>
      </c>
      <c r="HV28" s="114">
        <v>3747721</v>
      </c>
      <c r="HW28" s="114">
        <v>1726753</v>
      </c>
      <c r="HX28" s="112">
        <v>25681910</v>
      </c>
      <c r="HY28" s="116">
        <v>27525117</v>
      </c>
      <c r="HZ28" s="150">
        <v>0</v>
      </c>
      <c r="IA28" s="135">
        <v>255336</v>
      </c>
      <c r="IB28" s="150">
        <v>255336</v>
      </c>
      <c r="IC28" s="134">
        <v>0</v>
      </c>
      <c r="ID28" s="135">
        <v>11218748</v>
      </c>
      <c r="IE28" s="136">
        <v>7573040</v>
      </c>
      <c r="IF28" s="137">
        <v>8551208</v>
      </c>
      <c r="IG28" s="135">
        <v>6182400</v>
      </c>
      <c r="IH28" s="137">
        <v>3926997</v>
      </c>
      <c r="II28" s="138">
        <v>37452393</v>
      </c>
      <c r="IJ28" s="150">
        <v>37707729</v>
      </c>
      <c r="IK28" s="232">
        <v>0</v>
      </c>
      <c r="IL28" s="236">
        <v>0</v>
      </c>
      <c r="IM28" s="237">
        <v>0</v>
      </c>
      <c r="IN28" s="140"/>
      <c r="IO28" s="119">
        <v>0</v>
      </c>
      <c r="IP28" s="119">
        <v>107499</v>
      </c>
      <c r="IQ28" s="119">
        <v>0</v>
      </c>
      <c r="IR28" s="119">
        <v>0</v>
      </c>
      <c r="IS28" s="119">
        <v>269928</v>
      </c>
      <c r="IT28" s="141">
        <v>377427</v>
      </c>
      <c r="IU28" s="320">
        <v>377427</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388544</v>
      </c>
      <c r="JL28" s="119">
        <v>2606998</v>
      </c>
      <c r="JM28" s="119">
        <v>1375578</v>
      </c>
      <c r="JN28" s="119">
        <v>1322440</v>
      </c>
      <c r="JO28" s="119">
        <v>1232472</v>
      </c>
      <c r="JP28" s="120">
        <v>8926032</v>
      </c>
      <c r="JQ28" s="320">
        <v>8926032</v>
      </c>
      <c r="JR28" s="142">
        <v>0</v>
      </c>
      <c r="JS28" s="119">
        <v>0</v>
      </c>
      <c r="JT28" s="141">
        <v>0</v>
      </c>
      <c r="JU28" s="118">
        <v>0</v>
      </c>
      <c r="JV28" s="119">
        <v>0</v>
      </c>
      <c r="JW28" s="119">
        <v>91382</v>
      </c>
      <c r="JX28" s="119">
        <v>248272</v>
      </c>
      <c r="JY28" s="119">
        <v>285335</v>
      </c>
      <c r="JZ28" s="119">
        <v>0</v>
      </c>
      <c r="KA28" s="120">
        <v>624989</v>
      </c>
      <c r="KB28" s="320">
        <v>624989</v>
      </c>
      <c r="KC28" s="234">
        <v>0</v>
      </c>
      <c r="KD28" s="230">
        <v>0</v>
      </c>
      <c r="KE28" s="120">
        <v>0</v>
      </c>
      <c r="KF28" s="118">
        <v>0</v>
      </c>
      <c r="KG28" s="119">
        <v>649405</v>
      </c>
      <c r="KH28" s="119">
        <v>751905</v>
      </c>
      <c r="KI28" s="119">
        <v>781379</v>
      </c>
      <c r="KJ28" s="119">
        <v>280163</v>
      </c>
      <c r="KK28" s="119">
        <v>307208</v>
      </c>
      <c r="KL28" s="120">
        <v>2770060</v>
      </c>
      <c r="KM28" s="143">
        <v>2770060</v>
      </c>
      <c r="KN28" s="232">
        <v>0</v>
      </c>
      <c r="KO28" s="236">
        <v>255336</v>
      </c>
      <c r="KP28" s="237">
        <v>255336</v>
      </c>
      <c r="KQ28" s="140"/>
      <c r="KR28" s="119">
        <v>8180799</v>
      </c>
      <c r="KS28" s="119">
        <v>4015256</v>
      </c>
      <c r="KT28" s="119">
        <v>6145979</v>
      </c>
      <c r="KU28" s="119">
        <v>3974595</v>
      </c>
      <c r="KV28" s="119">
        <v>2117389</v>
      </c>
      <c r="KW28" s="120">
        <v>24434018</v>
      </c>
      <c r="KX28" s="320">
        <v>24689354</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319867</v>
      </c>
      <c r="MC28" s="119">
        <v>0</v>
      </c>
      <c r="MD28" s="120">
        <v>319867</v>
      </c>
      <c r="ME28" s="121">
        <v>319867</v>
      </c>
      <c r="MF28" s="142">
        <v>0</v>
      </c>
      <c r="MG28" s="119">
        <v>0</v>
      </c>
      <c r="MH28" s="120">
        <v>0</v>
      </c>
      <c r="MI28" s="145"/>
      <c r="MJ28" s="119">
        <v>4056579</v>
      </c>
      <c r="MK28" s="119">
        <v>9888693</v>
      </c>
      <c r="ML28" s="119">
        <v>34758579</v>
      </c>
      <c r="MM28" s="119">
        <v>56804084</v>
      </c>
      <c r="MN28" s="119">
        <v>50387333</v>
      </c>
      <c r="MO28" s="120">
        <v>155895268</v>
      </c>
      <c r="MP28" s="143">
        <v>155895268</v>
      </c>
      <c r="MQ28" s="142">
        <v>0</v>
      </c>
      <c r="MR28" s="119">
        <v>0</v>
      </c>
      <c r="MS28" s="120">
        <v>0</v>
      </c>
      <c r="MT28" s="145"/>
      <c r="MU28" s="119">
        <v>908751</v>
      </c>
      <c r="MV28" s="119">
        <v>2679705</v>
      </c>
      <c r="MW28" s="119">
        <v>24177004</v>
      </c>
      <c r="MX28" s="119">
        <v>36546777</v>
      </c>
      <c r="MY28" s="119">
        <v>33929286</v>
      </c>
      <c r="MZ28" s="120">
        <v>98241523</v>
      </c>
      <c r="NA28" s="143">
        <v>98241523</v>
      </c>
      <c r="NB28" s="142">
        <v>0</v>
      </c>
      <c r="NC28" s="119">
        <v>0</v>
      </c>
      <c r="ND28" s="120">
        <v>0</v>
      </c>
      <c r="NE28" s="145"/>
      <c r="NF28" s="119">
        <v>3147828</v>
      </c>
      <c r="NG28" s="119">
        <v>7208988</v>
      </c>
      <c r="NH28" s="119">
        <v>10581575</v>
      </c>
      <c r="NI28" s="119">
        <v>19457162</v>
      </c>
      <c r="NJ28" s="119">
        <v>12431580</v>
      </c>
      <c r="NK28" s="120">
        <v>52827133</v>
      </c>
      <c r="NL28" s="320">
        <v>52827133</v>
      </c>
      <c r="NM28" s="142">
        <v>0</v>
      </c>
      <c r="NN28" s="119">
        <v>0</v>
      </c>
      <c r="NO28" s="120">
        <v>0</v>
      </c>
      <c r="NP28" s="145"/>
      <c r="NQ28" s="119">
        <v>0</v>
      </c>
      <c r="NR28" s="119">
        <v>0</v>
      </c>
      <c r="NS28" s="119">
        <v>0</v>
      </c>
      <c r="NT28" s="119">
        <v>0</v>
      </c>
      <c r="NU28" s="119">
        <v>651191</v>
      </c>
      <c r="NV28" s="120">
        <v>651191</v>
      </c>
      <c r="NW28" s="121">
        <v>651191</v>
      </c>
      <c r="NX28" s="142">
        <v>0</v>
      </c>
      <c r="NY28" s="119">
        <v>0</v>
      </c>
      <c r="NZ28" s="120">
        <v>0</v>
      </c>
      <c r="OA28" s="145"/>
      <c r="OB28" s="119">
        <v>0</v>
      </c>
      <c r="OC28" s="119">
        <v>0</v>
      </c>
      <c r="OD28" s="119">
        <v>0</v>
      </c>
      <c r="OE28" s="119">
        <v>800145</v>
      </c>
      <c r="OF28" s="119">
        <v>3375276</v>
      </c>
      <c r="OG28" s="120">
        <v>4175421</v>
      </c>
      <c r="OH28" s="121">
        <v>4175421</v>
      </c>
      <c r="OI28" s="142">
        <v>3101128</v>
      </c>
      <c r="OJ28" s="119">
        <v>6121206</v>
      </c>
      <c r="OK28" s="141">
        <v>9222334</v>
      </c>
      <c r="OL28" s="118">
        <v>0</v>
      </c>
      <c r="OM28" s="119">
        <v>66254758</v>
      </c>
      <c r="ON28" s="119">
        <v>81205753</v>
      </c>
      <c r="OO28" s="119">
        <v>93594725</v>
      </c>
      <c r="OP28" s="119">
        <v>115545125</v>
      </c>
      <c r="OQ28" s="119">
        <v>86645685</v>
      </c>
      <c r="OR28" s="120">
        <v>443246046</v>
      </c>
      <c r="OS28" s="143">
        <v>452468380</v>
      </c>
    </row>
    <row r="29" spans="2:409" ht="21" customHeight="1" x14ac:dyDescent="0.2">
      <c r="B29" s="62" t="s">
        <v>24</v>
      </c>
      <c r="C29" s="110">
        <v>3116288</v>
      </c>
      <c r="D29" s="114">
        <v>3183087</v>
      </c>
      <c r="E29" s="113">
        <v>6299375</v>
      </c>
      <c r="F29" s="109">
        <v>0</v>
      </c>
      <c r="G29" s="114">
        <v>26934479</v>
      </c>
      <c r="H29" s="114">
        <v>27688609</v>
      </c>
      <c r="I29" s="114">
        <v>23670086</v>
      </c>
      <c r="J29" s="114">
        <v>23533812</v>
      </c>
      <c r="K29" s="114">
        <v>24439647</v>
      </c>
      <c r="L29" s="173">
        <v>126266633</v>
      </c>
      <c r="M29" s="116">
        <v>132566008</v>
      </c>
      <c r="N29" s="110">
        <v>502324</v>
      </c>
      <c r="O29" s="114">
        <v>847500</v>
      </c>
      <c r="P29" s="113">
        <v>1349824</v>
      </c>
      <c r="Q29" s="110">
        <v>0</v>
      </c>
      <c r="R29" s="114">
        <v>5902134</v>
      </c>
      <c r="S29" s="114">
        <v>7049388</v>
      </c>
      <c r="T29" s="114">
        <v>7366984</v>
      </c>
      <c r="U29" s="114">
        <v>8723534</v>
      </c>
      <c r="V29" s="114">
        <v>10192701</v>
      </c>
      <c r="W29" s="113">
        <v>39234741</v>
      </c>
      <c r="X29" s="116">
        <v>40584565</v>
      </c>
      <c r="Y29" s="110">
        <v>0</v>
      </c>
      <c r="Z29" s="114">
        <v>0</v>
      </c>
      <c r="AA29" s="113">
        <v>0</v>
      </c>
      <c r="AB29" s="110">
        <v>0</v>
      </c>
      <c r="AC29" s="114">
        <v>2277461</v>
      </c>
      <c r="AD29" s="114">
        <v>2956905</v>
      </c>
      <c r="AE29" s="114">
        <v>3759296</v>
      </c>
      <c r="AF29" s="114">
        <v>5034529</v>
      </c>
      <c r="AG29" s="114">
        <v>5358789</v>
      </c>
      <c r="AH29" s="113">
        <v>19386980</v>
      </c>
      <c r="AI29" s="116">
        <v>19386980</v>
      </c>
      <c r="AJ29" s="110">
        <v>0</v>
      </c>
      <c r="AK29" s="114">
        <v>0</v>
      </c>
      <c r="AL29" s="113">
        <v>0</v>
      </c>
      <c r="AM29" s="110">
        <v>0</v>
      </c>
      <c r="AN29" s="114">
        <v>0</v>
      </c>
      <c r="AO29" s="114">
        <v>122042</v>
      </c>
      <c r="AP29" s="114">
        <v>375073</v>
      </c>
      <c r="AQ29" s="114">
        <v>653745</v>
      </c>
      <c r="AR29" s="114">
        <v>1230670</v>
      </c>
      <c r="AS29" s="113">
        <v>2381530</v>
      </c>
      <c r="AT29" s="116">
        <v>2381530</v>
      </c>
      <c r="AU29" s="110">
        <v>324931</v>
      </c>
      <c r="AV29" s="114">
        <v>617031</v>
      </c>
      <c r="AW29" s="113">
        <v>941962</v>
      </c>
      <c r="AX29" s="110">
        <v>0</v>
      </c>
      <c r="AY29" s="114">
        <v>2353640</v>
      </c>
      <c r="AZ29" s="114">
        <v>2682614</v>
      </c>
      <c r="BA29" s="114">
        <v>2155472</v>
      </c>
      <c r="BB29" s="114">
        <v>1701648</v>
      </c>
      <c r="BC29" s="114">
        <v>2237474</v>
      </c>
      <c r="BD29" s="113">
        <v>11130848</v>
      </c>
      <c r="BE29" s="116">
        <v>12072810</v>
      </c>
      <c r="BF29" s="110">
        <v>0</v>
      </c>
      <c r="BG29" s="114">
        <v>29244</v>
      </c>
      <c r="BH29" s="112">
        <v>29244</v>
      </c>
      <c r="BI29" s="111">
        <v>0</v>
      </c>
      <c r="BJ29" s="114">
        <v>133550</v>
      </c>
      <c r="BK29" s="114">
        <v>241013</v>
      </c>
      <c r="BL29" s="114">
        <v>54946</v>
      </c>
      <c r="BM29" s="114">
        <v>273318</v>
      </c>
      <c r="BN29" s="114">
        <v>208568</v>
      </c>
      <c r="BO29" s="113">
        <v>911395</v>
      </c>
      <c r="BP29" s="116">
        <v>940639</v>
      </c>
      <c r="BQ29" s="110">
        <v>177393</v>
      </c>
      <c r="BR29" s="114">
        <v>201225</v>
      </c>
      <c r="BS29" s="113">
        <v>378618</v>
      </c>
      <c r="BT29" s="110">
        <v>0</v>
      </c>
      <c r="BU29" s="114">
        <v>1137483</v>
      </c>
      <c r="BV29" s="114">
        <v>1046814</v>
      </c>
      <c r="BW29" s="114">
        <v>1022197</v>
      </c>
      <c r="BX29" s="114">
        <v>1060294</v>
      </c>
      <c r="BY29" s="114">
        <v>1157200</v>
      </c>
      <c r="BZ29" s="113">
        <v>5423988</v>
      </c>
      <c r="CA29" s="116">
        <v>5802606</v>
      </c>
      <c r="CB29" s="110">
        <v>268386</v>
      </c>
      <c r="CC29" s="114">
        <v>372847</v>
      </c>
      <c r="CD29" s="113">
        <v>641233</v>
      </c>
      <c r="CE29" s="110">
        <v>0</v>
      </c>
      <c r="CF29" s="114">
        <v>8474503</v>
      </c>
      <c r="CG29" s="114">
        <v>8714507</v>
      </c>
      <c r="CH29" s="114">
        <v>4904260</v>
      </c>
      <c r="CI29" s="114">
        <v>3256827</v>
      </c>
      <c r="CJ29" s="114">
        <v>3136804</v>
      </c>
      <c r="CK29" s="113">
        <v>28486901</v>
      </c>
      <c r="CL29" s="116">
        <v>29128134</v>
      </c>
      <c r="CM29" s="110">
        <v>0</v>
      </c>
      <c r="CN29" s="114">
        <v>0</v>
      </c>
      <c r="CO29" s="113">
        <v>0</v>
      </c>
      <c r="CP29" s="111">
        <v>0</v>
      </c>
      <c r="CQ29" s="114">
        <v>6360303</v>
      </c>
      <c r="CR29" s="114">
        <v>5954876</v>
      </c>
      <c r="CS29" s="114">
        <v>3627117</v>
      </c>
      <c r="CT29" s="114">
        <v>2492187</v>
      </c>
      <c r="CU29" s="114">
        <v>1038093</v>
      </c>
      <c r="CV29" s="113">
        <v>19472576</v>
      </c>
      <c r="CW29" s="116">
        <v>19472576</v>
      </c>
      <c r="CX29" s="110">
        <v>268386</v>
      </c>
      <c r="CY29" s="114">
        <v>372847</v>
      </c>
      <c r="CZ29" s="113">
        <v>641233</v>
      </c>
      <c r="DA29" s="110">
        <v>0</v>
      </c>
      <c r="DB29" s="114">
        <v>2114200</v>
      </c>
      <c r="DC29" s="114">
        <v>2759631</v>
      </c>
      <c r="DD29" s="114">
        <v>1277143</v>
      </c>
      <c r="DE29" s="114">
        <v>764640</v>
      </c>
      <c r="DF29" s="114">
        <v>2098711</v>
      </c>
      <c r="DG29" s="113">
        <v>9014325</v>
      </c>
      <c r="DH29" s="116">
        <v>9655558</v>
      </c>
      <c r="DI29" s="110">
        <v>50853</v>
      </c>
      <c r="DJ29" s="114">
        <v>15850</v>
      </c>
      <c r="DK29" s="112">
        <v>66703</v>
      </c>
      <c r="DL29" s="111">
        <v>0</v>
      </c>
      <c r="DM29" s="114">
        <v>1224409</v>
      </c>
      <c r="DN29" s="114">
        <v>1597733</v>
      </c>
      <c r="DO29" s="114">
        <v>1845872</v>
      </c>
      <c r="DP29" s="114">
        <v>2408978</v>
      </c>
      <c r="DQ29" s="114">
        <v>1903339</v>
      </c>
      <c r="DR29" s="113">
        <v>8980331</v>
      </c>
      <c r="DS29" s="116">
        <v>9047034</v>
      </c>
      <c r="DT29" s="110">
        <v>50853</v>
      </c>
      <c r="DU29" s="114">
        <v>15850</v>
      </c>
      <c r="DV29" s="113">
        <v>66703</v>
      </c>
      <c r="DW29" s="110">
        <v>0</v>
      </c>
      <c r="DX29" s="114">
        <v>1058161</v>
      </c>
      <c r="DY29" s="114">
        <v>1286326</v>
      </c>
      <c r="DZ29" s="114">
        <v>1685039</v>
      </c>
      <c r="EA29" s="114">
        <v>2273994</v>
      </c>
      <c r="EB29" s="114">
        <v>1571296</v>
      </c>
      <c r="EC29" s="113">
        <v>7874816</v>
      </c>
      <c r="ED29" s="116">
        <v>7941519</v>
      </c>
      <c r="EE29" s="110">
        <v>0</v>
      </c>
      <c r="EF29" s="112">
        <v>0</v>
      </c>
      <c r="EG29" s="113">
        <v>0</v>
      </c>
      <c r="EH29" s="110">
        <v>0</v>
      </c>
      <c r="EI29" s="114">
        <v>166248</v>
      </c>
      <c r="EJ29" s="114">
        <v>311407</v>
      </c>
      <c r="EK29" s="114">
        <v>160833</v>
      </c>
      <c r="EL29" s="114">
        <v>134984</v>
      </c>
      <c r="EM29" s="114">
        <v>332043</v>
      </c>
      <c r="EN29" s="112">
        <v>1105515</v>
      </c>
      <c r="EO29" s="116">
        <v>1105515</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1062053</v>
      </c>
      <c r="FM29" s="114">
        <v>620481</v>
      </c>
      <c r="FN29" s="113">
        <v>1682534</v>
      </c>
      <c r="FO29" s="110">
        <v>0</v>
      </c>
      <c r="FP29" s="114">
        <v>1136911</v>
      </c>
      <c r="FQ29" s="114">
        <v>2378919</v>
      </c>
      <c r="FR29" s="114">
        <v>1662744</v>
      </c>
      <c r="FS29" s="114">
        <v>1412052</v>
      </c>
      <c r="FT29" s="114">
        <v>1604882</v>
      </c>
      <c r="FU29" s="113">
        <v>8195508</v>
      </c>
      <c r="FV29" s="116">
        <v>9878042</v>
      </c>
      <c r="FW29" s="115">
        <v>337634</v>
      </c>
      <c r="FX29" s="114">
        <v>445891</v>
      </c>
      <c r="FY29" s="112">
        <v>783525</v>
      </c>
      <c r="FZ29" s="111">
        <v>0</v>
      </c>
      <c r="GA29" s="114">
        <v>846799</v>
      </c>
      <c r="GB29" s="114">
        <v>2301865</v>
      </c>
      <c r="GC29" s="114">
        <v>1569149</v>
      </c>
      <c r="GD29" s="114">
        <v>1407102</v>
      </c>
      <c r="GE29" s="114">
        <v>1570826</v>
      </c>
      <c r="GF29" s="113">
        <v>7695741</v>
      </c>
      <c r="GG29" s="318">
        <v>8479266</v>
      </c>
      <c r="GH29" s="115">
        <v>18216</v>
      </c>
      <c r="GI29" s="114">
        <v>57150</v>
      </c>
      <c r="GJ29" s="112">
        <v>75366</v>
      </c>
      <c r="GK29" s="111">
        <v>0</v>
      </c>
      <c r="GL29" s="114">
        <v>58212</v>
      </c>
      <c r="GM29" s="114">
        <v>40095</v>
      </c>
      <c r="GN29" s="114">
        <v>10395</v>
      </c>
      <c r="GO29" s="114">
        <v>0</v>
      </c>
      <c r="GP29" s="114">
        <v>34056</v>
      </c>
      <c r="GQ29" s="113">
        <v>142758</v>
      </c>
      <c r="GR29" s="116">
        <v>218124</v>
      </c>
      <c r="GS29" s="110">
        <v>706203</v>
      </c>
      <c r="GT29" s="114">
        <v>117440</v>
      </c>
      <c r="GU29" s="113">
        <v>823643</v>
      </c>
      <c r="GV29" s="110">
        <v>0</v>
      </c>
      <c r="GW29" s="114">
        <v>231900</v>
      </c>
      <c r="GX29" s="114">
        <v>36959</v>
      </c>
      <c r="GY29" s="114">
        <v>83200</v>
      </c>
      <c r="GZ29" s="114">
        <v>4950</v>
      </c>
      <c r="HA29" s="114">
        <v>0</v>
      </c>
      <c r="HB29" s="112">
        <v>357009</v>
      </c>
      <c r="HC29" s="116">
        <v>1180652</v>
      </c>
      <c r="HD29" s="110">
        <v>733364</v>
      </c>
      <c r="HE29" s="114">
        <v>846262</v>
      </c>
      <c r="HF29" s="112">
        <v>1579626</v>
      </c>
      <c r="HG29" s="111">
        <v>0</v>
      </c>
      <c r="HH29" s="114">
        <v>6495557</v>
      </c>
      <c r="HI29" s="114">
        <v>4952715</v>
      </c>
      <c r="HJ29" s="114">
        <v>5729969</v>
      </c>
      <c r="HK29" s="114">
        <v>6399189</v>
      </c>
      <c r="HL29" s="114">
        <v>6477872</v>
      </c>
      <c r="HM29" s="113">
        <v>30055302</v>
      </c>
      <c r="HN29" s="109">
        <v>31634928</v>
      </c>
      <c r="HO29" s="115">
        <v>499308</v>
      </c>
      <c r="HP29" s="114">
        <v>480147</v>
      </c>
      <c r="HQ29" s="113">
        <v>979455</v>
      </c>
      <c r="HR29" s="110">
        <v>0</v>
      </c>
      <c r="HS29" s="114">
        <v>3700965</v>
      </c>
      <c r="HT29" s="114">
        <v>2995347</v>
      </c>
      <c r="HU29" s="114">
        <v>2160257</v>
      </c>
      <c r="HV29" s="114">
        <v>1333232</v>
      </c>
      <c r="HW29" s="114">
        <v>1124049</v>
      </c>
      <c r="HX29" s="112">
        <v>11313850</v>
      </c>
      <c r="HY29" s="116">
        <v>12293305</v>
      </c>
      <c r="HZ29" s="131">
        <v>184859</v>
      </c>
      <c r="IA29" s="132">
        <v>162380</v>
      </c>
      <c r="IB29" s="133">
        <v>347239</v>
      </c>
      <c r="IC29" s="146">
        <v>0</v>
      </c>
      <c r="ID29" s="132">
        <v>4486426</v>
      </c>
      <c r="IE29" s="147">
        <v>4870535</v>
      </c>
      <c r="IF29" s="133">
        <v>5768355</v>
      </c>
      <c r="IG29" s="132">
        <v>4941322</v>
      </c>
      <c r="IH29" s="133">
        <v>2266031</v>
      </c>
      <c r="II29" s="148">
        <v>22332669</v>
      </c>
      <c r="IJ29" s="139">
        <v>22679908</v>
      </c>
      <c r="IK29" s="232">
        <v>0</v>
      </c>
      <c r="IL29" s="236">
        <v>0</v>
      </c>
      <c r="IM29" s="237">
        <v>0</v>
      </c>
      <c r="IN29" s="140"/>
      <c r="IO29" s="119">
        <v>147283</v>
      </c>
      <c r="IP29" s="119">
        <v>578502</v>
      </c>
      <c r="IQ29" s="119">
        <v>337503</v>
      </c>
      <c r="IR29" s="119">
        <v>409918</v>
      </c>
      <c r="IS29" s="119">
        <v>0</v>
      </c>
      <c r="IT29" s="141">
        <v>1473206</v>
      </c>
      <c r="IU29" s="320">
        <v>1473206</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647164</v>
      </c>
      <c r="JL29" s="119">
        <v>1329693</v>
      </c>
      <c r="JM29" s="119">
        <v>1084666</v>
      </c>
      <c r="JN29" s="119">
        <v>633797</v>
      </c>
      <c r="JO29" s="119">
        <v>151085</v>
      </c>
      <c r="JP29" s="120">
        <v>4846405</v>
      </c>
      <c r="JQ29" s="320">
        <v>4846405</v>
      </c>
      <c r="JR29" s="142">
        <v>0</v>
      </c>
      <c r="JS29" s="119">
        <v>0</v>
      </c>
      <c r="JT29" s="141">
        <v>0</v>
      </c>
      <c r="JU29" s="118">
        <v>0</v>
      </c>
      <c r="JV29" s="119">
        <v>608267</v>
      </c>
      <c r="JW29" s="119">
        <v>443023</v>
      </c>
      <c r="JX29" s="119">
        <v>788023</v>
      </c>
      <c r="JY29" s="119">
        <v>36434</v>
      </c>
      <c r="JZ29" s="119">
        <v>223423</v>
      </c>
      <c r="KA29" s="120">
        <v>2099170</v>
      </c>
      <c r="KB29" s="320">
        <v>2099170</v>
      </c>
      <c r="KC29" s="234">
        <v>184859</v>
      </c>
      <c r="KD29" s="230">
        <v>162380</v>
      </c>
      <c r="KE29" s="120">
        <v>347239</v>
      </c>
      <c r="KF29" s="118">
        <v>0</v>
      </c>
      <c r="KG29" s="119">
        <v>1828116</v>
      </c>
      <c r="KH29" s="119">
        <v>1451108</v>
      </c>
      <c r="KI29" s="119">
        <v>1117624</v>
      </c>
      <c r="KJ29" s="119">
        <v>1420708</v>
      </c>
      <c r="KK29" s="119">
        <v>853442</v>
      </c>
      <c r="KL29" s="120">
        <v>6670998</v>
      </c>
      <c r="KM29" s="143">
        <v>7018237</v>
      </c>
      <c r="KN29" s="232">
        <v>0</v>
      </c>
      <c r="KO29" s="236">
        <v>0</v>
      </c>
      <c r="KP29" s="237">
        <v>0</v>
      </c>
      <c r="KQ29" s="140"/>
      <c r="KR29" s="119">
        <v>255596</v>
      </c>
      <c r="KS29" s="119">
        <v>1068209</v>
      </c>
      <c r="KT29" s="119">
        <v>2440539</v>
      </c>
      <c r="KU29" s="119">
        <v>2440465</v>
      </c>
      <c r="KV29" s="119">
        <v>1038081</v>
      </c>
      <c r="KW29" s="120">
        <v>7242890</v>
      </c>
      <c r="KX29" s="320">
        <v>7242890</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3024046</v>
      </c>
      <c r="MK29" s="119">
        <v>3977291</v>
      </c>
      <c r="ML29" s="119">
        <v>14444233</v>
      </c>
      <c r="MM29" s="119">
        <v>26266296</v>
      </c>
      <c r="MN29" s="119">
        <v>22164789</v>
      </c>
      <c r="MO29" s="120">
        <v>69876655</v>
      </c>
      <c r="MP29" s="143">
        <v>69876655</v>
      </c>
      <c r="MQ29" s="142">
        <v>0</v>
      </c>
      <c r="MR29" s="119">
        <v>0</v>
      </c>
      <c r="MS29" s="120">
        <v>0</v>
      </c>
      <c r="MT29" s="145"/>
      <c r="MU29" s="119">
        <v>0</v>
      </c>
      <c r="MV29" s="119">
        <v>0</v>
      </c>
      <c r="MW29" s="119">
        <v>7983092</v>
      </c>
      <c r="MX29" s="119">
        <v>18258028</v>
      </c>
      <c r="MY29" s="119">
        <v>19707234</v>
      </c>
      <c r="MZ29" s="120">
        <v>45948354</v>
      </c>
      <c r="NA29" s="143">
        <v>45948354</v>
      </c>
      <c r="NB29" s="142">
        <v>0</v>
      </c>
      <c r="NC29" s="119">
        <v>0</v>
      </c>
      <c r="ND29" s="120">
        <v>0</v>
      </c>
      <c r="NE29" s="145"/>
      <c r="NF29" s="119">
        <v>3024046</v>
      </c>
      <c r="NG29" s="119">
        <v>3977291</v>
      </c>
      <c r="NH29" s="119">
        <v>6461141</v>
      </c>
      <c r="NI29" s="119">
        <v>8008268</v>
      </c>
      <c r="NJ29" s="119">
        <v>2457555</v>
      </c>
      <c r="NK29" s="120">
        <v>23928301</v>
      </c>
      <c r="NL29" s="320">
        <v>23928301</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3301147</v>
      </c>
      <c r="OJ29" s="119">
        <v>3345467</v>
      </c>
      <c r="OK29" s="141">
        <v>6646614</v>
      </c>
      <c r="OL29" s="118">
        <v>0</v>
      </c>
      <c r="OM29" s="119">
        <v>34444951</v>
      </c>
      <c r="ON29" s="119">
        <v>36536435</v>
      </c>
      <c r="OO29" s="119">
        <v>43882674</v>
      </c>
      <c r="OP29" s="119">
        <v>54741430</v>
      </c>
      <c r="OQ29" s="119">
        <v>48870467</v>
      </c>
      <c r="OR29" s="120">
        <v>218475957</v>
      </c>
      <c r="OS29" s="143">
        <v>225122571</v>
      </c>
    </row>
    <row r="30" spans="2:409" ht="21" customHeight="1" x14ac:dyDescent="0.2">
      <c r="B30" s="62" t="s">
        <v>25</v>
      </c>
      <c r="C30" s="110">
        <v>2178838</v>
      </c>
      <c r="D30" s="114">
        <v>5025335</v>
      </c>
      <c r="E30" s="113">
        <v>7204173</v>
      </c>
      <c r="F30" s="109">
        <v>0</v>
      </c>
      <c r="G30" s="114">
        <v>29564595</v>
      </c>
      <c r="H30" s="114">
        <v>30986576</v>
      </c>
      <c r="I30" s="114">
        <v>21410393</v>
      </c>
      <c r="J30" s="114">
        <v>24517298</v>
      </c>
      <c r="K30" s="114">
        <v>16308082</v>
      </c>
      <c r="L30" s="173">
        <v>122786944</v>
      </c>
      <c r="M30" s="116">
        <v>129991117</v>
      </c>
      <c r="N30" s="110">
        <v>591140</v>
      </c>
      <c r="O30" s="114">
        <v>1381939</v>
      </c>
      <c r="P30" s="113">
        <v>1973079</v>
      </c>
      <c r="Q30" s="110">
        <v>0</v>
      </c>
      <c r="R30" s="114">
        <v>8031589</v>
      </c>
      <c r="S30" s="114">
        <v>8971603</v>
      </c>
      <c r="T30" s="114">
        <v>6294902</v>
      </c>
      <c r="U30" s="114">
        <v>9541511</v>
      </c>
      <c r="V30" s="114">
        <v>9357529</v>
      </c>
      <c r="W30" s="113">
        <v>42197134</v>
      </c>
      <c r="X30" s="116">
        <v>44170213</v>
      </c>
      <c r="Y30" s="110">
        <v>0</v>
      </c>
      <c r="Z30" s="114">
        <v>0</v>
      </c>
      <c r="AA30" s="113">
        <v>0</v>
      </c>
      <c r="AB30" s="110">
        <v>0</v>
      </c>
      <c r="AC30" s="114">
        <v>4015184</v>
      </c>
      <c r="AD30" s="114">
        <v>4437828</v>
      </c>
      <c r="AE30" s="114">
        <v>3615660</v>
      </c>
      <c r="AF30" s="114">
        <v>6264326</v>
      </c>
      <c r="AG30" s="114">
        <v>5413175</v>
      </c>
      <c r="AH30" s="113">
        <v>23746173</v>
      </c>
      <c r="AI30" s="116">
        <v>23746173</v>
      </c>
      <c r="AJ30" s="110">
        <v>0</v>
      </c>
      <c r="AK30" s="114">
        <v>0</v>
      </c>
      <c r="AL30" s="113">
        <v>0</v>
      </c>
      <c r="AM30" s="110">
        <v>0</v>
      </c>
      <c r="AN30" s="114">
        <v>107364</v>
      </c>
      <c r="AO30" s="114">
        <v>521703</v>
      </c>
      <c r="AP30" s="114">
        <v>452107</v>
      </c>
      <c r="AQ30" s="114">
        <v>1005684</v>
      </c>
      <c r="AR30" s="114">
        <v>1685198</v>
      </c>
      <c r="AS30" s="113">
        <v>3772056</v>
      </c>
      <c r="AT30" s="116">
        <v>3772056</v>
      </c>
      <c r="AU30" s="110">
        <v>432911</v>
      </c>
      <c r="AV30" s="114">
        <v>1127639</v>
      </c>
      <c r="AW30" s="113">
        <v>1560550</v>
      </c>
      <c r="AX30" s="110">
        <v>0</v>
      </c>
      <c r="AY30" s="114">
        <v>2874215</v>
      </c>
      <c r="AZ30" s="114">
        <v>2701829</v>
      </c>
      <c r="BA30" s="114">
        <v>1316984</v>
      </c>
      <c r="BB30" s="114">
        <v>1290238</v>
      </c>
      <c r="BC30" s="114">
        <v>1468176</v>
      </c>
      <c r="BD30" s="113">
        <v>9651442</v>
      </c>
      <c r="BE30" s="116">
        <v>11211992</v>
      </c>
      <c r="BF30" s="110">
        <v>73651</v>
      </c>
      <c r="BG30" s="114">
        <v>130747</v>
      </c>
      <c r="BH30" s="112">
        <v>204398</v>
      </c>
      <c r="BI30" s="111">
        <v>0</v>
      </c>
      <c r="BJ30" s="114">
        <v>42735</v>
      </c>
      <c r="BK30" s="114">
        <v>437322</v>
      </c>
      <c r="BL30" s="114">
        <v>250091</v>
      </c>
      <c r="BM30" s="114">
        <v>154804</v>
      </c>
      <c r="BN30" s="114">
        <v>224695</v>
      </c>
      <c r="BO30" s="113">
        <v>1109647</v>
      </c>
      <c r="BP30" s="116">
        <v>1314045</v>
      </c>
      <c r="BQ30" s="110">
        <v>84578</v>
      </c>
      <c r="BR30" s="114">
        <v>123553</v>
      </c>
      <c r="BS30" s="113">
        <v>208131</v>
      </c>
      <c r="BT30" s="110">
        <v>0</v>
      </c>
      <c r="BU30" s="114">
        <v>992091</v>
      </c>
      <c r="BV30" s="114">
        <v>872921</v>
      </c>
      <c r="BW30" s="114">
        <v>660060</v>
      </c>
      <c r="BX30" s="114">
        <v>826459</v>
      </c>
      <c r="BY30" s="114">
        <v>566285</v>
      </c>
      <c r="BZ30" s="113">
        <v>3917816</v>
      </c>
      <c r="CA30" s="116">
        <v>4125947</v>
      </c>
      <c r="CB30" s="110">
        <v>190127</v>
      </c>
      <c r="CC30" s="114">
        <v>821650</v>
      </c>
      <c r="CD30" s="113">
        <v>1011777</v>
      </c>
      <c r="CE30" s="110">
        <v>0</v>
      </c>
      <c r="CF30" s="114">
        <v>11407298</v>
      </c>
      <c r="CG30" s="114">
        <v>10692681</v>
      </c>
      <c r="CH30" s="114">
        <v>6448397</v>
      </c>
      <c r="CI30" s="114">
        <v>5794047</v>
      </c>
      <c r="CJ30" s="114">
        <v>1116195</v>
      </c>
      <c r="CK30" s="113">
        <v>35458618</v>
      </c>
      <c r="CL30" s="116">
        <v>36470395</v>
      </c>
      <c r="CM30" s="110">
        <v>0</v>
      </c>
      <c r="CN30" s="114">
        <v>0</v>
      </c>
      <c r="CO30" s="113">
        <v>0</v>
      </c>
      <c r="CP30" s="111">
        <v>0</v>
      </c>
      <c r="CQ30" s="114">
        <v>8959645</v>
      </c>
      <c r="CR30" s="114">
        <v>6254521</v>
      </c>
      <c r="CS30" s="114">
        <v>4483227</v>
      </c>
      <c r="CT30" s="114">
        <v>4676561</v>
      </c>
      <c r="CU30" s="114">
        <v>585598</v>
      </c>
      <c r="CV30" s="113">
        <v>24959552</v>
      </c>
      <c r="CW30" s="116">
        <v>24959552</v>
      </c>
      <c r="CX30" s="110">
        <v>190127</v>
      </c>
      <c r="CY30" s="114">
        <v>821650</v>
      </c>
      <c r="CZ30" s="113">
        <v>1011777</v>
      </c>
      <c r="DA30" s="110">
        <v>0</v>
      </c>
      <c r="DB30" s="114">
        <v>2447653</v>
      </c>
      <c r="DC30" s="114">
        <v>4438160</v>
      </c>
      <c r="DD30" s="114">
        <v>1965170</v>
      </c>
      <c r="DE30" s="114">
        <v>1117486</v>
      </c>
      <c r="DF30" s="114">
        <v>530597</v>
      </c>
      <c r="DG30" s="113">
        <v>10499066</v>
      </c>
      <c r="DH30" s="116">
        <v>11510843</v>
      </c>
      <c r="DI30" s="110">
        <v>0</v>
      </c>
      <c r="DJ30" s="114">
        <v>63643</v>
      </c>
      <c r="DK30" s="112">
        <v>63643</v>
      </c>
      <c r="DL30" s="111">
        <v>0</v>
      </c>
      <c r="DM30" s="114">
        <v>649063</v>
      </c>
      <c r="DN30" s="114">
        <v>1806490</v>
      </c>
      <c r="DO30" s="114">
        <v>2172153</v>
      </c>
      <c r="DP30" s="114">
        <v>1463208</v>
      </c>
      <c r="DQ30" s="114">
        <v>309600</v>
      </c>
      <c r="DR30" s="113">
        <v>6400514</v>
      </c>
      <c r="DS30" s="116">
        <v>6464157</v>
      </c>
      <c r="DT30" s="110">
        <v>0</v>
      </c>
      <c r="DU30" s="114">
        <v>63643</v>
      </c>
      <c r="DV30" s="113">
        <v>63643</v>
      </c>
      <c r="DW30" s="110">
        <v>0</v>
      </c>
      <c r="DX30" s="114">
        <v>508586</v>
      </c>
      <c r="DY30" s="114">
        <v>1664599</v>
      </c>
      <c r="DZ30" s="114">
        <v>1661864</v>
      </c>
      <c r="EA30" s="114">
        <v>1131497</v>
      </c>
      <c r="EB30" s="114">
        <v>309600</v>
      </c>
      <c r="EC30" s="113">
        <v>5276146</v>
      </c>
      <c r="ED30" s="116">
        <v>5339789</v>
      </c>
      <c r="EE30" s="110">
        <v>0</v>
      </c>
      <c r="EF30" s="112">
        <v>0</v>
      </c>
      <c r="EG30" s="113">
        <v>0</v>
      </c>
      <c r="EH30" s="110">
        <v>0</v>
      </c>
      <c r="EI30" s="114">
        <v>140477</v>
      </c>
      <c r="EJ30" s="114">
        <v>141891</v>
      </c>
      <c r="EK30" s="114">
        <v>510289</v>
      </c>
      <c r="EL30" s="114">
        <v>331711</v>
      </c>
      <c r="EM30" s="114">
        <v>0</v>
      </c>
      <c r="EN30" s="112">
        <v>1124368</v>
      </c>
      <c r="EO30" s="116">
        <v>1124368</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796064</v>
      </c>
      <c r="FM30" s="114">
        <v>1713976</v>
      </c>
      <c r="FN30" s="113">
        <v>2510040</v>
      </c>
      <c r="FO30" s="110">
        <v>0</v>
      </c>
      <c r="FP30" s="114">
        <v>1311378</v>
      </c>
      <c r="FQ30" s="114">
        <v>3189030</v>
      </c>
      <c r="FR30" s="114">
        <v>2025801</v>
      </c>
      <c r="FS30" s="114">
        <v>1923668</v>
      </c>
      <c r="FT30" s="114">
        <v>1164049</v>
      </c>
      <c r="FU30" s="113">
        <v>9613926</v>
      </c>
      <c r="FV30" s="116">
        <v>12123966</v>
      </c>
      <c r="FW30" s="115">
        <v>400514</v>
      </c>
      <c r="FX30" s="114">
        <v>832251</v>
      </c>
      <c r="FY30" s="112">
        <v>1232765</v>
      </c>
      <c r="FZ30" s="111">
        <v>0</v>
      </c>
      <c r="GA30" s="114">
        <v>906385</v>
      </c>
      <c r="GB30" s="114">
        <v>2856860</v>
      </c>
      <c r="GC30" s="114">
        <v>1743111</v>
      </c>
      <c r="GD30" s="114">
        <v>1923668</v>
      </c>
      <c r="GE30" s="114">
        <v>1164049</v>
      </c>
      <c r="GF30" s="113">
        <v>8594073</v>
      </c>
      <c r="GG30" s="318">
        <v>9826838</v>
      </c>
      <c r="GH30" s="115">
        <v>72990</v>
      </c>
      <c r="GI30" s="114">
        <v>141225</v>
      </c>
      <c r="GJ30" s="112">
        <v>214215</v>
      </c>
      <c r="GK30" s="111">
        <v>0</v>
      </c>
      <c r="GL30" s="114">
        <v>32593</v>
      </c>
      <c r="GM30" s="114">
        <v>152170</v>
      </c>
      <c r="GN30" s="114">
        <v>50490</v>
      </c>
      <c r="GO30" s="114">
        <v>0</v>
      </c>
      <c r="GP30" s="114">
        <v>0</v>
      </c>
      <c r="GQ30" s="113">
        <v>235253</v>
      </c>
      <c r="GR30" s="116">
        <v>449468</v>
      </c>
      <c r="GS30" s="110">
        <v>322560</v>
      </c>
      <c r="GT30" s="114">
        <v>740500</v>
      </c>
      <c r="GU30" s="113">
        <v>1063060</v>
      </c>
      <c r="GV30" s="110">
        <v>0</v>
      </c>
      <c r="GW30" s="114">
        <v>372400</v>
      </c>
      <c r="GX30" s="114">
        <v>180000</v>
      </c>
      <c r="GY30" s="114">
        <v>232200</v>
      </c>
      <c r="GZ30" s="114">
        <v>0</v>
      </c>
      <c r="HA30" s="114">
        <v>0</v>
      </c>
      <c r="HB30" s="112">
        <v>784600</v>
      </c>
      <c r="HC30" s="116">
        <v>1847660</v>
      </c>
      <c r="HD30" s="110">
        <v>187405</v>
      </c>
      <c r="HE30" s="114">
        <v>298279</v>
      </c>
      <c r="HF30" s="112">
        <v>485684</v>
      </c>
      <c r="HG30" s="111">
        <v>0</v>
      </c>
      <c r="HH30" s="114">
        <v>3492789</v>
      </c>
      <c r="HI30" s="114">
        <v>2775085</v>
      </c>
      <c r="HJ30" s="114">
        <v>2205079</v>
      </c>
      <c r="HK30" s="114">
        <v>3973920</v>
      </c>
      <c r="HL30" s="114">
        <v>3413544</v>
      </c>
      <c r="HM30" s="113">
        <v>15860417</v>
      </c>
      <c r="HN30" s="109">
        <v>16346101</v>
      </c>
      <c r="HO30" s="115">
        <v>414102</v>
      </c>
      <c r="HP30" s="114">
        <v>745848</v>
      </c>
      <c r="HQ30" s="113">
        <v>1159950</v>
      </c>
      <c r="HR30" s="110">
        <v>0</v>
      </c>
      <c r="HS30" s="114">
        <v>4672478</v>
      </c>
      <c r="HT30" s="114">
        <v>3551687</v>
      </c>
      <c r="HU30" s="114">
        <v>2264061</v>
      </c>
      <c r="HV30" s="114">
        <v>1820944</v>
      </c>
      <c r="HW30" s="114">
        <v>947165</v>
      </c>
      <c r="HX30" s="112">
        <v>13256335</v>
      </c>
      <c r="HY30" s="116">
        <v>14416285</v>
      </c>
      <c r="HZ30" s="150">
        <v>134160</v>
      </c>
      <c r="IA30" s="135">
        <v>0</v>
      </c>
      <c r="IB30" s="150">
        <v>134160</v>
      </c>
      <c r="IC30" s="134">
        <v>0</v>
      </c>
      <c r="ID30" s="135">
        <v>7556169</v>
      </c>
      <c r="IE30" s="136">
        <v>4847349</v>
      </c>
      <c r="IF30" s="137">
        <v>3680998</v>
      </c>
      <c r="IG30" s="135">
        <v>2229670</v>
      </c>
      <c r="IH30" s="137">
        <v>-78373</v>
      </c>
      <c r="II30" s="138">
        <v>18235813</v>
      </c>
      <c r="IJ30" s="150">
        <v>18369973</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4369875</v>
      </c>
      <c r="JL30" s="119">
        <v>2400643</v>
      </c>
      <c r="JM30" s="119">
        <v>1214218</v>
      </c>
      <c r="JN30" s="119">
        <v>531567</v>
      </c>
      <c r="JO30" s="119">
        <v>166476</v>
      </c>
      <c r="JP30" s="120">
        <v>8682779</v>
      </c>
      <c r="JQ30" s="320">
        <v>8682779</v>
      </c>
      <c r="JR30" s="142">
        <v>0</v>
      </c>
      <c r="JS30" s="119">
        <v>0</v>
      </c>
      <c r="JT30" s="141">
        <v>0</v>
      </c>
      <c r="JU30" s="118">
        <v>0</v>
      </c>
      <c r="JV30" s="119">
        <v>0</v>
      </c>
      <c r="JW30" s="119">
        <v>0</v>
      </c>
      <c r="JX30" s="119">
        <v>0</v>
      </c>
      <c r="JY30" s="119">
        <v>0</v>
      </c>
      <c r="JZ30" s="119">
        <v>0</v>
      </c>
      <c r="KA30" s="120">
        <v>0</v>
      </c>
      <c r="KB30" s="320">
        <v>0</v>
      </c>
      <c r="KC30" s="234">
        <v>134160</v>
      </c>
      <c r="KD30" s="230">
        <v>0</v>
      </c>
      <c r="KE30" s="120">
        <v>134160</v>
      </c>
      <c r="KF30" s="118">
        <v>0</v>
      </c>
      <c r="KG30" s="119">
        <v>358566</v>
      </c>
      <c r="KH30" s="119">
        <v>1297130</v>
      </c>
      <c r="KI30" s="119">
        <v>503974</v>
      </c>
      <c r="KJ30" s="119">
        <v>0</v>
      </c>
      <c r="KK30" s="119">
        <v>0</v>
      </c>
      <c r="KL30" s="120">
        <v>2159670</v>
      </c>
      <c r="KM30" s="143">
        <v>2293830</v>
      </c>
      <c r="KN30" s="232">
        <v>0</v>
      </c>
      <c r="KO30" s="236">
        <v>0</v>
      </c>
      <c r="KP30" s="237">
        <v>0</v>
      </c>
      <c r="KQ30" s="140"/>
      <c r="KR30" s="119">
        <v>2827728</v>
      </c>
      <c r="KS30" s="119">
        <v>1149576</v>
      </c>
      <c r="KT30" s="119">
        <v>1962806</v>
      </c>
      <c r="KU30" s="119">
        <v>1698103</v>
      </c>
      <c r="KV30" s="119">
        <v>-244849</v>
      </c>
      <c r="KW30" s="120">
        <v>7393364</v>
      </c>
      <c r="KX30" s="320">
        <v>7393364</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4093710</v>
      </c>
      <c r="MK30" s="119">
        <v>6784188</v>
      </c>
      <c r="ML30" s="119">
        <v>23586235</v>
      </c>
      <c r="MM30" s="119">
        <v>35461568</v>
      </c>
      <c r="MN30" s="119">
        <v>22595472</v>
      </c>
      <c r="MO30" s="120">
        <v>92521173</v>
      </c>
      <c r="MP30" s="143">
        <v>92521173</v>
      </c>
      <c r="MQ30" s="142">
        <v>0</v>
      </c>
      <c r="MR30" s="119">
        <v>0</v>
      </c>
      <c r="MS30" s="120">
        <v>0</v>
      </c>
      <c r="MT30" s="145"/>
      <c r="MU30" s="119">
        <v>709604</v>
      </c>
      <c r="MV30" s="119">
        <v>1698295</v>
      </c>
      <c r="MW30" s="119">
        <v>15314783</v>
      </c>
      <c r="MX30" s="119">
        <v>20167907</v>
      </c>
      <c r="MY30" s="119">
        <v>16181793</v>
      </c>
      <c r="MZ30" s="120">
        <v>54072382</v>
      </c>
      <c r="NA30" s="143">
        <v>54072382</v>
      </c>
      <c r="NB30" s="142">
        <v>0</v>
      </c>
      <c r="NC30" s="119">
        <v>0</v>
      </c>
      <c r="ND30" s="120">
        <v>0</v>
      </c>
      <c r="NE30" s="145"/>
      <c r="NF30" s="119">
        <v>3384106</v>
      </c>
      <c r="NG30" s="119">
        <v>5085893</v>
      </c>
      <c r="NH30" s="119">
        <v>8271452</v>
      </c>
      <c r="NI30" s="119">
        <v>14888474</v>
      </c>
      <c r="NJ30" s="119">
        <v>4641969</v>
      </c>
      <c r="NK30" s="120">
        <v>36271894</v>
      </c>
      <c r="NL30" s="320">
        <v>36271894</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405187</v>
      </c>
      <c r="OF30" s="119">
        <v>1771710</v>
      </c>
      <c r="OG30" s="120">
        <v>2176897</v>
      </c>
      <c r="OH30" s="121">
        <v>2176897</v>
      </c>
      <c r="OI30" s="142">
        <v>2312998</v>
      </c>
      <c r="OJ30" s="119">
        <v>5025335</v>
      </c>
      <c r="OK30" s="141">
        <v>7338333</v>
      </c>
      <c r="OL30" s="118">
        <v>0</v>
      </c>
      <c r="OM30" s="119">
        <v>41214474</v>
      </c>
      <c r="ON30" s="119">
        <v>42618113</v>
      </c>
      <c r="OO30" s="119">
        <v>48677626</v>
      </c>
      <c r="OP30" s="119">
        <v>62208536</v>
      </c>
      <c r="OQ30" s="119">
        <v>38825181</v>
      </c>
      <c r="OR30" s="120">
        <v>233543930</v>
      </c>
      <c r="OS30" s="143">
        <v>240882263</v>
      </c>
    </row>
    <row r="31" spans="2:409" ht="21" customHeight="1" x14ac:dyDescent="0.2">
      <c r="B31" s="62" t="s">
        <v>26</v>
      </c>
      <c r="C31" s="110">
        <v>2083901</v>
      </c>
      <c r="D31" s="114">
        <v>2104113</v>
      </c>
      <c r="E31" s="113">
        <v>4188014</v>
      </c>
      <c r="F31" s="109">
        <v>0</v>
      </c>
      <c r="G31" s="114">
        <v>23109169</v>
      </c>
      <c r="H31" s="114">
        <v>26691970</v>
      </c>
      <c r="I31" s="114">
        <v>22146240</v>
      </c>
      <c r="J31" s="114">
        <v>19917195</v>
      </c>
      <c r="K31" s="114">
        <v>21786272</v>
      </c>
      <c r="L31" s="173">
        <v>113650846</v>
      </c>
      <c r="M31" s="116">
        <v>117838860</v>
      </c>
      <c r="N31" s="110">
        <v>432561</v>
      </c>
      <c r="O31" s="114">
        <v>419275</v>
      </c>
      <c r="P31" s="113">
        <v>851836</v>
      </c>
      <c r="Q31" s="110">
        <v>0</v>
      </c>
      <c r="R31" s="114">
        <v>6248624</v>
      </c>
      <c r="S31" s="114">
        <v>7033433</v>
      </c>
      <c r="T31" s="114">
        <v>6229450</v>
      </c>
      <c r="U31" s="114">
        <v>8848303</v>
      </c>
      <c r="V31" s="114">
        <v>11764431</v>
      </c>
      <c r="W31" s="113">
        <v>40124241</v>
      </c>
      <c r="X31" s="116">
        <v>40976077</v>
      </c>
      <c r="Y31" s="110">
        <v>0</v>
      </c>
      <c r="Z31" s="114">
        <v>0</v>
      </c>
      <c r="AA31" s="113">
        <v>0</v>
      </c>
      <c r="AB31" s="110">
        <v>0</v>
      </c>
      <c r="AC31" s="114">
        <v>2913671</v>
      </c>
      <c r="AD31" s="114">
        <v>3772086</v>
      </c>
      <c r="AE31" s="114">
        <v>3110421</v>
      </c>
      <c r="AF31" s="114">
        <v>5261533</v>
      </c>
      <c r="AG31" s="114">
        <v>8037515</v>
      </c>
      <c r="AH31" s="113">
        <v>23095226</v>
      </c>
      <c r="AI31" s="116">
        <v>23095226</v>
      </c>
      <c r="AJ31" s="110">
        <v>0</v>
      </c>
      <c r="AK31" s="114">
        <v>0</v>
      </c>
      <c r="AL31" s="113">
        <v>0</v>
      </c>
      <c r="AM31" s="110">
        <v>0</v>
      </c>
      <c r="AN31" s="114">
        <v>28109</v>
      </c>
      <c r="AO31" s="114">
        <v>54639</v>
      </c>
      <c r="AP31" s="114">
        <v>405696</v>
      </c>
      <c r="AQ31" s="114">
        <v>607944</v>
      </c>
      <c r="AR31" s="114">
        <v>915948</v>
      </c>
      <c r="AS31" s="113">
        <v>2012336</v>
      </c>
      <c r="AT31" s="116">
        <v>2012336</v>
      </c>
      <c r="AU31" s="110">
        <v>260378</v>
      </c>
      <c r="AV31" s="114">
        <v>343156</v>
      </c>
      <c r="AW31" s="113">
        <v>603534</v>
      </c>
      <c r="AX31" s="110">
        <v>0</v>
      </c>
      <c r="AY31" s="114">
        <v>2379313</v>
      </c>
      <c r="AZ31" s="114">
        <v>2108482</v>
      </c>
      <c r="BA31" s="114">
        <v>1618056</v>
      </c>
      <c r="BB31" s="114">
        <v>1976212</v>
      </c>
      <c r="BC31" s="114">
        <v>2103787</v>
      </c>
      <c r="BD31" s="113">
        <v>10185850</v>
      </c>
      <c r="BE31" s="116">
        <v>10789384</v>
      </c>
      <c r="BF31" s="110">
        <v>0</v>
      </c>
      <c r="BG31" s="114">
        <v>0</v>
      </c>
      <c r="BH31" s="112">
        <v>0</v>
      </c>
      <c r="BI31" s="111">
        <v>0</v>
      </c>
      <c r="BJ31" s="114">
        <v>53325</v>
      </c>
      <c r="BK31" s="114">
        <v>319199</v>
      </c>
      <c r="BL31" s="114">
        <v>127482</v>
      </c>
      <c r="BM31" s="114">
        <v>202394</v>
      </c>
      <c r="BN31" s="114">
        <v>96822</v>
      </c>
      <c r="BO31" s="113">
        <v>799222</v>
      </c>
      <c r="BP31" s="116">
        <v>799222</v>
      </c>
      <c r="BQ31" s="110">
        <v>172183</v>
      </c>
      <c r="BR31" s="114">
        <v>76119</v>
      </c>
      <c r="BS31" s="113">
        <v>248302</v>
      </c>
      <c r="BT31" s="110">
        <v>0</v>
      </c>
      <c r="BU31" s="114">
        <v>874206</v>
      </c>
      <c r="BV31" s="114">
        <v>779027</v>
      </c>
      <c r="BW31" s="114">
        <v>967795</v>
      </c>
      <c r="BX31" s="114">
        <v>800220</v>
      </c>
      <c r="BY31" s="114">
        <v>610359</v>
      </c>
      <c r="BZ31" s="113">
        <v>4031607</v>
      </c>
      <c r="CA31" s="116">
        <v>4279909</v>
      </c>
      <c r="CB31" s="110">
        <v>134196</v>
      </c>
      <c r="CC31" s="114">
        <v>245803</v>
      </c>
      <c r="CD31" s="113">
        <v>379999</v>
      </c>
      <c r="CE31" s="110">
        <v>0</v>
      </c>
      <c r="CF31" s="114">
        <v>6840791</v>
      </c>
      <c r="CG31" s="114">
        <v>8619860</v>
      </c>
      <c r="CH31" s="114">
        <v>5525072</v>
      </c>
      <c r="CI31" s="114">
        <v>2795730</v>
      </c>
      <c r="CJ31" s="114">
        <v>2732474</v>
      </c>
      <c r="CK31" s="113">
        <v>26513927</v>
      </c>
      <c r="CL31" s="116">
        <v>26893926</v>
      </c>
      <c r="CM31" s="110">
        <v>0</v>
      </c>
      <c r="CN31" s="114">
        <v>0</v>
      </c>
      <c r="CO31" s="113">
        <v>0</v>
      </c>
      <c r="CP31" s="111">
        <v>0</v>
      </c>
      <c r="CQ31" s="114">
        <v>5741786</v>
      </c>
      <c r="CR31" s="114">
        <v>6862405</v>
      </c>
      <c r="CS31" s="114">
        <v>4427104</v>
      </c>
      <c r="CT31" s="114">
        <v>2173130</v>
      </c>
      <c r="CU31" s="114">
        <v>2016532</v>
      </c>
      <c r="CV31" s="113">
        <v>21220957</v>
      </c>
      <c r="CW31" s="116">
        <v>21220957</v>
      </c>
      <c r="CX31" s="110">
        <v>134196</v>
      </c>
      <c r="CY31" s="114">
        <v>245803</v>
      </c>
      <c r="CZ31" s="113">
        <v>379999</v>
      </c>
      <c r="DA31" s="110">
        <v>0</v>
      </c>
      <c r="DB31" s="114">
        <v>1099005</v>
      </c>
      <c r="DC31" s="114">
        <v>1757455</v>
      </c>
      <c r="DD31" s="114">
        <v>1097968</v>
      </c>
      <c r="DE31" s="114">
        <v>622600</v>
      </c>
      <c r="DF31" s="114">
        <v>715942</v>
      </c>
      <c r="DG31" s="113">
        <v>5292970</v>
      </c>
      <c r="DH31" s="116">
        <v>5672969</v>
      </c>
      <c r="DI31" s="110">
        <v>0</v>
      </c>
      <c r="DJ31" s="114">
        <v>122901</v>
      </c>
      <c r="DK31" s="112">
        <v>122901</v>
      </c>
      <c r="DL31" s="111">
        <v>0</v>
      </c>
      <c r="DM31" s="114">
        <v>485958</v>
      </c>
      <c r="DN31" s="114">
        <v>1192302</v>
      </c>
      <c r="DO31" s="114">
        <v>2230950</v>
      </c>
      <c r="DP31" s="114">
        <v>2249874</v>
      </c>
      <c r="DQ31" s="114">
        <v>1316673</v>
      </c>
      <c r="DR31" s="113">
        <v>7475757</v>
      </c>
      <c r="DS31" s="116">
        <v>7598658</v>
      </c>
      <c r="DT31" s="110">
        <v>0</v>
      </c>
      <c r="DU31" s="114">
        <v>122901</v>
      </c>
      <c r="DV31" s="113">
        <v>122901</v>
      </c>
      <c r="DW31" s="110">
        <v>0</v>
      </c>
      <c r="DX31" s="114">
        <v>366984</v>
      </c>
      <c r="DY31" s="114">
        <v>1146722</v>
      </c>
      <c r="DZ31" s="114">
        <v>2153195</v>
      </c>
      <c r="EA31" s="114">
        <v>2067235</v>
      </c>
      <c r="EB31" s="114">
        <v>1132777</v>
      </c>
      <c r="EC31" s="113">
        <v>6866913</v>
      </c>
      <c r="ED31" s="116">
        <v>6989814</v>
      </c>
      <c r="EE31" s="110">
        <v>0</v>
      </c>
      <c r="EF31" s="112">
        <v>0</v>
      </c>
      <c r="EG31" s="113">
        <v>0</v>
      </c>
      <c r="EH31" s="110">
        <v>0</v>
      </c>
      <c r="EI31" s="114">
        <v>118974</v>
      </c>
      <c r="EJ31" s="114">
        <v>45580</v>
      </c>
      <c r="EK31" s="114">
        <v>77755</v>
      </c>
      <c r="EL31" s="114">
        <v>182639</v>
      </c>
      <c r="EM31" s="114">
        <v>183896</v>
      </c>
      <c r="EN31" s="112">
        <v>608844</v>
      </c>
      <c r="EO31" s="116">
        <v>608844</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540942</v>
      </c>
      <c r="FM31" s="114">
        <v>547866</v>
      </c>
      <c r="FN31" s="113">
        <v>1088808</v>
      </c>
      <c r="FO31" s="110">
        <v>0</v>
      </c>
      <c r="FP31" s="114">
        <v>1539848</v>
      </c>
      <c r="FQ31" s="114">
        <v>2802398</v>
      </c>
      <c r="FR31" s="114">
        <v>1727643</v>
      </c>
      <c r="FS31" s="114">
        <v>1752764</v>
      </c>
      <c r="FT31" s="114">
        <v>1944104</v>
      </c>
      <c r="FU31" s="113">
        <v>9766757</v>
      </c>
      <c r="FV31" s="116">
        <v>10855565</v>
      </c>
      <c r="FW31" s="115">
        <v>255228</v>
      </c>
      <c r="FX31" s="114">
        <v>477558</v>
      </c>
      <c r="FY31" s="112">
        <v>732786</v>
      </c>
      <c r="FZ31" s="111">
        <v>0</v>
      </c>
      <c r="GA31" s="114">
        <v>1156490</v>
      </c>
      <c r="GB31" s="114">
        <v>2395706</v>
      </c>
      <c r="GC31" s="114">
        <v>1677273</v>
      </c>
      <c r="GD31" s="114">
        <v>1604292</v>
      </c>
      <c r="GE31" s="114">
        <v>1823236</v>
      </c>
      <c r="GF31" s="113">
        <v>8656997</v>
      </c>
      <c r="GG31" s="318">
        <v>9389783</v>
      </c>
      <c r="GH31" s="115">
        <v>41184</v>
      </c>
      <c r="GI31" s="114">
        <v>0</v>
      </c>
      <c r="GJ31" s="112">
        <v>41184</v>
      </c>
      <c r="GK31" s="111">
        <v>0</v>
      </c>
      <c r="GL31" s="114">
        <v>97494</v>
      </c>
      <c r="GM31" s="114">
        <v>136125</v>
      </c>
      <c r="GN31" s="114">
        <v>50370</v>
      </c>
      <c r="GO31" s="114">
        <v>148472</v>
      </c>
      <c r="GP31" s="114">
        <v>61468</v>
      </c>
      <c r="GQ31" s="113">
        <v>493929</v>
      </c>
      <c r="GR31" s="116">
        <v>535113</v>
      </c>
      <c r="GS31" s="110">
        <v>244530</v>
      </c>
      <c r="GT31" s="114">
        <v>70308</v>
      </c>
      <c r="GU31" s="113">
        <v>314838</v>
      </c>
      <c r="GV31" s="110">
        <v>0</v>
      </c>
      <c r="GW31" s="114">
        <v>285864</v>
      </c>
      <c r="GX31" s="114">
        <v>270567</v>
      </c>
      <c r="GY31" s="114">
        <v>0</v>
      </c>
      <c r="GZ31" s="114">
        <v>0</v>
      </c>
      <c r="HA31" s="114">
        <v>59400</v>
      </c>
      <c r="HB31" s="112">
        <v>615831</v>
      </c>
      <c r="HC31" s="116">
        <v>930669</v>
      </c>
      <c r="HD31" s="110">
        <v>653414</v>
      </c>
      <c r="HE31" s="114">
        <v>305223</v>
      </c>
      <c r="HF31" s="112">
        <v>958637</v>
      </c>
      <c r="HG31" s="111">
        <v>0</v>
      </c>
      <c r="HH31" s="114">
        <v>3705197</v>
      </c>
      <c r="HI31" s="114">
        <v>3595124</v>
      </c>
      <c r="HJ31" s="114">
        <v>4190644</v>
      </c>
      <c r="HK31" s="114">
        <v>2608734</v>
      </c>
      <c r="HL31" s="114">
        <v>2607272</v>
      </c>
      <c r="HM31" s="113">
        <v>16706971</v>
      </c>
      <c r="HN31" s="109">
        <v>17665608</v>
      </c>
      <c r="HO31" s="115">
        <v>322788</v>
      </c>
      <c r="HP31" s="114">
        <v>463045</v>
      </c>
      <c r="HQ31" s="113">
        <v>785833</v>
      </c>
      <c r="HR31" s="110">
        <v>0</v>
      </c>
      <c r="HS31" s="114">
        <v>4288751</v>
      </c>
      <c r="HT31" s="114">
        <v>3448853</v>
      </c>
      <c r="HU31" s="114">
        <v>2242481</v>
      </c>
      <c r="HV31" s="114">
        <v>1661790</v>
      </c>
      <c r="HW31" s="114">
        <v>1421318</v>
      </c>
      <c r="HX31" s="112">
        <v>13063193</v>
      </c>
      <c r="HY31" s="116">
        <v>13849026</v>
      </c>
      <c r="HZ31" s="131">
        <v>54693</v>
      </c>
      <c r="IA31" s="132">
        <v>0</v>
      </c>
      <c r="IB31" s="133">
        <v>54693</v>
      </c>
      <c r="IC31" s="146">
        <v>0</v>
      </c>
      <c r="ID31" s="132">
        <v>6316510</v>
      </c>
      <c r="IE31" s="147">
        <v>6602905</v>
      </c>
      <c r="IF31" s="133">
        <v>10390044</v>
      </c>
      <c r="IG31" s="132">
        <v>3859906</v>
      </c>
      <c r="IH31" s="133">
        <v>3508051</v>
      </c>
      <c r="II31" s="148">
        <v>30677416</v>
      </c>
      <c r="IJ31" s="139">
        <v>30732109</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2458927</v>
      </c>
      <c r="JL31" s="119">
        <v>2755694</v>
      </c>
      <c r="JM31" s="119">
        <v>2557907</v>
      </c>
      <c r="JN31" s="119">
        <v>895417</v>
      </c>
      <c r="JO31" s="119">
        <v>1198143</v>
      </c>
      <c r="JP31" s="120">
        <v>9866088</v>
      </c>
      <c r="JQ31" s="320">
        <v>9866088</v>
      </c>
      <c r="JR31" s="142">
        <v>0</v>
      </c>
      <c r="JS31" s="119">
        <v>0</v>
      </c>
      <c r="JT31" s="141">
        <v>0</v>
      </c>
      <c r="JU31" s="118">
        <v>0</v>
      </c>
      <c r="JV31" s="119">
        <v>143693</v>
      </c>
      <c r="JW31" s="119">
        <v>184445</v>
      </c>
      <c r="JX31" s="119">
        <v>1083809</v>
      </c>
      <c r="JY31" s="119">
        <v>262099</v>
      </c>
      <c r="JZ31" s="119">
        <v>578661</v>
      </c>
      <c r="KA31" s="120">
        <v>2252707</v>
      </c>
      <c r="KB31" s="320">
        <v>2252707</v>
      </c>
      <c r="KC31" s="234">
        <v>54693</v>
      </c>
      <c r="KD31" s="230">
        <v>0</v>
      </c>
      <c r="KE31" s="120">
        <v>54693</v>
      </c>
      <c r="KF31" s="118">
        <v>0</v>
      </c>
      <c r="KG31" s="119">
        <v>810891</v>
      </c>
      <c r="KH31" s="119">
        <v>898076</v>
      </c>
      <c r="KI31" s="119">
        <v>1085302</v>
      </c>
      <c r="KJ31" s="119">
        <v>251762</v>
      </c>
      <c r="KK31" s="119">
        <v>969936</v>
      </c>
      <c r="KL31" s="120">
        <v>4015967</v>
      </c>
      <c r="KM31" s="143">
        <v>4070660</v>
      </c>
      <c r="KN31" s="232">
        <v>0</v>
      </c>
      <c r="KO31" s="236">
        <v>0</v>
      </c>
      <c r="KP31" s="237">
        <v>0</v>
      </c>
      <c r="KQ31" s="140"/>
      <c r="KR31" s="119">
        <v>2902999</v>
      </c>
      <c r="KS31" s="119">
        <v>2764690</v>
      </c>
      <c r="KT31" s="119">
        <v>5404870</v>
      </c>
      <c r="KU31" s="119">
        <v>2450628</v>
      </c>
      <c r="KV31" s="119">
        <v>761311</v>
      </c>
      <c r="KW31" s="120">
        <v>14284498</v>
      </c>
      <c r="KX31" s="320">
        <v>14284498</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258156</v>
      </c>
      <c r="LQ31" s="119">
        <v>0</v>
      </c>
      <c r="LR31" s="119">
        <v>0</v>
      </c>
      <c r="LS31" s="120">
        <v>258156</v>
      </c>
      <c r="LT31" s="320">
        <v>258156</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2870773</v>
      </c>
      <c r="MK31" s="119">
        <v>7473348</v>
      </c>
      <c r="ML31" s="119">
        <v>12887395</v>
      </c>
      <c r="MM31" s="119">
        <v>27672686</v>
      </c>
      <c r="MN31" s="119">
        <v>17171375</v>
      </c>
      <c r="MO31" s="120">
        <v>68075577</v>
      </c>
      <c r="MP31" s="143">
        <v>68075577</v>
      </c>
      <c r="MQ31" s="142">
        <v>0</v>
      </c>
      <c r="MR31" s="119">
        <v>0</v>
      </c>
      <c r="MS31" s="120">
        <v>0</v>
      </c>
      <c r="MT31" s="145"/>
      <c r="MU31" s="119">
        <v>0</v>
      </c>
      <c r="MV31" s="119">
        <v>1785372</v>
      </c>
      <c r="MW31" s="119">
        <v>7371152</v>
      </c>
      <c r="MX31" s="119">
        <v>20330872</v>
      </c>
      <c r="MY31" s="119">
        <v>12553870</v>
      </c>
      <c r="MZ31" s="120">
        <v>42041266</v>
      </c>
      <c r="NA31" s="143">
        <v>42041266</v>
      </c>
      <c r="NB31" s="142">
        <v>0</v>
      </c>
      <c r="NC31" s="119">
        <v>0</v>
      </c>
      <c r="ND31" s="120">
        <v>0</v>
      </c>
      <c r="NE31" s="145"/>
      <c r="NF31" s="119">
        <v>2870773</v>
      </c>
      <c r="NG31" s="119">
        <v>5687976</v>
      </c>
      <c r="NH31" s="119">
        <v>5516243</v>
      </c>
      <c r="NI31" s="119">
        <v>7341814</v>
      </c>
      <c r="NJ31" s="119">
        <v>3743592</v>
      </c>
      <c r="NK31" s="120">
        <v>25160398</v>
      </c>
      <c r="NL31" s="320">
        <v>25160398</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873913</v>
      </c>
      <c r="OG31" s="120">
        <v>873913</v>
      </c>
      <c r="OH31" s="121">
        <v>873913</v>
      </c>
      <c r="OI31" s="142">
        <v>2138594</v>
      </c>
      <c r="OJ31" s="119">
        <v>2104113</v>
      </c>
      <c r="OK31" s="141">
        <v>4242707</v>
      </c>
      <c r="OL31" s="118">
        <v>0</v>
      </c>
      <c r="OM31" s="119">
        <v>32296452</v>
      </c>
      <c r="ON31" s="119">
        <v>40768223</v>
      </c>
      <c r="OO31" s="119">
        <v>45423679</v>
      </c>
      <c r="OP31" s="119">
        <v>51449787</v>
      </c>
      <c r="OQ31" s="119">
        <v>42465698</v>
      </c>
      <c r="OR31" s="120">
        <v>212403839</v>
      </c>
      <c r="OS31" s="143">
        <v>216646546</v>
      </c>
    </row>
    <row r="32" spans="2:409" ht="21" customHeight="1" x14ac:dyDescent="0.2">
      <c r="B32" s="62" t="s">
        <v>27</v>
      </c>
      <c r="C32" s="110">
        <v>2552871</v>
      </c>
      <c r="D32" s="114">
        <v>6483260</v>
      </c>
      <c r="E32" s="113">
        <v>9036131</v>
      </c>
      <c r="F32" s="109">
        <v>0</v>
      </c>
      <c r="G32" s="114">
        <v>22851310</v>
      </c>
      <c r="H32" s="114">
        <v>23333914</v>
      </c>
      <c r="I32" s="114">
        <v>24644294</v>
      </c>
      <c r="J32" s="114">
        <v>24600808</v>
      </c>
      <c r="K32" s="114">
        <v>15269469</v>
      </c>
      <c r="L32" s="173">
        <v>110699795</v>
      </c>
      <c r="M32" s="116">
        <v>119735926</v>
      </c>
      <c r="N32" s="110">
        <v>629004</v>
      </c>
      <c r="O32" s="114">
        <v>1428516</v>
      </c>
      <c r="P32" s="113">
        <v>2057520</v>
      </c>
      <c r="Q32" s="110">
        <v>0</v>
      </c>
      <c r="R32" s="114">
        <v>4597764</v>
      </c>
      <c r="S32" s="114">
        <v>5415241</v>
      </c>
      <c r="T32" s="114">
        <v>6819596</v>
      </c>
      <c r="U32" s="114">
        <v>7702480</v>
      </c>
      <c r="V32" s="114">
        <v>7886989</v>
      </c>
      <c r="W32" s="113">
        <v>32422070</v>
      </c>
      <c r="X32" s="116">
        <v>34479590</v>
      </c>
      <c r="Y32" s="110">
        <v>0</v>
      </c>
      <c r="Z32" s="114">
        <v>0</v>
      </c>
      <c r="AA32" s="113">
        <v>0</v>
      </c>
      <c r="AB32" s="110">
        <v>0</v>
      </c>
      <c r="AC32" s="114">
        <v>2466330</v>
      </c>
      <c r="AD32" s="114">
        <v>3003313</v>
      </c>
      <c r="AE32" s="114">
        <v>3895372</v>
      </c>
      <c r="AF32" s="114">
        <v>4261567</v>
      </c>
      <c r="AG32" s="114">
        <v>4250980</v>
      </c>
      <c r="AH32" s="113">
        <v>17877562</v>
      </c>
      <c r="AI32" s="116">
        <v>17877562</v>
      </c>
      <c r="AJ32" s="110">
        <v>0</v>
      </c>
      <c r="AK32" s="114">
        <v>0</v>
      </c>
      <c r="AL32" s="113">
        <v>0</v>
      </c>
      <c r="AM32" s="110">
        <v>0</v>
      </c>
      <c r="AN32" s="114">
        <v>64847</v>
      </c>
      <c r="AO32" s="114">
        <v>209139</v>
      </c>
      <c r="AP32" s="114">
        <v>364277</v>
      </c>
      <c r="AQ32" s="114">
        <v>934436</v>
      </c>
      <c r="AR32" s="114">
        <v>1022305</v>
      </c>
      <c r="AS32" s="113">
        <v>2595004</v>
      </c>
      <c r="AT32" s="116">
        <v>2595004</v>
      </c>
      <c r="AU32" s="110">
        <v>544269</v>
      </c>
      <c r="AV32" s="114">
        <v>1151357</v>
      </c>
      <c r="AW32" s="113">
        <v>1695626</v>
      </c>
      <c r="AX32" s="110">
        <v>0</v>
      </c>
      <c r="AY32" s="114">
        <v>1216338</v>
      </c>
      <c r="AZ32" s="114">
        <v>1328831</v>
      </c>
      <c r="BA32" s="114">
        <v>1415036</v>
      </c>
      <c r="BB32" s="114">
        <v>1627575</v>
      </c>
      <c r="BC32" s="114">
        <v>2033797</v>
      </c>
      <c r="BD32" s="113">
        <v>7621577</v>
      </c>
      <c r="BE32" s="116">
        <v>9317203</v>
      </c>
      <c r="BF32" s="110">
        <v>0</v>
      </c>
      <c r="BG32" s="114">
        <v>62782</v>
      </c>
      <c r="BH32" s="112">
        <v>62782</v>
      </c>
      <c r="BI32" s="111">
        <v>0</v>
      </c>
      <c r="BJ32" s="114">
        <v>26663</v>
      </c>
      <c r="BK32" s="114">
        <v>89708</v>
      </c>
      <c r="BL32" s="114">
        <v>0</v>
      </c>
      <c r="BM32" s="114">
        <v>15358</v>
      </c>
      <c r="BN32" s="114">
        <v>35550</v>
      </c>
      <c r="BO32" s="113">
        <v>167279</v>
      </c>
      <c r="BP32" s="116">
        <v>230061</v>
      </c>
      <c r="BQ32" s="110">
        <v>84735</v>
      </c>
      <c r="BR32" s="114">
        <v>214377</v>
      </c>
      <c r="BS32" s="113">
        <v>299112</v>
      </c>
      <c r="BT32" s="110">
        <v>0</v>
      </c>
      <c r="BU32" s="114">
        <v>823586</v>
      </c>
      <c r="BV32" s="114">
        <v>784250</v>
      </c>
      <c r="BW32" s="114">
        <v>1144911</v>
      </c>
      <c r="BX32" s="114">
        <v>863544</v>
      </c>
      <c r="BY32" s="114">
        <v>544357</v>
      </c>
      <c r="BZ32" s="113">
        <v>4160648</v>
      </c>
      <c r="CA32" s="116">
        <v>4459760</v>
      </c>
      <c r="CB32" s="110">
        <v>246095</v>
      </c>
      <c r="CC32" s="114">
        <v>1432350</v>
      </c>
      <c r="CD32" s="113">
        <v>1678445</v>
      </c>
      <c r="CE32" s="110">
        <v>0</v>
      </c>
      <c r="CF32" s="114">
        <v>7663898</v>
      </c>
      <c r="CG32" s="114">
        <v>6868900</v>
      </c>
      <c r="CH32" s="114">
        <v>4713333</v>
      </c>
      <c r="CI32" s="114">
        <v>3623441</v>
      </c>
      <c r="CJ32" s="114">
        <v>1741355</v>
      </c>
      <c r="CK32" s="113">
        <v>24610927</v>
      </c>
      <c r="CL32" s="116">
        <v>26289372</v>
      </c>
      <c r="CM32" s="110">
        <v>0</v>
      </c>
      <c r="CN32" s="114">
        <v>0</v>
      </c>
      <c r="CO32" s="113">
        <v>0</v>
      </c>
      <c r="CP32" s="111">
        <v>0</v>
      </c>
      <c r="CQ32" s="114">
        <v>6619491</v>
      </c>
      <c r="CR32" s="114">
        <v>5342401</v>
      </c>
      <c r="CS32" s="114">
        <v>3755093</v>
      </c>
      <c r="CT32" s="114">
        <v>3194116</v>
      </c>
      <c r="CU32" s="114">
        <v>1341278</v>
      </c>
      <c r="CV32" s="113">
        <v>20252379</v>
      </c>
      <c r="CW32" s="116">
        <v>20252379</v>
      </c>
      <c r="CX32" s="110">
        <v>246095</v>
      </c>
      <c r="CY32" s="114">
        <v>1432350</v>
      </c>
      <c r="CZ32" s="113">
        <v>1678445</v>
      </c>
      <c r="DA32" s="110">
        <v>0</v>
      </c>
      <c r="DB32" s="114">
        <v>1044407</v>
      </c>
      <c r="DC32" s="114">
        <v>1526499</v>
      </c>
      <c r="DD32" s="114">
        <v>958240</v>
      </c>
      <c r="DE32" s="114">
        <v>429325</v>
      </c>
      <c r="DF32" s="114">
        <v>400077</v>
      </c>
      <c r="DG32" s="113">
        <v>4358548</v>
      </c>
      <c r="DH32" s="116">
        <v>6036993</v>
      </c>
      <c r="DI32" s="110">
        <v>14753</v>
      </c>
      <c r="DJ32" s="114">
        <v>26073</v>
      </c>
      <c r="DK32" s="112">
        <v>40826</v>
      </c>
      <c r="DL32" s="111">
        <v>0</v>
      </c>
      <c r="DM32" s="114">
        <v>802160</v>
      </c>
      <c r="DN32" s="114">
        <v>859334</v>
      </c>
      <c r="DO32" s="114">
        <v>1187960</v>
      </c>
      <c r="DP32" s="114">
        <v>2066013</v>
      </c>
      <c r="DQ32" s="114">
        <v>848603</v>
      </c>
      <c r="DR32" s="113">
        <v>5764070</v>
      </c>
      <c r="DS32" s="116">
        <v>5804896</v>
      </c>
      <c r="DT32" s="110">
        <v>14753</v>
      </c>
      <c r="DU32" s="114">
        <v>0</v>
      </c>
      <c r="DV32" s="113">
        <v>14753</v>
      </c>
      <c r="DW32" s="110">
        <v>0</v>
      </c>
      <c r="DX32" s="114">
        <v>531953</v>
      </c>
      <c r="DY32" s="114">
        <v>836978</v>
      </c>
      <c r="DZ32" s="114">
        <v>1187960</v>
      </c>
      <c r="EA32" s="114">
        <v>1869223</v>
      </c>
      <c r="EB32" s="114">
        <v>789941</v>
      </c>
      <c r="EC32" s="113">
        <v>5216055</v>
      </c>
      <c r="ED32" s="116">
        <v>5230808</v>
      </c>
      <c r="EE32" s="110">
        <v>0</v>
      </c>
      <c r="EF32" s="112">
        <v>26073</v>
      </c>
      <c r="EG32" s="113">
        <v>26073</v>
      </c>
      <c r="EH32" s="110">
        <v>0</v>
      </c>
      <c r="EI32" s="114">
        <v>270207</v>
      </c>
      <c r="EJ32" s="114">
        <v>22356</v>
      </c>
      <c r="EK32" s="114">
        <v>0</v>
      </c>
      <c r="EL32" s="114">
        <v>196790</v>
      </c>
      <c r="EM32" s="114">
        <v>58662</v>
      </c>
      <c r="EN32" s="112">
        <v>548015</v>
      </c>
      <c r="EO32" s="116">
        <v>574088</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560422</v>
      </c>
      <c r="FM32" s="114">
        <v>1539048</v>
      </c>
      <c r="FN32" s="113">
        <v>2099470</v>
      </c>
      <c r="FO32" s="110">
        <v>0</v>
      </c>
      <c r="FP32" s="114">
        <v>545116</v>
      </c>
      <c r="FQ32" s="114">
        <v>2183494</v>
      </c>
      <c r="FR32" s="114">
        <v>1533316</v>
      </c>
      <c r="FS32" s="114">
        <v>1556989</v>
      </c>
      <c r="FT32" s="114">
        <v>1076761</v>
      </c>
      <c r="FU32" s="113">
        <v>6895676</v>
      </c>
      <c r="FV32" s="116">
        <v>8995146</v>
      </c>
      <c r="FW32" s="115">
        <v>376372</v>
      </c>
      <c r="FX32" s="114">
        <v>886784</v>
      </c>
      <c r="FY32" s="112">
        <v>1263156</v>
      </c>
      <c r="FZ32" s="111">
        <v>0</v>
      </c>
      <c r="GA32" s="114">
        <v>522448</v>
      </c>
      <c r="GB32" s="114">
        <v>1971418</v>
      </c>
      <c r="GC32" s="114">
        <v>1314223</v>
      </c>
      <c r="GD32" s="114">
        <v>1397956</v>
      </c>
      <c r="GE32" s="114">
        <v>1076761</v>
      </c>
      <c r="GF32" s="113">
        <v>6282806</v>
      </c>
      <c r="GG32" s="318">
        <v>7545962</v>
      </c>
      <c r="GH32" s="115">
        <v>69676</v>
      </c>
      <c r="GI32" s="114">
        <v>74448</v>
      </c>
      <c r="GJ32" s="112">
        <v>144124</v>
      </c>
      <c r="GK32" s="111">
        <v>0</v>
      </c>
      <c r="GL32" s="114">
        <v>14044</v>
      </c>
      <c r="GM32" s="114">
        <v>0</v>
      </c>
      <c r="GN32" s="114">
        <v>71121</v>
      </c>
      <c r="GO32" s="114">
        <v>159033</v>
      </c>
      <c r="GP32" s="114">
        <v>0</v>
      </c>
      <c r="GQ32" s="113">
        <v>244198</v>
      </c>
      <c r="GR32" s="116">
        <v>388322</v>
      </c>
      <c r="GS32" s="110">
        <v>114374</v>
      </c>
      <c r="GT32" s="114">
        <v>577816</v>
      </c>
      <c r="GU32" s="113">
        <v>692190</v>
      </c>
      <c r="GV32" s="110">
        <v>0</v>
      </c>
      <c r="GW32" s="114">
        <v>8624</v>
      </c>
      <c r="GX32" s="114">
        <v>212076</v>
      </c>
      <c r="GY32" s="114">
        <v>147972</v>
      </c>
      <c r="GZ32" s="114">
        <v>0</v>
      </c>
      <c r="HA32" s="114">
        <v>0</v>
      </c>
      <c r="HB32" s="112">
        <v>368672</v>
      </c>
      <c r="HC32" s="116">
        <v>1060862</v>
      </c>
      <c r="HD32" s="110">
        <v>609265</v>
      </c>
      <c r="HE32" s="114">
        <v>1301810</v>
      </c>
      <c r="HF32" s="112">
        <v>1911075</v>
      </c>
      <c r="HG32" s="111">
        <v>0</v>
      </c>
      <c r="HH32" s="114">
        <v>6247926</v>
      </c>
      <c r="HI32" s="114">
        <v>5588306</v>
      </c>
      <c r="HJ32" s="114">
        <v>8458080</v>
      </c>
      <c r="HK32" s="114">
        <v>8178442</v>
      </c>
      <c r="HL32" s="114">
        <v>2913299</v>
      </c>
      <c r="HM32" s="113">
        <v>31386053</v>
      </c>
      <c r="HN32" s="109">
        <v>33297128</v>
      </c>
      <c r="HO32" s="115">
        <v>493332</v>
      </c>
      <c r="HP32" s="114">
        <v>755463</v>
      </c>
      <c r="HQ32" s="113">
        <v>1248795</v>
      </c>
      <c r="HR32" s="110">
        <v>0</v>
      </c>
      <c r="HS32" s="114">
        <v>2994446</v>
      </c>
      <c r="HT32" s="114">
        <v>2418639</v>
      </c>
      <c r="HU32" s="114">
        <v>1932009</v>
      </c>
      <c r="HV32" s="114">
        <v>1473443</v>
      </c>
      <c r="HW32" s="114">
        <v>802462</v>
      </c>
      <c r="HX32" s="112">
        <v>9620999</v>
      </c>
      <c r="HY32" s="116">
        <v>10869794</v>
      </c>
      <c r="HZ32" s="150">
        <v>0</v>
      </c>
      <c r="IA32" s="135">
        <v>0</v>
      </c>
      <c r="IB32" s="150">
        <v>0</v>
      </c>
      <c r="IC32" s="134">
        <v>0</v>
      </c>
      <c r="ID32" s="135">
        <v>5424693</v>
      </c>
      <c r="IE32" s="136">
        <v>2216093</v>
      </c>
      <c r="IF32" s="137">
        <v>6504118</v>
      </c>
      <c r="IG32" s="135">
        <v>5091472</v>
      </c>
      <c r="IH32" s="137">
        <v>3360998</v>
      </c>
      <c r="II32" s="138">
        <v>22597374</v>
      </c>
      <c r="IJ32" s="150">
        <v>22597374</v>
      </c>
      <c r="IK32" s="232">
        <v>0</v>
      </c>
      <c r="IL32" s="236">
        <v>0</v>
      </c>
      <c r="IM32" s="237">
        <v>0</v>
      </c>
      <c r="IN32" s="140"/>
      <c r="IO32" s="119">
        <v>0</v>
      </c>
      <c r="IP32" s="119">
        <v>111231</v>
      </c>
      <c r="IQ32" s="119">
        <v>175496</v>
      </c>
      <c r="IR32" s="119">
        <v>0</v>
      </c>
      <c r="IS32" s="119">
        <v>0</v>
      </c>
      <c r="IT32" s="141">
        <v>286727</v>
      </c>
      <c r="IU32" s="320">
        <v>286727</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873221</v>
      </c>
      <c r="JL32" s="119">
        <v>678346</v>
      </c>
      <c r="JM32" s="119">
        <v>801589</v>
      </c>
      <c r="JN32" s="119">
        <v>491216</v>
      </c>
      <c r="JO32" s="119">
        <v>5748</v>
      </c>
      <c r="JP32" s="120">
        <v>3850120</v>
      </c>
      <c r="JQ32" s="320">
        <v>3850120</v>
      </c>
      <c r="JR32" s="142">
        <v>0</v>
      </c>
      <c r="JS32" s="119">
        <v>0</v>
      </c>
      <c r="JT32" s="141">
        <v>0</v>
      </c>
      <c r="JU32" s="118">
        <v>0</v>
      </c>
      <c r="JV32" s="119">
        <v>321000</v>
      </c>
      <c r="JW32" s="119">
        <v>47096</v>
      </c>
      <c r="JX32" s="119">
        <v>82362</v>
      </c>
      <c r="JY32" s="119">
        <v>496004</v>
      </c>
      <c r="JZ32" s="119">
        <v>642888</v>
      </c>
      <c r="KA32" s="120">
        <v>1589350</v>
      </c>
      <c r="KB32" s="320">
        <v>1589350</v>
      </c>
      <c r="KC32" s="234">
        <v>0</v>
      </c>
      <c r="KD32" s="230">
        <v>0</v>
      </c>
      <c r="KE32" s="120">
        <v>0</v>
      </c>
      <c r="KF32" s="118">
        <v>0</v>
      </c>
      <c r="KG32" s="119">
        <v>0</v>
      </c>
      <c r="KH32" s="119">
        <v>198927</v>
      </c>
      <c r="KI32" s="119">
        <v>0</v>
      </c>
      <c r="KJ32" s="119">
        <v>0</v>
      </c>
      <c r="KK32" s="119">
        <v>0</v>
      </c>
      <c r="KL32" s="120">
        <v>198927</v>
      </c>
      <c r="KM32" s="143">
        <v>198927</v>
      </c>
      <c r="KN32" s="232">
        <v>0</v>
      </c>
      <c r="KO32" s="236">
        <v>0</v>
      </c>
      <c r="KP32" s="237">
        <v>0</v>
      </c>
      <c r="KQ32" s="140"/>
      <c r="KR32" s="119">
        <v>3230472</v>
      </c>
      <c r="KS32" s="119">
        <v>1180493</v>
      </c>
      <c r="KT32" s="119">
        <v>2873026</v>
      </c>
      <c r="KU32" s="119">
        <v>1107777</v>
      </c>
      <c r="KV32" s="119">
        <v>1262827</v>
      </c>
      <c r="KW32" s="120">
        <v>9654595</v>
      </c>
      <c r="KX32" s="320">
        <v>9654595</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2571645</v>
      </c>
      <c r="LQ32" s="119">
        <v>2679615</v>
      </c>
      <c r="LR32" s="119">
        <v>1449535</v>
      </c>
      <c r="LS32" s="120">
        <v>6700795</v>
      </c>
      <c r="LT32" s="320">
        <v>6700795</v>
      </c>
      <c r="LU32" s="142">
        <v>0</v>
      </c>
      <c r="LV32" s="119">
        <v>0</v>
      </c>
      <c r="LW32" s="120">
        <v>0</v>
      </c>
      <c r="LX32" s="145"/>
      <c r="LY32" s="119">
        <v>0</v>
      </c>
      <c r="LZ32" s="119">
        <v>0</v>
      </c>
      <c r="MA32" s="119">
        <v>0</v>
      </c>
      <c r="MB32" s="119">
        <v>316860</v>
      </c>
      <c r="MC32" s="119">
        <v>0</v>
      </c>
      <c r="MD32" s="120">
        <v>316860</v>
      </c>
      <c r="ME32" s="121">
        <v>316860</v>
      </c>
      <c r="MF32" s="142">
        <v>0</v>
      </c>
      <c r="MG32" s="119">
        <v>0</v>
      </c>
      <c r="MH32" s="120">
        <v>0</v>
      </c>
      <c r="MI32" s="145"/>
      <c r="MJ32" s="119">
        <v>2693149</v>
      </c>
      <c r="MK32" s="119">
        <v>5852148</v>
      </c>
      <c r="ML32" s="119">
        <v>16377803</v>
      </c>
      <c r="MM32" s="119">
        <v>22711173</v>
      </c>
      <c r="MN32" s="119">
        <v>16589665</v>
      </c>
      <c r="MO32" s="120">
        <v>64223938</v>
      </c>
      <c r="MP32" s="143">
        <v>64223938</v>
      </c>
      <c r="MQ32" s="142">
        <v>0</v>
      </c>
      <c r="MR32" s="119">
        <v>0</v>
      </c>
      <c r="MS32" s="120">
        <v>0</v>
      </c>
      <c r="MT32" s="145"/>
      <c r="MU32" s="119">
        <v>420740</v>
      </c>
      <c r="MV32" s="119">
        <v>466936</v>
      </c>
      <c r="MW32" s="119">
        <v>9424295</v>
      </c>
      <c r="MX32" s="119">
        <v>15048239</v>
      </c>
      <c r="MY32" s="119">
        <v>12133934</v>
      </c>
      <c r="MZ32" s="120">
        <v>37494144</v>
      </c>
      <c r="NA32" s="143">
        <v>37494144</v>
      </c>
      <c r="NB32" s="142">
        <v>0</v>
      </c>
      <c r="NC32" s="119">
        <v>0</v>
      </c>
      <c r="ND32" s="120">
        <v>0</v>
      </c>
      <c r="NE32" s="145"/>
      <c r="NF32" s="119">
        <v>2272409</v>
      </c>
      <c r="NG32" s="119">
        <v>5385212</v>
      </c>
      <c r="NH32" s="119">
        <v>6953508</v>
      </c>
      <c r="NI32" s="119">
        <v>6956206</v>
      </c>
      <c r="NJ32" s="119">
        <v>3992944</v>
      </c>
      <c r="NK32" s="120">
        <v>25560279</v>
      </c>
      <c r="NL32" s="320">
        <v>25560279</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706728</v>
      </c>
      <c r="OF32" s="119">
        <v>462787</v>
      </c>
      <c r="OG32" s="120">
        <v>1169515</v>
      </c>
      <c r="OH32" s="121">
        <v>1169515</v>
      </c>
      <c r="OI32" s="142">
        <v>2552871</v>
      </c>
      <c r="OJ32" s="119">
        <v>6483260</v>
      </c>
      <c r="OK32" s="141">
        <v>9036131</v>
      </c>
      <c r="OL32" s="118">
        <v>0</v>
      </c>
      <c r="OM32" s="119">
        <v>30969152</v>
      </c>
      <c r="ON32" s="119">
        <v>31402155</v>
      </c>
      <c r="OO32" s="119">
        <v>47526215</v>
      </c>
      <c r="OP32" s="119">
        <v>52403453</v>
      </c>
      <c r="OQ32" s="119">
        <v>35220132</v>
      </c>
      <c r="OR32" s="120">
        <v>197521107</v>
      </c>
      <c r="OS32" s="143">
        <v>206557238</v>
      </c>
    </row>
    <row r="33" spans="2:409" ht="21" customHeight="1" x14ac:dyDescent="0.2">
      <c r="B33" s="62" t="s">
        <v>28</v>
      </c>
      <c r="C33" s="110">
        <v>209043</v>
      </c>
      <c r="D33" s="114">
        <v>732275</v>
      </c>
      <c r="E33" s="113">
        <v>941318</v>
      </c>
      <c r="F33" s="109">
        <v>0</v>
      </c>
      <c r="G33" s="114">
        <v>5031129</v>
      </c>
      <c r="H33" s="114">
        <v>8814577</v>
      </c>
      <c r="I33" s="114">
        <v>5176557</v>
      </c>
      <c r="J33" s="114">
        <v>7686136</v>
      </c>
      <c r="K33" s="114">
        <v>4920755</v>
      </c>
      <c r="L33" s="173">
        <v>31629154</v>
      </c>
      <c r="M33" s="116">
        <v>32570472</v>
      </c>
      <c r="N33" s="110">
        <v>65273</v>
      </c>
      <c r="O33" s="114">
        <v>113049</v>
      </c>
      <c r="P33" s="113">
        <v>178322</v>
      </c>
      <c r="Q33" s="110">
        <v>0</v>
      </c>
      <c r="R33" s="114">
        <v>873815</v>
      </c>
      <c r="S33" s="114">
        <v>1813335</v>
      </c>
      <c r="T33" s="114">
        <v>1061938</v>
      </c>
      <c r="U33" s="114">
        <v>1379443</v>
      </c>
      <c r="V33" s="114">
        <v>1771502</v>
      </c>
      <c r="W33" s="113">
        <v>6900033</v>
      </c>
      <c r="X33" s="116">
        <v>7078355</v>
      </c>
      <c r="Y33" s="110">
        <v>0</v>
      </c>
      <c r="Z33" s="114">
        <v>0</v>
      </c>
      <c r="AA33" s="113">
        <v>0</v>
      </c>
      <c r="AB33" s="110">
        <v>0</v>
      </c>
      <c r="AC33" s="114">
        <v>484060</v>
      </c>
      <c r="AD33" s="114">
        <v>828867</v>
      </c>
      <c r="AE33" s="114">
        <v>323869</v>
      </c>
      <c r="AF33" s="114">
        <v>563623</v>
      </c>
      <c r="AG33" s="114">
        <v>735317</v>
      </c>
      <c r="AH33" s="113">
        <v>2935736</v>
      </c>
      <c r="AI33" s="116">
        <v>2935736</v>
      </c>
      <c r="AJ33" s="110">
        <v>0</v>
      </c>
      <c r="AK33" s="114">
        <v>0</v>
      </c>
      <c r="AL33" s="113">
        <v>0</v>
      </c>
      <c r="AM33" s="110">
        <v>0</v>
      </c>
      <c r="AN33" s="114">
        <v>0</v>
      </c>
      <c r="AO33" s="114">
        <v>15205</v>
      </c>
      <c r="AP33" s="114">
        <v>115273</v>
      </c>
      <c r="AQ33" s="114">
        <v>51231</v>
      </c>
      <c r="AR33" s="114">
        <v>115283</v>
      </c>
      <c r="AS33" s="113">
        <v>296992</v>
      </c>
      <c r="AT33" s="116">
        <v>296992</v>
      </c>
      <c r="AU33" s="110">
        <v>62591</v>
      </c>
      <c r="AV33" s="114">
        <v>104616</v>
      </c>
      <c r="AW33" s="113">
        <v>167207</v>
      </c>
      <c r="AX33" s="110">
        <v>0</v>
      </c>
      <c r="AY33" s="114">
        <v>149328</v>
      </c>
      <c r="AZ33" s="114">
        <v>689398</v>
      </c>
      <c r="BA33" s="114">
        <v>436541</v>
      </c>
      <c r="BB33" s="114">
        <v>500586</v>
      </c>
      <c r="BC33" s="114">
        <v>706326</v>
      </c>
      <c r="BD33" s="113">
        <v>2482179</v>
      </c>
      <c r="BE33" s="116">
        <v>2649386</v>
      </c>
      <c r="BF33" s="110">
        <v>0</v>
      </c>
      <c r="BG33" s="114">
        <v>0</v>
      </c>
      <c r="BH33" s="112">
        <v>0</v>
      </c>
      <c r="BI33" s="111">
        <v>0</v>
      </c>
      <c r="BJ33" s="114">
        <v>88700</v>
      </c>
      <c r="BK33" s="114">
        <v>26663</v>
      </c>
      <c r="BL33" s="114">
        <v>0</v>
      </c>
      <c r="BM33" s="114">
        <v>26663</v>
      </c>
      <c r="BN33" s="114">
        <v>53325</v>
      </c>
      <c r="BO33" s="113">
        <v>195351</v>
      </c>
      <c r="BP33" s="116">
        <v>195351</v>
      </c>
      <c r="BQ33" s="110">
        <v>2682</v>
      </c>
      <c r="BR33" s="114">
        <v>8433</v>
      </c>
      <c r="BS33" s="113">
        <v>11115</v>
      </c>
      <c r="BT33" s="110">
        <v>0</v>
      </c>
      <c r="BU33" s="114">
        <v>151727</v>
      </c>
      <c r="BV33" s="114">
        <v>253202</v>
      </c>
      <c r="BW33" s="114">
        <v>186255</v>
      </c>
      <c r="BX33" s="114">
        <v>237340</v>
      </c>
      <c r="BY33" s="114">
        <v>161251</v>
      </c>
      <c r="BZ33" s="113">
        <v>989775</v>
      </c>
      <c r="CA33" s="116">
        <v>1000890</v>
      </c>
      <c r="CB33" s="110">
        <v>0</v>
      </c>
      <c r="CC33" s="114">
        <v>214237</v>
      </c>
      <c r="CD33" s="113">
        <v>214237</v>
      </c>
      <c r="CE33" s="110">
        <v>0</v>
      </c>
      <c r="CF33" s="114">
        <v>2191663</v>
      </c>
      <c r="CG33" s="114">
        <v>3393141</v>
      </c>
      <c r="CH33" s="114">
        <v>1677220</v>
      </c>
      <c r="CI33" s="114">
        <v>2273404</v>
      </c>
      <c r="CJ33" s="114">
        <v>1342452</v>
      </c>
      <c r="CK33" s="113">
        <v>10877880</v>
      </c>
      <c r="CL33" s="116">
        <v>11092117</v>
      </c>
      <c r="CM33" s="110">
        <v>0</v>
      </c>
      <c r="CN33" s="114">
        <v>0</v>
      </c>
      <c r="CO33" s="113">
        <v>0</v>
      </c>
      <c r="CP33" s="111">
        <v>0</v>
      </c>
      <c r="CQ33" s="114">
        <v>1879773</v>
      </c>
      <c r="CR33" s="114">
        <v>2510924</v>
      </c>
      <c r="CS33" s="114">
        <v>1292739</v>
      </c>
      <c r="CT33" s="114">
        <v>1533092</v>
      </c>
      <c r="CU33" s="114">
        <v>966724</v>
      </c>
      <c r="CV33" s="113">
        <v>8183252</v>
      </c>
      <c r="CW33" s="116">
        <v>8183252</v>
      </c>
      <c r="CX33" s="110">
        <v>0</v>
      </c>
      <c r="CY33" s="114">
        <v>214237</v>
      </c>
      <c r="CZ33" s="113">
        <v>214237</v>
      </c>
      <c r="DA33" s="110">
        <v>0</v>
      </c>
      <c r="DB33" s="114">
        <v>311890</v>
      </c>
      <c r="DC33" s="114">
        <v>882217</v>
      </c>
      <c r="DD33" s="114">
        <v>384481</v>
      </c>
      <c r="DE33" s="114">
        <v>740312</v>
      </c>
      <c r="DF33" s="114">
        <v>375728</v>
      </c>
      <c r="DG33" s="113">
        <v>2694628</v>
      </c>
      <c r="DH33" s="116">
        <v>2908865</v>
      </c>
      <c r="DI33" s="110">
        <v>0</v>
      </c>
      <c r="DJ33" s="114">
        <v>29982</v>
      </c>
      <c r="DK33" s="112">
        <v>29982</v>
      </c>
      <c r="DL33" s="111">
        <v>0</v>
      </c>
      <c r="DM33" s="114">
        <v>216619</v>
      </c>
      <c r="DN33" s="114">
        <v>222063</v>
      </c>
      <c r="DO33" s="114">
        <v>620937</v>
      </c>
      <c r="DP33" s="114">
        <v>1375275</v>
      </c>
      <c r="DQ33" s="114">
        <v>437666</v>
      </c>
      <c r="DR33" s="113">
        <v>2872560</v>
      </c>
      <c r="DS33" s="116">
        <v>2902542</v>
      </c>
      <c r="DT33" s="110">
        <v>0</v>
      </c>
      <c r="DU33" s="114">
        <v>29982</v>
      </c>
      <c r="DV33" s="113">
        <v>29982</v>
      </c>
      <c r="DW33" s="110">
        <v>0</v>
      </c>
      <c r="DX33" s="114">
        <v>94798</v>
      </c>
      <c r="DY33" s="114">
        <v>222063</v>
      </c>
      <c r="DZ33" s="114">
        <v>413284</v>
      </c>
      <c r="EA33" s="114">
        <v>554454</v>
      </c>
      <c r="EB33" s="114">
        <v>416174</v>
      </c>
      <c r="EC33" s="113">
        <v>1700773</v>
      </c>
      <c r="ED33" s="116">
        <v>1730755</v>
      </c>
      <c r="EE33" s="110">
        <v>0</v>
      </c>
      <c r="EF33" s="112">
        <v>0</v>
      </c>
      <c r="EG33" s="113">
        <v>0</v>
      </c>
      <c r="EH33" s="110">
        <v>0</v>
      </c>
      <c r="EI33" s="114">
        <v>121821</v>
      </c>
      <c r="EJ33" s="114">
        <v>0</v>
      </c>
      <c r="EK33" s="114">
        <v>207653</v>
      </c>
      <c r="EL33" s="114">
        <v>820821</v>
      </c>
      <c r="EM33" s="114">
        <v>21492</v>
      </c>
      <c r="EN33" s="112">
        <v>1171787</v>
      </c>
      <c r="EO33" s="116">
        <v>1171787</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39410</v>
      </c>
      <c r="FM33" s="114">
        <v>253150</v>
      </c>
      <c r="FN33" s="113">
        <v>292560</v>
      </c>
      <c r="FO33" s="110">
        <v>0</v>
      </c>
      <c r="FP33" s="114">
        <v>374725</v>
      </c>
      <c r="FQ33" s="114">
        <v>836804</v>
      </c>
      <c r="FR33" s="114">
        <v>531528</v>
      </c>
      <c r="FS33" s="114">
        <v>554967</v>
      </c>
      <c r="FT33" s="114">
        <v>482923</v>
      </c>
      <c r="FU33" s="113">
        <v>2780947</v>
      </c>
      <c r="FV33" s="116">
        <v>3073507</v>
      </c>
      <c r="FW33" s="115">
        <v>39410</v>
      </c>
      <c r="FX33" s="114">
        <v>80350</v>
      </c>
      <c r="FY33" s="112">
        <v>119760</v>
      </c>
      <c r="FZ33" s="111">
        <v>0</v>
      </c>
      <c r="GA33" s="114">
        <v>215998</v>
      </c>
      <c r="GB33" s="114">
        <v>789680</v>
      </c>
      <c r="GC33" s="114">
        <v>469752</v>
      </c>
      <c r="GD33" s="114">
        <v>456597</v>
      </c>
      <c r="GE33" s="114">
        <v>482923</v>
      </c>
      <c r="GF33" s="113">
        <v>2414950</v>
      </c>
      <c r="GG33" s="318">
        <v>2534710</v>
      </c>
      <c r="GH33" s="115">
        <v>0</v>
      </c>
      <c r="GI33" s="114">
        <v>0</v>
      </c>
      <c r="GJ33" s="112">
        <v>0</v>
      </c>
      <c r="GK33" s="111">
        <v>0</v>
      </c>
      <c r="GL33" s="114">
        <v>41025</v>
      </c>
      <c r="GM33" s="114">
        <v>47124</v>
      </c>
      <c r="GN33" s="114">
        <v>61776</v>
      </c>
      <c r="GO33" s="114">
        <v>0</v>
      </c>
      <c r="GP33" s="114">
        <v>0</v>
      </c>
      <c r="GQ33" s="113">
        <v>149925</v>
      </c>
      <c r="GR33" s="116">
        <v>149925</v>
      </c>
      <c r="GS33" s="110">
        <v>0</v>
      </c>
      <c r="GT33" s="114">
        <v>172800</v>
      </c>
      <c r="GU33" s="113">
        <v>172800</v>
      </c>
      <c r="GV33" s="110">
        <v>0</v>
      </c>
      <c r="GW33" s="114">
        <v>117702</v>
      </c>
      <c r="GX33" s="114">
        <v>0</v>
      </c>
      <c r="GY33" s="114">
        <v>0</v>
      </c>
      <c r="GZ33" s="114">
        <v>98370</v>
      </c>
      <c r="HA33" s="114">
        <v>0</v>
      </c>
      <c r="HB33" s="112">
        <v>216072</v>
      </c>
      <c r="HC33" s="116">
        <v>388872</v>
      </c>
      <c r="HD33" s="110">
        <v>60560</v>
      </c>
      <c r="HE33" s="114">
        <v>22257</v>
      </c>
      <c r="HF33" s="112">
        <v>82817</v>
      </c>
      <c r="HG33" s="111">
        <v>0</v>
      </c>
      <c r="HH33" s="114">
        <v>460000</v>
      </c>
      <c r="HI33" s="114">
        <v>1434929</v>
      </c>
      <c r="HJ33" s="114">
        <v>689602</v>
      </c>
      <c r="HK33" s="114">
        <v>1501640</v>
      </c>
      <c r="HL33" s="114">
        <v>516695</v>
      </c>
      <c r="HM33" s="113">
        <v>4602866</v>
      </c>
      <c r="HN33" s="109">
        <v>4685683</v>
      </c>
      <c r="HO33" s="115">
        <v>43800</v>
      </c>
      <c r="HP33" s="114">
        <v>99600</v>
      </c>
      <c r="HQ33" s="113">
        <v>143400</v>
      </c>
      <c r="HR33" s="110">
        <v>0</v>
      </c>
      <c r="HS33" s="114">
        <v>914307</v>
      </c>
      <c r="HT33" s="114">
        <v>1114305</v>
      </c>
      <c r="HU33" s="114">
        <v>595332</v>
      </c>
      <c r="HV33" s="114">
        <v>601407</v>
      </c>
      <c r="HW33" s="114">
        <v>369517</v>
      </c>
      <c r="HX33" s="112">
        <v>3594868</v>
      </c>
      <c r="HY33" s="116">
        <v>3738268</v>
      </c>
      <c r="HZ33" s="131">
        <v>0</v>
      </c>
      <c r="IA33" s="132">
        <v>0</v>
      </c>
      <c r="IB33" s="133">
        <v>0</v>
      </c>
      <c r="IC33" s="146">
        <v>0</v>
      </c>
      <c r="ID33" s="132">
        <v>764876</v>
      </c>
      <c r="IE33" s="147">
        <v>1778421</v>
      </c>
      <c r="IF33" s="133">
        <v>2263896</v>
      </c>
      <c r="IG33" s="132">
        <v>396387</v>
      </c>
      <c r="IH33" s="133">
        <v>1102024</v>
      </c>
      <c r="II33" s="148">
        <v>6305604</v>
      </c>
      <c r="IJ33" s="139">
        <v>6305604</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633062</v>
      </c>
      <c r="JL33" s="119">
        <v>636024</v>
      </c>
      <c r="JM33" s="119">
        <v>75312</v>
      </c>
      <c r="JN33" s="119">
        <v>107757</v>
      </c>
      <c r="JO33" s="119">
        <v>26091</v>
      </c>
      <c r="JP33" s="120">
        <v>1478246</v>
      </c>
      <c r="JQ33" s="320">
        <v>1478246</v>
      </c>
      <c r="JR33" s="142">
        <v>0</v>
      </c>
      <c r="JS33" s="119">
        <v>0</v>
      </c>
      <c r="JT33" s="141">
        <v>0</v>
      </c>
      <c r="JU33" s="118">
        <v>0</v>
      </c>
      <c r="JV33" s="119">
        <v>131814</v>
      </c>
      <c r="JW33" s="119">
        <v>48438</v>
      </c>
      <c r="JX33" s="119">
        <v>217926</v>
      </c>
      <c r="JY33" s="119">
        <v>0</v>
      </c>
      <c r="JZ33" s="119">
        <v>40864</v>
      </c>
      <c r="KA33" s="120">
        <v>439042</v>
      </c>
      <c r="KB33" s="320">
        <v>439042</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1093959</v>
      </c>
      <c r="KT33" s="119">
        <v>1700622</v>
      </c>
      <c r="KU33" s="119">
        <v>288630</v>
      </c>
      <c r="KV33" s="119">
        <v>1035069</v>
      </c>
      <c r="KW33" s="120">
        <v>4118280</v>
      </c>
      <c r="KX33" s="320">
        <v>411828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270036</v>
      </c>
      <c r="LQ33" s="119">
        <v>0</v>
      </c>
      <c r="LR33" s="119">
        <v>0</v>
      </c>
      <c r="LS33" s="120">
        <v>270036</v>
      </c>
      <c r="LT33" s="320">
        <v>270036</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264395</v>
      </c>
      <c r="MK33" s="119">
        <v>2542360</v>
      </c>
      <c r="ML33" s="119">
        <v>6263153</v>
      </c>
      <c r="MM33" s="119">
        <v>8533586</v>
      </c>
      <c r="MN33" s="119">
        <v>4067822</v>
      </c>
      <c r="MO33" s="120">
        <v>21671316</v>
      </c>
      <c r="MP33" s="143">
        <v>21671316</v>
      </c>
      <c r="MQ33" s="142">
        <v>0</v>
      </c>
      <c r="MR33" s="119">
        <v>0</v>
      </c>
      <c r="MS33" s="120">
        <v>0</v>
      </c>
      <c r="MT33" s="145"/>
      <c r="MU33" s="119">
        <v>0</v>
      </c>
      <c r="MV33" s="119">
        <v>214209</v>
      </c>
      <c r="MW33" s="119">
        <v>3804223</v>
      </c>
      <c r="MX33" s="119">
        <v>4977901</v>
      </c>
      <c r="MY33" s="119">
        <v>2908486</v>
      </c>
      <c r="MZ33" s="120">
        <v>11904819</v>
      </c>
      <c r="NA33" s="143">
        <v>11904819</v>
      </c>
      <c r="NB33" s="142">
        <v>0</v>
      </c>
      <c r="NC33" s="119">
        <v>0</v>
      </c>
      <c r="ND33" s="120">
        <v>0</v>
      </c>
      <c r="NE33" s="145"/>
      <c r="NF33" s="119">
        <v>264395</v>
      </c>
      <c r="NG33" s="119">
        <v>2328151</v>
      </c>
      <c r="NH33" s="119">
        <v>2458930</v>
      </c>
      <c r="NI33" s="119">
        <v>3555685</v>
      </c>
      <c r="NJ33" s="119">
        <v>1159336</v>
      </c>
      <c r="NK33" s="120">
        <v>9766497</v>
      </c>
      <c r="NL33" s="320">
        <v>9766497</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209043</v>
      </c>
      <c r="OJ33" s="119">
        <v>732275</v>
      </c>
      <c r="OK33" s="141">
        <v>941318</v>
      </c>
      <c r="OL33" s="118">
        <v>0</v>
      </c>
      <c r="OM33" s="119">
        <v>6060400</v>
      </c>
      <c r="ON33" s="119">
        <v>13135358</v>
      </c>
      <c r="OO33" s="119">
        <v>13703606</v>
      </c>
      <c r="OP33" s="119">
        <v>16616109</v>
      </c>
      <c r="OQ33" s="119">
        <v>10090601</v>
      </c>
      <c r="OR33" s="120">
        <v>59606074</v>
      </c>
      <c r="OS33" s="143">
        <v>60547392</v>
      </c>
    </row>
    <row r="34" spans="2:409" ht="21" customHeight="1" x14ac:dyDescent="0.2">
      <c r="B34" s="62" t="s">
        <v>29</v>
      </c>
      <c r="C34" s="110">
        <v>393612</v>
      </c>
      <c r="D34" s="114">
        <v>501526</v>
      </c>
      <c r="E34" s="113">
        <v>895138</v>
      </c>
      <c r="F34" s="109">
        <v>0</v>
      </c>
      <c r="G34" s="114">
        <v>7505407</v>
      </c>
      <c r="H34" s="114">
        <v>11578725</v>
      </c>
      <c r="I34" s="114">
        <v>7640305</v>
      </c>
      <c r="J34" s="114">
        <v>10089433</v>
      </c>
      <c r="K34" s="114">
        <v>5540502</v>
      </c>
      <c r="L34" s="173">
        <v>42354372</v>
      </c>
      <c r="M34" s="116">
        <v>43249510</v>
      </c>
      <c r="N34" s="110">
        <v>79848</v>
      </c>
      <c r="O34" s="114">
        <v>136764</v>
      </c>
      <c r="P34" s="113">
        <v>216612</v>
      </c>
      <c r="Q34" s="110">
        <v>0</v>
      </c>
      <c r="R34" s="114">
        <v>1629343</v>
      </c>
      <c r="S34" s="114">
        <v>2300822</v>
      </c>
      <c r="T34" s="114">
        <v>1465589</v>
      </c>
      <c r="U34" s="114">
        <v>2888663</v>
      </c>
      <c r="V34" s="114">
        <v>2265780</v>
      </c>
      <c r="W34" s="113">
        <v>10550197</v>
      </c>
      <c r="X34" s="116">
        <v>10766809</v>
      </c>
      <c r="Y34" s="110">
        <v>0</v>
      </c>
      <c r="Z34" s="114">
        <v>0</v>
      </c>
      <c r="AA34" s="113">
        <v>0</v>
      </c>
      <c r="AB34" s="110">
        <v>0</v>
      </c>
      <c r="AC34" s="114">
        <v>829381</v>
      </c>
      <c r="AD34" s="114">
        <v>1113406</v>
      </c>
      <c r="AE34" s="114">
        <v>803288</v>
      </c>
      <c r="AF34" s="114">
        <v>1969213</v>
      </c>
      <c r="AG34" s="114">
        <v>1544935</v>
      </c>
      <c r="AH34" s="113">
        <v>6260223</v>
      </c>
      <c r="AI34" s="116">
        <v>6260223</v>
      </c>
      <c r="AJ34" s="110">
        <v>0</v>
      </c>
      <c r="AK34" s="114">
        <v>0</v>
      </c>
      <c r="AL34" s="113">
        <v>0</v>
      </c>
      <c r="AM34" s="110">
        <v>0</v>
      </c>
      <c r="AN34" s="114">
        <v>0</v>
      </c>
      <c r="AO34" s="114">
        <v>0</v>
      </c>
      <c r="AP34" s="114">
        <v>12294</v>
      </c>
      <c r="AQ34" s="114">
        <v>190586</v>
      </c>
      <c r="AR34" s="114">
        <v>282756</v>
      </c>
      <c r="AS34" s="113">
        <v>485636</v>
      </c>
      <c r="AT34" s="116">
        <v>485636</v>
      </c>
      <c r="AU34" s="110">
        <v>51948</v>
      </c>
      <c r="AV34" s="114">
        <v>104652</v>
      </c>
      <c r="AW34" s="113">
        <v>156600</v>
      </c>
      <c r="AX34" s="110">
        <v>0</v>
      </c>
      <c r="AY34" s="114">
        <v>625278</v>
      </c>
      <c r="AZ34" s="114">
        <v>694104</v>
      </c>
      <c r="BA34" s="114">
        <v>420827</v>
      </c>
      <c r="BB34" s="114">
        <v>303711</v>
      </c>
      <c r="BC34" s="114">
        <v>308678</v>
      </c>
      <c r="BD34" s="113">
        <v>2352598</v>
      </c>
      <c r="BE34" s="116">
        <v>2509198</v>
      </c>
      <c r="BF34" s="110">
        <v>0</v>
      </c>
      <c r="BG34" s="114">
        <v>26028</v>
      </c>
      <c r="BH34" s="112">
        <v>26028</v>
      </c>
      <c r="BI34" s="111">
        <v>0</v>
      </c>
      <c r="BJ34" s="114">
        <v>31599</v>
      </c>
      <c r="BK34" s="114">
        <v>91037</v>
      </c>
      <c r="BL34" s="114">
        <v>60228</v>
      </c>
      <c r="BM34" s="114">
        <v>96879</v>
      </c>
      <c r="BN34" s="114">
        <v>0</v>
      </c>
      <c r="BO34" s="113">
        <v>279743</v>
      </c>
      <c r="BP34" s="116">
        <v>305771</v>
      </c>
      <c r="BQ34" s="110">
        <v>27900</v>
      </c>
      <c r="BR34" s="114">
        <v>6084</v>
      </c>
      <c r="BS34" s="113">
        <v>33984</v>
      </c>
      <c r="BT34" s="110">
        <v>0</v>
      </c>
      <c r="BU34" s="114">
        <v>143085</v>
      </c>
      <c r="BV34" s="114">
        <v>402275</v>
      </c>
      <c r="BW34" s="114">
        <v>168952</v>
      </c>
      <c r="BX34" s="114">
        <v>328274</v>
      </c>
      <c r="BY34" s="114">
        <v>129411</v>
      </c>
      <c r="BZ34" s="113">
        <v>1171997</v>
      </c>
      <c r="CA34" s="116">
        <v>1205981</v>
      </c>
      <c r="CB34" s="110">
        <v>44424</v>
      </c>
      <c r="CC34" s="114">
        <v>0</v>
      </c>
      <c r="CD34" s="113">
        <v>44424</v>
      </c>
      <c r="CE34" s="110">
        <v>0</v>
      </c>
      <c r="CF34" s="114">
        <v>3315218</v>
      </c>
      <c r="CG34" s="114">
        <v>4145225</v>
      </c>
      <c r="CH34" s="114">
        <v>2083905</v>
      </c>
      <c r="CI34" s="114">
        <v>3308368</v>
      </c>
      <c r="CJ34" s="114">
        <v>659039</v>
      </c>
      <c r="CK34" s="113">
        <v>13511755</v>
      </c>
      <c r="CL34" s="116">
        <v>13556179</v>
      </c>
      <c r="CM34" s="110">
        <v>0</v>
      </c>
      <c r="CN34" s="114">
        <v>0</v>
      </c>
      <c r="CO34" s="113">
        <v>0</v>
      </c>
      <c r="CP34" s="111">
        <v>0</v>
      </c>
      <c r="CQ34" s="114">
        <v>2226846</v>
      </c>
      <c r="CR34" s="114">
        <v>3012248</v>
      </c>
      <c r="CS34" s="114">
        <v>1565265</v>
      </c>
      <c r="CT34" s="114">
        <v>2815932</v>
      </c>
      <c r="CU34" s="114">
        <v>659039</v>
      </c>
      <c r="CV34" s="113">
        <v>10279330</v>
      </c>
      <c r="CW34" s="116">
        <v>10279330</v>
      </c>
      <c r="CX34" s="110">
        <v>44424</v>
      </c>
      <c r="CY34" s="114">
        <v>0</v>
      </c>
      <c r="CZ34" s="113">
        <v>44424</v>
      </c>
      <c r="DA34" s="110">
        <v>0</v>
      </c>
      <c r="DB34" s="114">
        <v>1088372</v>
      </c>
      <c r="DC34" s="114">
        <v>1132977</v>
      </c>
      <c r="DD34" s="114">
        <v>518640</v>
      </c>
      <c r="DE34" s="114">
        <v>492436</v>
      </c>
      <c r="DF34" s="114">
        <v>0</v>
      </c>
      <c r="DG34" s="113">
        <v>3232425</v>
      </c>
      <c r="DH34" s="116">
        <v>3276849</v>
      </c>
      <c r="DI34" s="110">
        <v>0</v>
      </c>
      <c r="DJ34" s="114">
        <v>0</v>
      </c>
      <c r="DK34" s="112">
        <v>0</v>
      </c>
      <c r="DL34" s="111">
        <v>0</v>
      </c>
      <c r="DM34" s="114">
        <v>118042</v>
      </c>
      <c r="DN34" s="114">
        <v>1040326</v>
      </c>
      <c r="DO34" s="114">
        <v>1351727</v>
      </c>
      <c r="DP34" s="114">
        <v>788223</v>
      </c>
      <c r="DQ34" s="114">
        <v>930850</v>
      </c>
      <c r="DR34" s="113">
        <v>4229168</v>
      </c>
      <c r="DS34" s="116">
        <v>4229168</v>
      </c>
      <c r="DT34" s="110">
        <v>0</v>
      </c>
      <c r="DU34" s="114">
        <v>0</v>
      </c>
      <c r="DV34" s="113">
        <v>0</v>
      </c>
      <c r="DW34" s="110">
        <v>0</v>
      </c>
      <c r="DX34" s="114">
        <v>23623</v>
      </c>
      <c r="DY34" s="114">
        <v>804761</v>
      </c>
      <c r="DZ34" s="114">
        <v>1290881</v>
      </c>
      <c r="EA34" s="114">
        <v>731408</v>
      </c>
      <c r="EB34" s="114">
        <v>930850</v>
      </c>
      <c r="EC34" s="113">
        <v>3781523</v>
      </c>
      <c r="ED34" s="116">
        <v>3781523</v>
      </c>
      <c r="EE34" s="110">
        <v>0</v>
      </c>
      <c r="EF34" s="112">
        <v>0</v>
      </c>
      <c r="EG34" s="113">
        <v>0</v>
      </c>
      <c r="EH34" s="110">
        <v>0</v>
      </c>
      <c r="EI34" s="114">
        <v>94419</v>
      </c>
      <c r="EJ34" s="114">
        <v>235565</v>
      </c>
      <c r="EK34" s="114">
        <v>60846</v>
      </c>
      <c r="EL34" s="114">
        <v>56815</v>
      </c>
      <c r="EM34" s="114">
        <v>0</v>
      </c>
      <c r="EN34" s="112">
        <v>447645</v>
      </c>
      <c r="EO34" s="116">
        <v>447645</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142320</v>
      </c>
      <c r="FM34" s="114">
        <v>218602</v>
      </c>
      <c r="FN34" s="113">
        <v>360922</v>
      </c>
      <c r="FO34" s="110">
        <v>0</v>
      </c>
      <c r="FP34" s="114">
        <v>393020</v>
      </c>
      <c r="FQ34" s="114">
        <v>859551</v>
      </c>
      <c r="FR34" s="114">
        <v>660665</v>
      </c>
      <c r="FS34" s="114">
        <v>787655</v>
      </c>
      <c r="FT34" s="114">
        <v>492744</v>
      </c>
      <c r="FU34" s="113">
        <v>3193635</v>
      </c>
      <c r="FV34" s="116">
        <v>3554557</v>
      </c>
      <c r="FW34" s="115">
        <v>142320</v>
      </c>
      <c r="FX34" s="114">
        <v>184980</v>
      </c>
      <c r="FY34" s="112">
        <v>327300</v>
      </c>
      <c r="FZ34" s="111">
        <v>0</v>
      </c>
      <c r="GA34" s="114">
        <v>343160</v>
      </c>
      <c r="GB34" s="114">
        <v>845295</v>
      </c>
      <c r="GC34" s="114">
        <v>509861</v>
      </c>
      <c r="GD34" s="114">
        <v>766667</v>
      </c>
      <c r="GE34" s="114">
        <v>465024</v>
      </c>
      <c r="GF34" s="113">
        <v>2930007</v>
      </c>
      <c r="GG34" s="318">
        <v>3257307</v>
      </c>
      <c r="GH34" s="115">
        <v>0</v>
      </c>
      <c r="GI34" s="114">
        <v>33622</v>
      </c>
      <c r="GJ34" s="112">
        <v>33622</v>
      </c>
      <c r="GK34" s="111">
        <v>0</v>
      </c>
      <c r="GL34" s="114">
        <v>49860</v>
      </c>
      <c r="GM34" s="114">
        <v>14256</v>
      </c>
      <c r="GN34" s="114">
        <v>55440</v>
      </c>
      <c r="GO34" s="114">
        <v>20988</v>
      </c>
      <c r="GP34" s="114">
        <v>27720</v>
      </c>
      <c r="GQ34" s="113">
        <v>168264</v>
      </c>
      <c r="GR34" s="116">
        <v>201886</v>
      </c>
      <c r="GS34" s="110">
        <v>0</v>
      </c>
      <c r="GT34" s="114">
        <v>0</v>
      </c>
      <c r="GU34" s="113">
        <v>0</v>
      </c>
      <c r="GV34" s="110">
        <v>0</v>
      </c>
      <c r="GW34" s="114">
        <v>0</v>
      </c>
      <c r="GX34" s="114">
        <v>0</v>
      </c>
      <c r="GY34" s="114">
        <v>95364</v>
      </c>
      <c r="GZ34" s="114">
        <v>0</v>
      </c>
      <c r="HA34" s="114">
        <v>0</v>
      </c>
      <c r="HB34" s="112">
        <v>95364</v>
      </c>
      <c r="HC34" s="116">
        <v>95364</v>
      </c>
      <c r="HD34" s="110">
        <v>0</v>
      </c>
      <c r="HE34" s="114">
        <v>0</v>
      </c>
      <c r="HF34" s="112">
        <v>0</v>
      </c>
      <c r="HG34" s="111">
        <v>0</v>
      </c>
      <c r="HH34" s="114">
        <v>1016948</v>
      </c>
      <c r="HI34" s="114">
        <v>1951042</v>
      </c>
      <c r="HJ34" s="114">
        <v>1290544</v>
      </c>
      <c r="HK34" s="114">
        <v>1616643</v>
      </c>
      <c r="HL34" s="114">
        <v>863033</v>
      </c>
      <c r="HM34" s="113">
        <v>6738210</v>
      </c>
      <c r="HN34" s="109">
        <v>6738210</v>
      </c>
      <c r="HO34" s="115">
        <v>127020</v>
      </c>
      <c r="HP34" s="114">
        <v>146160</v>
      </c>
      <c r="HQ34" s="113">
        <v>273180</v>
      </c>
      <c r="HR34" s="110">
        <v>0</v>
      </c>
      <c r="HS34" s="114">
        <v>1032836</v>
      </c>
      <c r="HT34" s="114">
        <v>1281759</v>
      </c>
      <c r="HU34" s="114">
        <v>787875</v>
      </c>
      <c r="HV34" s="114">
        <v>699881</v>
      </c>
      <c r="HW34" s="114">
        <v>329056</v>
      </c>
      <c r="HX34" s="112">
        <v>4131407</v>
      </c>
      <c r="HY34" s="116">
        <v>4404587</v>
      </c>
      <c r="HZ34" s="150">
        <v>0</v>
      </c>
      <c r="IA34" s="135">
        <v>264168</v>
      </c>
      <c r="IB34" s="150">
        <v>264168</v>
      </c>
      <c r="IC34" s="134">
        <v>0</v>
      </c>
      <c r="ID34" s="135">
        <v>2892418</v>
      </c>
      <c r="IE34" s="136">
        <v>3751338</v>
      </c>
      <c r="IF34" s="137">
        <v>4367993</v>
      </c>
      <c r="IG34" s="135">
        <v>3148965</v>
      </c>
      <c r="IH34" s="137">
        <v>3384981</v>
      </c>
      <c r="II34" s="138">
        <v>17545695</v>
      </c>
      <c r="IJ34" s="150">
        <v>17809863</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874357</v>
      </c>
      <c r="JL34" s="119">
        <v>1152030</v>
      </c>
      <c r="JM34" s="119">
        <v>234206</v>
      </c>
      <c r="JN34" s="119">
        <v>440748</v>
      </c>
      <c r="JO34" s="119">
        <v>0</v>
      </c>
      <c r="JP34" s="120">
        <v>2701341</v>
      </c>
      <c r="JQ34" s="320">
        <v>2701341</v>
      </c>
      <c r="JR34" s="142">
        <v>0</v>
      </c>
      <c r="JS34" s="119">
        <v>0</v>
      </c>
      <c r="JT34" s="141">
        <v>0</v>
      </c>
      <c r="JU34" s="118">
        <v>0</v>
      </c>
      <c r="JV34" s="119">
        <v>0</v>
      </c>
      <c r="JW34" s="119">
        <v>72657</v>
      </c>
      <c r="JX34" s="119">
        <v>252345</v>
      </c>
      <c r="JY34" s="119">
        <v>0</v>
      </c>
      <c r="JZ34" s="119">
        <v>0</v>
      </c>
      <c r="KA34" s="120">
        <v>325002</v>
      </c>
      <c r="KB34" s="320">
        <v>325002</v>
      </c>
      <c r="KC34" s="234">
        <v>0</v>
      </c>
      <c r="KD34" s="230">
        <v>264168</v>
      </c>
      <c r="KE34" s="120">
        <v>264168</v>
      </c>
      <c r="KF34" s="118">
        <v>0</v>
      </c>
      <c r="KG34" s="119">
        <v>1043910</v>
      </c>
      <c r="KH34" s="119">
        <v>987822</v>
      </c>
      <c r="KI34" s="119">
        <v>1797897</v>
      </c>
      <c r="KJ34" s="119">
        <v>600642</v>
      </c>
      <c r="KK34" s="119">
        <v>319410</v>
      </c>
      <c r="KL34" s="120">
        <v>4749681</v>
      </c>
      <c r="KM34" s="143">
        <v>5013849</v>
      </c>
      <c r="KN34" s="232">
        <v>0</v>
      </c>
      <c r="KO34" s="236">
        <v>0</v>
      </c>
      <c r="KP34" s="237">
        <v>0</v>
      </c>
      <c r="KQ34" s="140"/>
      <c r="KR34" s="119">
        <v>748575</v>
      </c>
      <c r="KS34" s="119">
        <v>797274</v>
      </c>
      <c r="KT34" s="119">
        <v>678879</v>
      </c>
      <c r="KU34" s="119">
        <v>0</v>
      </c>
      <c r="KV34" s="119">
        <v>1116900</v>
      </c>
      <c r="KW34" s="120">
        <v>3341628</v>
      </c>
      <c r="KX34" s="320">
        <v>3341628</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225576</v>
      </c>
      <c r="LO34" s="119">
        <v>741555</v>
      </c>
      <c r="LP34" s="119">
        <v>1404666</v>
      </c>
      <c r="LQ34" s="119">
        <v>2107575</v>
      </c>
      <c r="LR34" s="119">
        <v>1948671</v>
      </c>
      <c r="LS34" s="120">
        <v>6428043</v>
      </c>
      <c r="LT34" s="320">
        <v>6428043</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493084</v>
      </c>
      <c r="MK34" s="119">
        <v>2094687</v>
      </c>
      <c r="ML34" s="119">
        <v>6536215</v>
      </c>
      <c r="MM34" s="119">
        <v>13705252</v>
      </c>
      <c r="MN34" s="119">
        <v>9057472</v>
      </c>
      <c r="MO34" s="120">
        <v>31886710</v>
      </c>
      <c r="MP34" s="143">
        <v>31886710</v>
      </c>
      <c r="MQ34" s="142">
        <v>0</v>
      </c>
      <c r="MR34" s="119">
        <v>0</v>
      </c>
      <c r="MS34" s="120">
        <v>0</v>
      </c>
      <c r="MT34" s="145"/>
      <c r="MU34" s="119">
        <v>0</v>
      </c>
      <c r="MV34" s="119">
        <v>698217</v>
      </c>
      <c r="MW34" s="119">
        <v>2954389</v>
      </c>
      <c r="MX34" s="119">
        <v>8822135</v>
      </c>
      <c r="MY34" s="119">
        <v>5731049</v>
      </c>
      <c r="MZ34" s="120">
        <v>18205790</v>
      </c>
      <c r="NA34" s="143">
        <v>18205790</v>
      </c>
      <c r="NB34" s="142">
        <v>0</v>
      </c>
      <c r="NC34" s="119">
        <v>0</v>
      </c>
      <c r="ND34" s="120">
        <v>0</v>
      </c>
      <c r="NE34" s="145"/>
      <c r="NF34" s="119">
        <v>493084</v>
      </c>
      <c r="NG34" s="119">
        <v>1396470</v>
      </c>
      <c r="NH34" s="119">
        <v>3581826</v>
      </c>
      <c r="NI34" s="119">
        <v>4493471</v>
      </c>
      <c r="NJ34" s="119">
        <v>3326423</v>
      </c>
      <c r="NK34" s="120">
        <v>13291274</v>
      </c>
      <c r="NL34" s="320">
        <v>13291274</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389646</v>
      </c>
      <c r="OF34" s="119">
        <v>0</v>
      </c>
      <c r="OG34" s="120">
        <v>389646</v>
      </c>
      <c r="OH34" s="121">
        <v>389646</v>
      </c>
      <c r="OI34" s="142">
        <v>393612</v>
      </c>
      <c r="OJ34" s="119">
        <v>765694</v>
      </c>
      <c r="OK34" s="141">
        <v>1159306</v>
      </c>
      <c r="OL34" s="118">
        <v>0</v>
      </c>
      <c r="OM34" s="119">
        <v>10890909</v>
      </c>
      <c r="ON34" s="119">
        <v>17424750</v>
      </c>
      <c r="OO34" s="119">
        <v>18544513</v>
      </c>
      <c r="OP34" s="119">
        <v>26943650</v>
      </c>
      <c r="OQ34" s="119">
        <v>17982955</v>
      </c>
      <c r="OR34" s="120">
        <v>91786777</v>
      </c>
      <c r="OS34" s="143">
        <v>92946083</v>
      </c>
    </row>
    <row r="35" spans="2:409" ht="21" customHeight="1" x14ac:dyDescent="0.2">
      <c r="B35" s="62" t="s">
        <v>30</v>
      </c>
      <c r="C35" s="110">
        <v>688352</v>
      </c>
      <c r="D35" s="114">
        <v>796822</v>
      </c>
      <c r="E35" s="174">
        <v>1485174</v>
      </c>
      <c r="F35" s="175">
        <v>0</v>
      </c>
      <c r="G35" s="176">
        <v>7214729</v>
      </c>
      <c r="H35" s="176">
        <v>8100881</v>
      </c>
      <c r="I35" s="176">
        <v>7362739</v>
      </c>
      <c r="J35" s="176">
        <v>8189813</v>
      </c>
      <c r="K35" s="176">
        <v>3488122</v>
      </c>
      <c r="L35" s="177">
        <v>34356284</v>
      </c>
      <c r="M35" s="116">
        <v>35841458</v>
      </c>
      <c r="N35" s="110">
        <v>105369</v>
      </c>
      <c r="O35" s="114">
        <v>212189</v>
      </c>
      <c r="P35" s="113">
        <v>317558</v>
      </c>
      <c r="Q35" s="110">
        <v>0</v>
      </c>
      <c r="R35" s="114">
        <v>2238315</v>
      </c>
      <c r="S35" s="114">
        <v>2234410</v>
      </c>
      <c r="T35" s="114">
        <v>2584554</v>
      </c>
      <c r="U35" s="114">
        <v>3264621</v>
      </c>
      <c r="V35" s="114">
        <v>1983176</v>
      </c>
      <c r="W35" s="113">
        <v>12305076</v>
      </c>
      <c r="X35" s="116">
        <v>12622634</v>
      </c>
      <c r="Y35" s="110">
        <v>0</v>
      </c>
      <c r="Z35" s="114">
        <v>0</v>
      </c>
      <c r="AA35" s="113">
        <v>0</v>
      </c>
      <c r="AB35" s="110">
        <v>0</v>
      </c>
      <c r="AC35" s="114">
        <v>1177221</v>
      </c>
      <c r="AD35" s="114">
        <v>1204552</v>
      </c>
      <c r="AE35" s="114">
        <v>1301234</v>
      </c>
      <c r="AF35" s="114">
        <v>1616728</v>
      </c>
      <c r="AG35" s="114">
        <v>1088498</v>
      </c>
      <c r="AH35" s="113">
        <v>6388233</v>
      </c>
      <c r="AI35" s="116">
        <v>6388233</v>
      </c>
      <c r="AJ35" s="110">
        <v>0</v>
      </c>
      <c r="AK35" s="114">
        <v>0</v>
      </c>
      <c r="AL35" s="113">
        <v>0</v>
      </c>
      <c r="AM35" s="110">
        <v>0</v>
      </c>
      <c r="AN35" s="114">
        <v>12809</v>
      </c>
      <c r="AO35" s="114">
        <v>0</v>
      </c>
      <c r="AP35" s="114">
        <v>49167</v>
      </c>
      <c r="AQ35" s="114">
        <v>453541</v>
      </c>
      <c r="AR35" s="114">
        <v>399041</v>
      </c>
      <c r="AS35" s="113">
        <v>914558</v>
      </c>
      <c r="AT35" s="116">
        <v>914558</v>
      </c>
      <c r="AU35" s="110">
        <v>42315</v>
      </c>
      <c r="AV35" s="114">
        <v>206825</v>
      </c>
      <c r="AW35" s="113">
        <v>249140</v>
      </c>
      <c r="AX35" s="110">
        <v>0</v>
      </c>
      <c r="AY35" s="114">
        <v>611725</v>
      </c>
      <c r="AZ35" s="114">
        <v>664260</v>
      </c>
      <c r="BA35" s="114">
        <v>857166</v>
      </c>
      <c r="BB35" s="114">
        <v>843311</v>
      </c>
      <c r="BC35" s="114">
        <v>362365</v>
      </c>
      <c r="BD35" s="113">
        <v>3338827</v>
      </c>
      <c r="BE35" s="116">
        <v>3587967</v>
      </c>
      <c r="BF35" s="110">
        <v>17982</v>
      </c>
      <c r="BG35" s="114">
        <v>0</v>
      </c>
      <c r="BH35" s="112">
        <v>17982</v>
      </c>
      <c r="BI35" s="111">
        <v>0</v>
      </c>
      <c r="BJ35" s="114">
        <v>186066</v>
      </c>
      <c r="BK35" s="114">
        <v>151713</v>
      </c>
      <c r="BL35" s="114">
        <v>99500</v>
      </c>
      <c r="BM35" s="114">
        <v>0</v>
      </c>
      <c r="BN35" s="114">
        <v>0</v>
      </c>
      <c r="BO35" s="113">
        <v>437279</v>
      </c>
      <c r="BP35" s="116">
        <v>455261</v>
      </c>
      <c r="BQ35" s="110">
        <v>45072</v>
      </c>
      <c r="BR35" s="114">
        <v>5364</v>
      </c>
      <c r="BS35" s="113">
        <v>50436</v>
      </c>
      <c r="BT35" s="110">
        <v>0</v>
      </c>
      <c r="BU35" s="114">
        <v>250494</v>
      </c>
      <c r="BV35" s="114">
        <v>213885</v>
      </c>
      <c r="BW35" s="114">
        <v>277487</v>
      </c>
      <c r="BX35" s="114">
        <v>351041</v>
      </c>
      <c r="BY35" s="114">
        <v>133272</v>
      </c>
      <c r="BZ35" s="113">
        <v>1226179</v>
      </c>
      <c r="CA35" s="116">
        <v>1276615</v>
      </c>
      <c r="CB35" s="110">
        <v>43268</v>
      </c>
      <c r="CC35" s="114">
        <v>131772</v>
      </c>
      <c r="CD35" s="113">
        <v>175040</v>
      </c>
      <c r="CE35" s="110">
        <v>0</v>
      </c>
      <c r="CF35" s="114">
        <v>1993337</v>
      </c>
      <c r="CG35" s="114">
        <v>2531215</v>
      </c>
      <c r="CH35" s="114">
        <v>2178361</v>
      </c>
      <c r="CI35" s="114">
        <v>1919689</v>
      </c>
      <c r="CJ35" s="114">
        <v>117558</v>
      </c>
      <c r="CK35" s="113">
        <v>8740160</v>
      </c>
      <c r="CL35" s="116">
        <v>8915200</v>
      </c>
      <c r="CM35" s="110">
        <v>0</v>
      </c>
      <c r="CN35" s="114">
        <v>0</v>
      </c>
      <c r="CO35" s="113">
        <v>0</v>
      </c>
      <c r="CP35" s="111">
        <v>0</v>
      </c>
      <c r="CQ35" s="114">
        <v>1660760</v>
      </c>
      <c r="CR35" s="114">
        <v>2010911</v>
      </c>
      <c r="CS35" s="114">
        <v>1792751</v>
      </c>
      <c r="CT35" s="114">
        <v>1364191</v>
      </c>
      <c r="CU35" s="114">
        <v>117558</v>
      </c>
      <c r="CV35" s="113">
        <v>6946171</v>
      </c>
      <c r="CW35" s="116">
        <v>6946171</v>
      </c>
      <c r="CX35" s="110">
        <v>43268</v>
      </c>
      <c r="CY35" s="114">
        <v>131772</v>
      </c>
      <c r="CZ35" s="113">
        <v>175040</v>
      </c>
      <c r="DA35" s="110">
        <v>0</v>
      </c>
      <c r="DB35" s="114">
        <v>332577</v>
      </c>
      <c r="DC35" s="114">
        <v>520304</v>
      </c>
      <c r="DD35" s="114">
        <v>385610</v>
      </c>
      <c r="DE35" s="114">
        <v>555498</v>
      </c>
      <c r="DF35" s="114">
        <v>0</v>
      </c>
      <c r="DG35" s="113">
        <v>1793989</v>
      </c>
      <c r="DH35" s="116">
        <v>1969029</v>
      </c>
      <c r="DI35" s="110">
        <v>0</v>
      </c>
      <c r="DJ35" s="114">
        <v>17181</v>
      </c>
      <c r="DK35" s="112">
        <v>17181</v>
      </c>
      <c r="DL35" s="111">
        <v>0</v>
      </c>
      <c r="DM35" s="114">
        <v>485404</v>
      </c>
      <c r="DN35" s="114">
        <v>601614</v>
      </c>
      <c r="DO35" s="114">
        <v>329129</v>
      </c>
      <c r="DP35" s="114">
        <v>875195</v>
      </c>
      <c r="DQ35" s="114">
        <v>422549</v>
      </c>
      <c r="DR35" s="113">
        <v>2713891</v>
      </c>
      <c r="DS35" s="116">
        <v>2731072</v>
      </c>
      <c r="DT35" s="110">
        <v>0</v>
      </c>
      <c r="DU35" s="114">
        <v>17181</v>
      </c>
      <c r="DV35" s="113">
        <v>17181</v>
      </c>
      <c r="DW35" s="110">
        <v>0</v>
      </c>
      <c r="DX35" s="114">
        <v>363172</v>
      </c>
      <c r="DY35" s="114">
        <v>479428</v>
      </c>
      <c r="DZ35" s="114">
        <v>329129</v>
      </c>
      <c r="EA35" s="114">
        <v>875195</v>
      </c>
      <c r="EB35" s="114">
        <v>0</v>
      </c>
      <c r="EC35" s="113">
        <v>2046924</v>
      </c>
      <c r="ED35" s="116">
        <v>2064105</v>
      </c>
      <c r="EE35" s="110">
        <v>0</v>
      </c>
      <c r="EF35" s="112">
        <v>0</v>
      </c>
      <c r="EG35" s="113">
        <v>0</v>
      </c>
      <c r="EH35" s="110">
        <v>0</v>
      </c>
      <c r="EI35" s="114">
        <v>122232</v>
      </c>
      <c r="EJ35" s="114">
        <v>122186</v>
      </c>
      <c r="EK35" s="114">
        <v>0</v>
      </c>
      <c r="EL35" s="114">
        <v>0</v>
      </c>
      <c r="EM35" s="114">
        <v>422549</v>
      </c>
      <c r="EN35" s="112">
        <v>666967</v>
      </c>
      <c r="EO35" s="116">
        <v>666967</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239675</v>
      </c>
      <c r="FM35" s="114">
        <v>299900</v>
      </c>
      <c r="FN35" s="113">
        <v>539575</v>
      </c>
      <c r="FO35" s="110">
        <v>0</v>
      </c>
      <c r="FP35" s="114">
        <v>405928</v>
      </c>
      <c r="FQ35" s="114">
        <v>890216</v>
      </c>
      <c r="FR35" s="114">
        <v>977641</v>
      </c>
      <c r="FS35" s="114">
        <v>547469</v>
      </c>
      <c r="FT35" s="114">
        <v>298619</v>
      </c>
      <c r="FU35" s="113">
        <v>3119873</v>
      </c>
      <c r="FV35" s="116">
        <v>3659448</v>
      </c>
      <c r="FW35" s="115">
        <v>183245</v>
      </c>
      <c r="FX35" s="114">
        <v>142400</v>
      </c>
      <c r="FY35" s="112">
        <v>325645</v>
      </c>
      <c r="FZ35" s="111">
        <v>0</v>
      </c>
      <c r="GA35" s="114">
        <v>405928</v>
      </c>
      <c r="GB35" s="114">
        <v>710216</v>
      </c>
      <c r="GC35" s="114">
        <v>891214</v>
      </c>
      <c r="GD35" s="114">
        <v>547469</v>
      </c>
      <c r="GE35" s="114">
        <v>298619</v>
      </c>
      <c r="GF35" s="113">
        <v>2853446</v>
      </c>
      <c r="GG35" s="318">
        <v>3179091</v>
      </c>
      <c r="GH35" s="115">
        <v>13860</v>
      </c>
      <c r="GI35" s="114">
        <v>0</v>
      </c>
      <c r="GJ35" s="112">
        <v>13860</v>
      </c>
      <c r="GK35" s="111">
        <v>0</v>
      </c>
      <c r="GL35" s="114">
        <v>0</v>
      </c>
      <c r="GM35" s="114">
        <v>0</v>
      </c>
      <c r="GN35" s="114">
        <v>86427</v>
      </c>
      <c r="GO35" s="114">
        <v>0</v>
      </c>
      <c r="GP35" s="114">
        <v>0</v>
      </c>
      <c r="GQ35" s="113">
        <v>86427</v>
      </c>
      <c r="GR35" s="116">
        <v>100287</v>
      </c>
      <c r="GS35" s="110">
        <v>42570</v>
      </c>
      <c r="GT35" s="114">
        <v>157500</v>
      </c>
      <c r="GU35" s="113">
        <v>200070</v>
      </c>
      <c r="GV35" s="110">
        <v>0</v>
      </c>
      <c r="GW35" s="114">
        <v>0</v>
      </c>
      <c r="GX35" s="114">
        <v>180000</v>
      </c>
      <c r="GY35" s="114">
        <v>0</v>
      </c>
      <c r="GZ35" s="114">
        <v>0</v>
      </c>
      <c r="HA35" s="114">
        <v>0</v>
      </c>
      <c r="HB35" s="112">
        <v>180000</v>
      </c>
      <c r="HC35" s="116">
        <v>380070</v>
      </c>
      <c r="HD35" s="110">
        <v>117220</v>
      </c>
      <c r="HE35" s="114">
        <v>0</v>
      </c>
      <c r="HF35" s="112">
        <v>117220</v>
      </c>
      <c r="HG35" s="111">
        <v>0</v>
      </c>
      <c r="HH35" s="114">
        <v>910799</v>
      </c>
      <c r="HI35" s="114">
        <v>781179</v>
      </c>
      <c r="HJ35" s="114">
        <v>444761</v>
      </c>
      <c r="HK35" s="114">
        <v>958340</v>
      </c>
      <c r="HL35" s="114">
        <v>440310</v>
      </c>
      <c r="HM35" s="113">
        <v>3535389</v>
      </c>
      <c r="HN35" s="109">
        <v>3652609</v>
      </c>
      <c r="HO35" s="115">
        <v>182820</v>
      </c>
      <c r="HP35" s="114">
        <v>135780</v>
      </c>
      <c r="HQ35" s="113">
        <v>318600</v>
      </c>
      <c r="HR35" s="110">
        <v>0</v>
      </c>
      <c r="HS35" s="114">
        <v>1180946</v>
      </c>
      <c r="HT35" s="114">
        <v>1062247</v>
      </c>
      <c r="HU35" s="114">
        <v>848293</v>
      </c>
      <c r="HV35" s="114">
        <v>624499</v>
      </c>
      <c r="HW35" s="114">
        <v>225910</v>
      </c>
      <c r="HX35" s="112">
        <v>3941895</v>
      </c>
      <c r="HY35" s="116">
        <v>4260495</v>
      </c>
      <c r="HZ35" s="131">
        <v>26763</v>
      </c>
      <c r="IA35" s="132">
        <v>0</v>
      </c>
      <c r="IB35" s="133">
        <v>26763</v>
      </c>
      <c r="IC35" s="146">
        <v>0</v>
      </c>
      <c r="ID35" s="132">
        <v>3127525</v>
      </c>
      <c r="IE35" s="147">
        <v>1662528</v>
      </c>
      <c r="IF35" s="133">
        <v>2673398</v>
      </c>
      <c r="IG35" s="132">
        <v>2482996</v>
      </c>
      <c r="IH35" s="133">
        <v>360846</v>
      </c>
      <c r="II35" s="148">
        <v>10307293</v>
      </c>
      <c r="IJ35" s="139">
        <v>10334056</v>
      </c>
      <c r="IK35" s="232">
        <v>0</v>
      </c>
      <c r="IL35" s="236">
        <v>0</v>
      </c>
      <c r="IM35" s="237">
        <v>0</v>
      </c>
      <c r="IN35" s="140"/>
      <c r="IO35" s="119">
        <v>0</v>
      </c>
      <c r="IP35" s="119">
        <v>0</v>
      </c>
      <c r="IQ35" s="119">
        <v>181224</v>
      </c>
      <c r="IR35" s="119">
        <v>0</v>
      </c>
      <c r="IS35" s="119">
        <v>0</v>
      </c>
      <c r="IT35" s="141">
        <v>181224</v>
      </c>
      <c r="IU35" s="320">
        <v>181224</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1058229</v>
      </c>
      <c r="JL35" s="119">
        <v>814653</v>
      </c>
      <c r="JM35" s="119">
        <v>1284292</v>
      </c>
      <c r="JN35" s="119">
        <v>560637</v>
      </c>
      <c r="JO35" s="119">
        <v>0</v>
      </c>
      <c r="JP35" s="120">
        <v>3717811</v>
      </c>
      <c r="JQ35" s="320">
        <v>3717811</v>
      </c>
      <c r="JR35" s="142">
        <v>26763</v>
      </c>
      <c r="JS35" s="119">
        <v>0</v>
      </c>
      <c r="JT35" s="141">
        <v>26763</v>
      </c>
      <c r="JU35" s="118">
        <v>0</v>
      </c>
      <c r="JV35" s="119">
        <v>87876</v>
      </c>
      <c r="JW35" s="119">
        <v>191591</v>
      </c>
      <c r="JX35" s="119">
        <v>147124</v>
      </c>
      <c r="JY35" s="119">
        <v>0</v>
      </c>
      <c r="JZ35" s="119">
        <v>0</v>
      </c>
      <c r="KA35" s="120">
        <v>426591</v>
      </c>
      <c r="KB35" s="320">
        <v>453354</v>
      </c>
      <c r="KC35" s="234">
        <v>0</v>
      </c>
      <c r="KD35" s="230">
        <v>0</v>
      </c>
      <c r="KE35" s="120">
        <v>0</v>
      </c>
      <c r="KF35" s="118">
        <v>0</v>
      </c>
      <c r="KG35" s="119">
        <v>0</v>
      </c>
      <c r="KH35" s="119">
        <v>190827</v>
      </c>
      <c r="KI35" s="119">
        <v>0</v>
      </c>
      <c r="KJ35" s="119">
        <v>293661</v>
      </c>
      <c r="KK35" s="119">
        <v>0</v>
      </c>
      <c r="KL35" s="120">
        <v>484488</v>
      </c>
      <c r="KM35" s="143">
        <v>484488</v>
      </c>
      <c r="KN35" s="232">
        <v>0</v>
      </c>
      <c r="KO35" s="236">
        <v>0</v>
      </c>
      <c r="KP35" s="237">
        <v>0</v>
      </c>
      <c r="KQ35" s="140"/>
      <c r="KR35" s="119">
        <v>1981420</v>
      </c>
      <c r="KS35" s="119">
        <v>465457</v>
      </c>
      <c r="KT35" s="119">
        <v>1060758</v>
      </c>
      <c r="KU35" s="119">
        <v>1628698</v>
      </c>
      <c r="KV35" s="119">
        <v>360846</v>
      </c>
      <c r="KW35" s="120">
        <v>5497179</v>
      </c>
      <c r="KX35" s="320">
        <v>5497179</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910880</v>
      </c>
      <c r="MK35" s="119">
        <v>748185</v>
      </c>
      <c r="ML35" s="119">
        <v>10241105</v>
      </c>
      <c r="MM35" s="119">
        <v>12125625</v>
      </c>
      <c r="MN35" s="119">
        <v>6797634</v>
      </c>
      <c r="MO35" s="120">
        <v>31823429</v>
      </c>
      <c r="MP35" s="143">
        <v>31823429</v>
      </c>
      <c r="MQ35" s="142">
        <v>0</v>
      </c>
      <c r="MR35" s="119">
        <v>0</v>
      </c>
      <c r="MS35" s="120">
        <v>0</v>
      </c>
      <c r="MT35" s="145"/>
      <c r="MU35" s="119">
        <v>232587</v>
      </c>
      <c r="MV35" s="119">
        <v>210363</v>
      </c>
      <c r="MW35" s="119">
        <v>6001683</v>
      </c>
      <c r="MX35" s="119">
        <v>6588377</v>
      </c>
      <c r="MY35" s="119">
        <v>4270359</v>
      </c>
      <c r="MZ35" s="120">
        <v>17303369</v>
      </c>
      <c r="NA35" s="143">
        <v>17303369</v>
      </c>
      <c r="NB35" s="142">
        <v>0</v>
      </c>
      <c r="NC35" s="119">
        <v>0</v>
      </c>
      <c r="ND35" s="120">
        <v>0</v>
      </c>
      <c r="NE35" s="145"/>
      <c r="NF35" s="119">
        <v>1678293</v>
      </c>
      <c r="NG35" s="119">
        <v>278442</v>
      </c>
      <c r="NH35" s="119">
        <v>4239422</v>
      </c>
      <c r="NI35" s="119">
        <v>5537248</v>
      </c>
      <c r="NJ35" s="119">
        <v>1656797</v>
      </c>
      <c r="NK35" s="120">
        <v>13390202</v>
      </c>
      <c r="NL35" s="320">
        <v>13390202</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259380</v>
      </c>
      <c r="OD35" s="119">
        <v>0</v>
      </c>
      <c r="OE35" s="119">
        <v>0</v>
      </c>
      <c r="OF35" s="119">
        <v>870478</v>
      </c>
      <c r="OG35" s="120">
        <v>1129858</v>
      </c>
      <c r="OH35" s="121">
        <v>1129858</v>
      </c>
      <c r="OI35" s="142">
        <v>715115</v>
      </c>
      <c r="OJ35" s="119">
        <v>796822</v>
      </c>
      <c r="OK35" s="141">
        <v>1511937</v>
      </c>
      <c r="OL35" s="118">
        <v>0</v>
      </c>
      <c r="OM35" s="119">
        <v>12253134</v>
      </c>
      <c r="ON35" s="119">
        <v>10511594</v>
      </c>
      <c r="OO35" s="119">
        <v>20277242</v>
      </c>
      <c r="OP35" s="119">
        <v>22798434</v>
      </c>
      <c r="OQ35" s="119">
        <v>10646602</v>
      </c>
      <c r="OR35" s="120">
        <v>76487006</v>
      </c>
      <c r="OS35" s="143">
        <v>77998943</v>
      </c>
    </row>
    <row r="36" spans="2:409" ht="21" customHeight="1" x14ac:dyDescent="0.2">
      <c r="B36" s="62" t="s">
        <v>31</v>
      </c>
      <c r="C36" s="110">
        <v>428722</v>
      </c>
      <c r="D36" s="114">
        <v>1001484</v>
      </c>
      <c r="E36" s="113">
        <v>1430206</v>
      </c>
      <c r="F36" s="109">
        <v>0</v>
      </c>
      <c r="G36" s="114">
        <v>7123929</v>
      </c>
      <c r="H36" s="114">
        <v>9954611</v>
      </c>
      <c r="I36" s="114">
        <v>7807319</v>
      </c>
      <c r="J36" s="114">
        <v>6940893</v>
      </c>
      <c r="K36" s="114">
        <v>3766111</v>
      </c>
      <c r="L36" s="173">
        <v>35592863</v>
      </c>
      <c r="M36" s="116">
        <v>37023069</v>
      </c>
      <c r="N36" s="110">
        <v>79140</v>
      </c>
      <c r="O36" s="114">
        <v>128223</v>
      </c>
      <c r="P36" s="113">
        <v>207363</v>
      </c>
      <c r="Q36" s="110">
        <v>0</v>
      </c>
      <c r="R36" s="114">
        <v>1357943</v>
      </c>
      <c r="S36" s="114">
        <v>2162549</v>
      </c>
      <c r="T36" s="114">
        <v>1325741</v>
      </c>
      <c r="U36" s="114">
        <v>2080680</v>
      </c>
      <c r="V36" s="114">
        <v>1885687</v>
      </c>
      <c r="W36" s="113">
        <v>8812600</v>
      </c>
      <c r="X36" s="116">
        <v>9019963</v>
      </c>
      <c r="Y36" s="110">
        <v>0</v>
      </c>
      <c r="Z36" s="114">
        <v>0</v>
      </c>
      <c r="AA36" s="113">
        <v>0</v>
      </c>
      <c r="AB36" s="110">
        <v>0</v>
      </c>
      <c r="AC36" s="114">
        <v>504672</v>
      </c>
      <c r="AD36" s="114">
        <v>639943</v>
      </c>
      <c r="AE36" s="114">
        <v>256914</v>
      </c>
      <c r="AF36" s="114">
        <v>822397</v>
      </c>
      <c r="AG36" s="114">
        <v>873653</v>
      </c>
      <c r="AH36" s="113">
        <v>3097579</v>
      </c>
      <c r="AI36" s="116">
        <v>3097579</v>
      </c>
      <c r="AJ36" s="110">
        <v>0</v>
      </c>
      <c r="AK36" s="114">
        <v>0</v>
      </c>
      <c r="AL36" s="113">
        <v>0</v>
      </c>
      <c r="AM36" s="110">
        <v>0</v>
      </c>
      <c r="AN36" s="114">
        <v>49167</v>
      </c>
      <c r="AO36" s="114">
        <v>131319</v>
      </c>
      <c r="AP36" s="114">
        <v>270695</v>
      </c>
      <c r="AQ36" s="114">
        <v>344205</v>
      </c>
      <c r="AR36" s="114">
        <v>322342</v>
      </c>
      <c r="AS36" s="113">
        <v>1117728</v>
      </c>
      <c r="AT36" s="116">
        <v>1117728</v>
      </c>
      <c r="AU36" s="110">
        <v>62976</v>
      </c>
      <c r="AV36" s="114">
        <v>67446</v>
      </c>
      <c r="AW36" s="113">
        <v>130422</v>
      </c>
      <c r="AX36" s="110">
        <v>0</v>
      </c>
      <c r="AY36" s="114">
        <v>584701</v>
      </c>
      <c r="AZ36" s="114">
        <v>836712</v>
      </c>
      <c r="BA36" s="114">
        <v>296078</v>
      </c>
      <c r="BB36" s="114">
        <v>660825</v>
      </c>
      <c r="BC36" s="114">
        <v>493164</v>
      </c>
      <c r="BD36" s="113">
        <v>2871480</v>
      </c>
      <c r="BE36" s="116">
        <v>3001902</v>
      </c>
      <c r="BF36" s="110">
        <v>0</v>
      </c>
      <c r="BG36" s="114">
        <v>60777</v>
      </c>
      <c r="BH36" s="112">
        <v>60777</v>
      </c>
      <c r="BI36" s="111">
        <v>0</v>
      </c>
      <c r="BJ36" s="114">
        <v>103248</v>
      </c>
      <c r="BK36" s="114">
        <v>307064</v>
      </c>
      <c r="BL36" s="114">
        <v>371347</v>
      </c>
      <c r="BM36" s="114">
        <v>175059</v>
      </c>
      <c r="BN36" s="114">
        <v>140238</v>
      </c>
      <c r="BO36" s="113">
        <v>1096956</v>
      </c>
      <c r="BP36" s="116">
        <v>1157733</v>
      </c>
      <c r="BQ36" s="110">
        <v>16164</v>
      </c>
      <c r="BR36" s="114">
        <v>0</v>
      </c>
      <c r="BS36" s="113">
        <v>16164</v>
      </c>
      <c r="BT36" s="110">
        <v>0</v>
      </c>
      <c r="BU36" s="114">
        <v>116155</v>
      </c>
      <c r="BV36" s="114">
        <v>247511</v>
      </c>
      <c r="BW36" s="114">
        <v>130707</v>
      </c>
      <c r="BX36" s="114">
        <v>78194</v>
      </c>
      <c r="BY36" s="114">
        <v>56290</v>
      </c>
      <c r="BZ36" s="113">
        <v>628857</v>
      </c>
      <c r="CA36" s="116">
        <v>645021</v>
      </c>
      <c r="CB36" s="110">
        <v>0</v>
      </c>
      <c r="CC36" s="114">
        <v>0</v>
      </c>
      <c r="CD36" s="113">
        <v>0</v>
      </c>
      <c r="CE36" s="110">
        <v>0</v>
      </c>
      <c r="CF36" s="114">
        <v>2192653</v>
      </c>
      <c r="CG36" s="114">
        <v>3265323</v>
      </c>
      <c r="CH36" s="114">
        <v>2241524</v>
      </c>
      <c r="CI36" s="114">
        <v>1603555</v>
      </c>
      <c r="CJ36" s="114">
        <v>374248</v>
      </c>
      <c r="CK36" s="113">
        <v>9677303</v>
      </c>
      <c r="CL36" s="116">
        <v>9677303</v>
      </c>
      <c r="CM36" s="110">
        <v>0</v>
      </c>
      <c r="CN36" s="114">
        <v>0</v>
      </c>
      <c r="CO36" s="113">
        <v>0</v>
      </c>
      <c r="CP36" s="111">
        <v>0</v>
      </c>
      <c r="CQ36" s="114">
        <v>1966708</v>
      </c>
      <c r="CR36" s="114">
        <v>2737251</v>
      </c>
      <c r="CS36" s="114">
        <v>1888700</v>
      </c>
      <c r="CT36" s="114">
        <v>1310294</v>
      </c>
      <c r="CU36" s="114">
        <v>159416</v>
      </c>
      <c r="CV36" s="113">
        <v>8062369</v>
      </c>
      <c r="CW36" s="116">
        <v>8062369</v>
      </c>
      <c r="CX36" s="110">
        <v>0</v>
      </c>
      <c r="CY36" s="114">
        <v>0</v>
      </c>
      <c r="CZ36" s="113">
        <v>0</v>
      </c>
      <c r="DA36" s="110">
        <v>0</v>
      </c>
      <c r="DB36" s="114">
        <v>225945</v>
      </c>
      <c r="DC36" s="114">
        <v>528072</v>
      </c>
      <c r="DD36" s="114">
        <v>352824</v>
      </c>
      <c r="DE36" s="114">
        <v>293261</v>
      </c>
      <c r="DF36" s="114">
        <v>214832</v>
      </c>
      <c r="DG36" s="113">
        <v>1614934</v>
      </c>
      <c r="DH36" s="116">
        <v>1614934</v>
      </c>
      <c r="DI36" s="110">
        <v>0</v>
      </c>
      <c r="DJ36" s="114">
        <v>0</v>
      </c>
      <c r="DK36" s="112">
        <v>0</v>
      </c>
      <c r="DL36" s="111">
        <v>0</v>
      </c>
      <c r="DM36" s="114">
        <v>211287</v>
      </c>
      <c r="DN36" s="114">
        <v>1001048</v>
      </c>
      <c r="DO36" s="114">
        <v>1940061</v>
      </c>
      <c r="DP36" s="114">
        <v>758668</v>
      </c>
      <c r="DQ36" s="114">
        <v>208491</v>
      </c>
      <c r="DR36" s="113">
        <v>4119555</v>
      </c>
      <c r="DS36" s="116">
        <v>4119555</v>
      </c>
      <c r="DT36" s="110">
        <v>0</v>
      </c>
      <c r="DU36" s="114">
        <v>0</v>
      </c>
      <c r="DV36" s="113">
        <v>0</v>
      </c>
      <c r="DW36" s="110">
        <v>0</v>
      </c>
      <c r="DX36" s="114">
        <v>211287</v>
      </c>
      <c r="DY36" s="114">
        <v>918653</v>
      </c>
      <c r="DZ36" s="114">
        <v>1940061</v>
      </c>
      <c r="EA36" s="114">
        <v>758668</v>
      </c>
      <c r="EB36" s="114">
        <v>149568</v>
      </c>
      <c r="EC36" s="113">
        <v>3978237</v>
      </c>
      <c r="ED36" s="116">
        <v>3978237</v>
      </c>
      <c r="EE36" s="110">
        <v>0</v>
      </c>
      <c r="EF36" s="112">
        <v>0</v>
      </c>
      <c r="EG36" s="113">
        <v>0</v>
      </c>
      <c r="EH36" s="110">
        <v>0</v>
      </c>
      <c r="EI36" s="114">
        <v>0</v>
      </c>
      <c r="EJ36" s="114">
        <v>82395</v>
      </c>
      <c r="EK36" s="114">
        <v>0</v>
      </c>
      <c r="EL36" s="114">
        <v>0</v>
      </c>
      <c r="EM36" s="114">
        <v>58923</v>
      </c>
      <c r="EN36" s="112">
        <v>141318</v>
      </c>
      <c r="EO36" s="116">
        <v>141318</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129670</v>
      </c>
      <c r="FM36" s="114">
        <v>551840</v>
      </c>
      <c r="FN36" s="113">
        <v>681510</v>
      </c>
      <c r="FO36" s="110">
        <v>0</v>
      </c>
      <c r="FP36" s="114">
        <v>758085</v>
      </c>
      <c r="FQ36" s="114">
        <v>1114742</v>
      </c>
      <c r="FR36" s="114">
        <v>632220</v>
      </c>
      <c r="FS36" s="114">
        <v>779226</v>
      </c>
      <c r="FT36" s="114">
        <v>609740</v>
      </c>
      <c r="FU36" s="113">
        <v>3894013</v>
      </c>
      <c r="FV36" s="116">
        <v>4575523</v>
      </c>
      <c r="FW36" s="115">
        <v>129670</v>
      </c>
      <c r="FX36" s="114">
        <v>345740</v>
      </c>
      <c r="FY36" s="112">
        <v>475410</v>
      </c>
      <c r="FZ36" s="111">
        <v>0</v>
      </c>
      <c r="GA36" s="114">
        <v>508505</v>
      </c>
      <c r="GB36" s="114">
        <v>1090982</v>
      </c>
      <c r="GC36" s="114">
        <v>632220</v>
      </c>
      <c r="GD36" s="114">
        <v>618366</v>
      </c>
      <c r="GE36" s="114">
        <v>455102</v>
      </c>
      <c r="GF36" s="113">
        <v>3305175</v>
      </c>
      <c r="GG36" s="318">
        <v>3780585</v>
      </c>
      <c r="GH36" s="115">
        <v>0</v>
      </c>
      <c r="GI36" s="114">
        <v>26100</v>
      </c>
      <c r="GJ36" s="112">
        <v>26100</v>
      </c>
      <c r="GK36" s="111">
        <v>0</v>
      </c>
      <c r="GL36" s="114">
        <v>43680</v>
      </c>
      <c r="GM36" s="114">
        <v>23760</v>
      </c>
      <c r="GN36" s="114">
        <v>0</v>
      </c>
      <c r="GO36" s="114">
        <v>70000</v>
      </c>
      <c r="GP36" s="114">
        <v>0</v>
      </c>
      <c r="GQ36" s="113">
        <v>137440</v>
      </c>
      <c r="GR36" s="116">
        <v>163540</v>
      </c>
      <c r="GS36" s="110">
        <v>0</v>
      </c>
      <c r="GT36" s="114">
        <v>180000</v>
      </c>
      <c r="GU36" s="113">
        <v>180000</v>
      </c>
      <c r="GV36" s="110">
        <v>0</v>
      </c>
      <c r="GW36" s="114">
        <v>205900</v>
      </c>
      <c r="GX36" s="114">
        <v>0</v>
      </c>
      <c r="GY36" s="114">
        <v>0</v>
      </c>
      <c r="GZ36" s="114">
        <v>90860</v>
      </c>
      <c r="HA36" s="114">
        <v>154638</v>
      </c>
      <c r="HB36" s="112">
        <v>451398</v>
      </c>
      <c r="HC36" s="116">
        <v>631398</v>
      </c>
      <c r="HD36" s="110">
        <v>106482</v>
      </c>
      <c r="HE36" s="114">
        <v>99279</v>
      </c>
      <c r="HF36" s="112">
        <v>205761</v>
      </c>
      <c r="HG36" s="111">
        <v>0</v>
      </c>
      <c r="HH36" s="114">
        <v>1188353</v>
      </c>
      <c r="HI36" s="114">
        <v>1119970</v>
      </c>
      <c r="HJ36" s="114">
        <v>862573</v>
      </c>
      <c r="HK36" s="114">
        <v>1209581</v>
      </c>
      <c r="HL36" s="114">
        <v>488245</v>
      </c>
      <c r="HM36" s="113">
        <v>4868722</v>
      </c>
      <c r="HN36" s="109">
        <v>5074483</v>
      </c>
      <c r="HO36" s="115">
        <v>113430</v>
      </c>
      <c r="HP36" s="114">
        <v>222142</v>
      </c>
      <c r="HQ36" s="113">
        <v>335572</v>
      </c>
      <c r="HR36" s="110">
        <v>0</v>
      </c>
      <c r="HS36" s="114">
        <v>1415608</v>
      </c>
      <c r="HT36" s="114">
        <v>1290979</v>
      </c>
      <c r="HU36" s="114">
        <v>805200</v>
      </c>
      <c r="HV36" s="114">
        <v>509183</v>
      </c>
      <c r="HW36" s="114">
        <v>199700</v>
      </c>
      <c r="HX36" s="112">
        <v>4220670</v>
      </c>
      <c r="HY36" s="116">
        <v>4556242</v>
      </c>
      <c r="HZ36" s="150">
        <v>0</v>
      </c>
      <c r="IA36" s="135">
        <v>179104</v>
      </c>
      <c r="IB36" s="150">
        <v>179104</v>
      </c>
      <c r="IC36" s="134">
        <v>0</v>
      </c>
      <c r="ID36" s="135">
        <v>4208971</v>
      </c>
      <c r="IE36" s="136">
        <v>4493259</v>
      </c>
      <c r="IF36" s="137">
        <v>6119636</v>
      </c>
      <c r="IG36" s="135">
        <v>3176511</v>
      </c>
      <c r="IH36" s="137">
        <v>1850209</v>
      </c>
      <c r="II36" s="138">
        <v>19848586</v>
      </c>
      <c r="IJ36" s="150">
        <v>20027690</v>
      </c>
      <c r="IK36" s="232">
        <v>0</v>
      </c>
      <c r="IL36" s="236">
        <v>0</v>
      </c>
      <c r="IM36" s="237">
        <v>0</v>
      </c>
      <c r="IN36" s="140"/>
      <c r="IO36" s="119">
        <v>0</v>
      </c>
      <c r="IP36" s="119">
        <v>408113</v>
      </c>
      <c r="IQ36" s="119">
        <v>0</v>
      </c>
      <c r="IR36" s="119">
        <v>0</v>
      </c>
      <c r="IS36" s="119">
        <v>0</v>
      </c>
      <c r="IT36" s="141">
        <v>408113</v>
      </c>
      <c r="IU36" s="320">
        <v>408113</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231439</v>
      </c>
      <c r="JL36" s="119">
        <v>688217</v>
      </c>
      <c r="JM36" s="119">
        <v>767360</v>
      </c>
      <c r="JN36" s="119">
        <v>150167</v>
      </c>
      <c r="JO36" s="119">
        <v>46242</v>
      </c>
      <c r="JP36" s="120">
        <v>2883425</v>
      </c>
      <c r="JQ36" s="320">
        <v>2883425</v>
      </c>
      <c r="JR36" s="142">
        <v>0</v>
      </c>
      <c r="JS36" s="119">
        <v>0</v>
      </c>
      <c r="JT36" s="141">
        <v>0</v>
      </c>
      <c r="JU36" s="118">
        <v>0</v>
      </c>
      <c r="JV36" s="119">
        <v>0</v>
      </c>
      <c r="JW36" s="119">
        <v>0</v>
      </c>
      <c r="JX36" s="119">
        <v>193469</v>
      </c>
      <c r="JY36" s="119">
        <v>0</v>
      </c>
      <c r="JZ36" s="119">
        <v>276498</v>
      </c>
      <c r="KA36" s="120">
        <v>469967</v>
      </c>
      <c r="KB36" s="320">
        <v>469967</v>
      </c>
      <c r="KC36" s="234">
        <v>0</v>
      </c>
      <c r="KD36" s="230">
        <v>179104</v>
      </c>
      <c r="KE36" s="120">
        <v>179104</v>
      </c>
      <c r="KF36" s="118">
        <v>0</v>
      </c>
      <c r="KG36" s="119">
        <v>1316954</v>
      </c>
      <c r="KH36" s="119">
        <v>952749</v>
      </c>
      <c r="KI36" s="119">
        <v>1904038</v>
      </c>
      <c r="KJ36" s="119">
        <v>470692</v>
      </c>
      <c r="KK36" s="119">
        <v>318615</v>
      </c>
      <c r="KL36" s="120">
        <v>4963048</v>
      </c>
      <c r="KM36" s="143">
        <v>5142152</v>
      </c>
      <c r="KN36" s="232">
        <v>0</v>
      </c>
      <c r="KO36" s="236">
        <v>0</v>
      </c>
      <c r="KP36" s="237">
        <v>0</v>
      </c>
      <c r="KQ36" s="140"/>
      <c r="KR36" s="119">
        <v>1660578</v>
      </c>
      <c r="KS36" s="119">
        <v>2444180</v>
      </c>
      <c r="KT36" s="119">
        <v>3254769</v>
      </c>
      <c r="KU36" s="119">
        <v>2555652</v>
      </c>
      <c r="KV36" s="119">
        <v>1208854</v>
      </c>
      <c r="KW36" s="120">
        <v>11124033</v>
      </c>
      <c r="KX36" s="320">
        <v>11124033</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733601</v>
      </c>
      <c r="MK36" s="119">
        <v>3894464</v>
      </c>
      <c r="ML36" s="119">
        <v>10153799</v>
      </c>
      <c r="MM36" s="119">
        <v>9853423</v>
      </c>
      <c r="MN36" s="119">
        <v>7971714</v>
      </c>
      <c r="MO36" s="120">
        <v>32607001</v>
      </c>
      <c r="MP36" s="143">
        <v>32607001</v>
      </c>
      <c r="MQ36" s="142">
        <v>0</v>
      </c>
      <c r="MR36" s="119">
        <v>0</v>
      </c>
      <c r="MS36" s="120">
        <v>0</v>
      </c>
      <c r="MT36" s="145"/>
      <c r="MU36" s="119">
        <v>0</v>
      </c>
      <c r="MV36" s="119">
        <v>494300</v>
      </c>
      <c r="MW36" s="119">
        <v>7484727</v>
      </c>
      <c r="MX36" s="119">
        <v>7679597</v>
      </c>
      <c r="MY36" s="119">
        <v>6134519</v>
      </c>
      <c r="MZ36" s="120">
        <v>21793143</v>
      </c>
      <c r="NA36" s="143">
        <v>21793143</v>
      </c>
      <c r="NB36" s="142">
        <v>0</v>
      </c>
      <c r="NC36" s="119">
        <v>0</v>
      </c>
      <c r="ND36" s="120">
        <v>0</v>
      </c>
      <c r="NE36" s="145"/>
      <c r="NF36" s="119">
        <v>733601</v>
      </c>
      <c r="NG36" s="119">
        <v>3400164</v>
      </c>
      <c r="NH36" s="119">
        <v>2669072</v>
      </c>
      <c r="NI36" s="119">
        <v>2173826</v>
      </c>
      <c r="NJ36" s="119">
        <v>1837195</v>
      </c>
      <c r="NK36" s="120">
        <v>10813858</v>
      </c>
      <c r="NL36" s="320">
        <v>10813858</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428722</v>
      </c>
      <c r="OJ36" s="119">
        <v>1180588</v>
      </c>
      <c r="OK36" s="141">
        <v>1609310</v>
      </c>
      <c r="OL36" s="118">
        <v>0</v>
      </c>
      <c r="OM36" s="119">
        <v>12066501</v>
      </c>
      <c r="ON36" s="119">
        <v>18342334</v>
      </c>
      <c r="OO36" s="119">
        <v>24080754</v>
      </c>
      <c r="OP36" s="119">
        <v>19970827</v>
      </c>
      <c r="OQ36" s="119">
        <v>13588034</v>
      </c>
      <c r="OR36" s="120">
        <v>88048450</v>
      </c>
      <c r="OS36" s="143">
        <v>89657760</v>
      </c>
    </row>
    <row r="37" spans="2:409" ht="21" customHeight="1" x14ac:dyDescent="0.2">
      <c r="B37" s="62" t="s">
        <v>32</v>
      </c>
      <c r="C37" s="110">
        <v>635060</v>
      </c>
      <c r="D37" s="114">
        <v>1233328</v>
      </c>
      <c r="E37" s="174">
        <v>1868388</v>
      </c>
      <c r="F37" s="175">
        <v>0</v>
      </c>
      <c r="G37" s="176">
        <v>9852627</v>
      </c>
      <c r="H37" s="176">
        <v>10277268</v>
      </c>
      <c r="I37" s="176">
        <v>7599169</v>
      </c>
      <c r="J37" s="176">
        <v>10089036</v>
      </c>
      <c r="K37" s="176">
        <v>6233095</v>
      </c>
      <c r="L37" s="177">
        <v>44051195</v>
      </c>
      <c r="M37" s="116">
        <v>45919583</v>
      </c>
      <c r="N37" s="110">
        <v>227633</v>
      </c>
      <c r="O37" s="114">
        <v>166534</v>
      </c>
      <c r="P37" s="113">
        <v>394167</v>
      </c>
      <c r="Q37" s="110">
        <v>0</v>
      </c>
      <c r="R37" s="114">
        <v>2938398</v>
      </c>
      <c r="S37" s="114">
        <v>2097457</v>
      </c>
      <c r="T37" s="114">
        <v>2004447</v>
      </c>
      <c r="U37" s="114">
        <v>3021170</v>
      </c>
      <c r="V37" s="114">
        <v>3416006</v>
      </c>
      <c r="W37" s="113">
        <v>13477478</v>
      </c>
      <c r="X37" s="116">
        <v>13871645</v>
      </c>
      <c r="Y37" s="110">
        <v>0</v>
      </c>
      <c r="Z37" s="114">
        <v>0</v>
      </c>
      <c r="AA37" s="113">
        <v>0</v>
      </c>
      <c r="AB37" s="110">
        <v>0</v>
      </c>
      <c r="AC37" s="114">
        <v>1356374</v>
      </c>
      <c r="AD37" s="114">
        <v>1003134</v>
      </c>
      <c r="AE37" s="114">
        <v>1287817</v>
      </c>
      <c r="AF37" s="114">
        <v>1793153</v>
      </c>
      <c r="AG37" s="114">
        <v>1937179</v>
      </c>
      <c r="AH37" s="113">
        <v>7377657</v>
      </c>
      <c r="AI37" s="116">
        <v>7377657</v>
      </c>
      <c r="AJ37" s="110">
        <v>0</v>
      </c>
      <c r="AK37" s="114">
        <v>0</v>
      </c>
      <c r="AL37" s="113">
        <v>0</v>
      </c>
      <c r="AM37" s="110">
        <v>0</v>
      </c>
      <c r="AN37" s="114">
        <v>0</v>
      </c>
      <c r="AO37" s="114">
        <v>0</v>
      </c>
      <c r="AP37" s="114">
        <v>25942</v>
      </c>
      <c r="AQ37" s="114">
        <v>110628</v>
      </c>
      <c r="AR37" s="114">
        <v>692711</v>
      </c>
      <c r="AS37" s="113">
        <v>829281</v>
      </c>
      <c r="AT37" s="116">
        <v>829281</v>
      </c>
      <c r="AU37" s="110">
        <v>167478</v>
      </c>
      <c r="AV37" s="114">
        <v>157786</v>
      </c>
      <c r="AW37" s="113">
        <v>325264</v>
      </c>
      <c r="AX37" s="110">
        <v>0</v>
      </c>
      <c r="AY37" s="114">
        <v>1154560</v>
      </c>
      <c r="AZ37" s="114">
        <v>831498</v>
      </c>
      <c r="BA37" s="114">
        <v>431027</v>
      </c>
      <c r="BB37" s="114">
        <v>599229</v>
      </c>
      <c r="BC37" s="114">
        <v>486935</v>
      </c>
      <c r="BD37" s="113">
        <v>3503249</v>
      </c>
      <c r="BE37" s="116">
        <v>3828513</v>
      </c>
      <c r="BF37" s="110">
        <v>18368</v>
      </c>
      <c r="BG37" s="114">
        <v>0</v>
      </c>
      <c r="BH37" s="112">
        <v>18368</v>
      </c>
      <c r="BI37" s="111">
        <v>0</v>
      </c>
      <c r="BJ37" s="114">
        <v>206649</v>
      </c>
      <c r="BK37" s="114">
        <v>22944</v>
      </c>
      <c r="BL37" s="114">
        <v>25812</v>
      </c>
      <c r="BM37" s="114">
        <v>134795</v>
      </c>
      <c r="BN37" s="114">
        <v>102420</v>
      </c>
      <c r="BO37" s="113">
        <v>492620</v>
      </c>
      <c r="BP37" s="116">
        <v>510988</v>
      </c>
      <c r="BQ37" s="110">
        <v>41787</v>
      </c>
      <c r="BR37" s="114">
        <v>8748</v>
      </c>
      <c r="BS37" s="113">
        <v>50535</v>
      </c>
      <c r="BT37" s="110">
        <v>0</v>
      </c>
      <c r="BU37" s="114">
        <v>220815</v>
      </c>
      <c r="BV37" s="114">
        <v>239881</v>
      </c>
      <c r="BW37" s="114">
        <v>233849</v>
      </c>
      <c r="BX37" s="114">
        <v>383365</v>
      </c>
      <c r="BY37" s="114">
        <v>196761</v>
      </c>
      <c r="BZ37" s="113">
        <v>1274671</v>
      </c>
      <c r="CA37" s="116">
        <v>1325206</v>
      </c>
      <c r="CB37" s="110">
        <v>24031</v>
      </c>
      <c r="CC37" s="114">
        <v>0</v>
      </c>
      <c r="CD37" s="113">
        <v>24031</v>
      </c>
      <c r="CE37" s="110">
        <v>0</v>
      </c>
      <c r="CF37" s="114">
        <v>2832948</v>
      </c>
      <c r="CG37" s="114">
        <v>4327174</v>
      </c>
      <c r="CH37" s="114">
        <v>2055146</v>
      </c>
      <c r="CI37" s="114">
        <v>2943713</v>
      </c>
      <c r="CJ37" s="114">
        <v>674075</v>
      </c>
      <c r="CK37" s="113">
        <v>12833056</v>
      </c>
      <c r="CL37" s="116">
        <v>12857087</v>
      </c>
      <c r="CM37" s="110">
        <v>0</v>
      </c>
      <c r="CN37" s="114">
        <v>0</v>
      </c>
      <c r="CO37" s="113">
        <v>0</v>
      </c>
      <c r="CP37" s="111">
        <v>0</v>
      </c>
      <c r="CQ37" s="114">
        <v>2553073</v>
      </c>
      <c r="CR37" s="114">
        <v>3721422</v>
      </c>
      <c r="CS37" s="114">
        <v>1594807</v>
      </c>
      <c r="CT37" s="114">
        <v>2438185</v>
      </c>
      <c r="CU37" s="114">
        <v>473979</v>
      </c>
      <c r="CV37" s="113">
        <v>10781466</v>
      </c>
      <c r="CW37" s="116">
        <v>10781466</v>
      </c>
      <c r="CX37" s="110">
        <v>24031</v>
      </c>
      <c r="CY37" s="114">
        <v>0</v>
      </c>
      <c r="CZ37" s="113">
        <v>24031</v>
      </c>
      <c r="DA37" s="110">
        <v>0</v>
      </c>
      <c r="DB37" s="114">
        <v>279875</v>
      </c>
      <c r="DC37" s="114">
        <v>605752</v>
      </c>
      <c r="DD37" s="114">
        <v>460339</v>
      </c>
      <c r="DE37" s="114">
        <v>505528</v>
      </c>
      <c r="DF37" s="114">
        <v>200096</v>
      </c>
      <c r="DG37" s="113">
        <v>2051590</v>
      </c>
      <c r="DH37" s="116">
        <v>2075621</v>
      </c>
      <c r="DI37" s="110">
        <v>0</v>
      </c>
      <c r="DJ37" s="114">
        <v>0</v>
      </c>
      <c r="DK37" s="112">
        <v>0</v>
      </c>
      <c r="DL37" s="111">
        <v>0</v>
      </c>
      <c r="DM37" s="114">
        <v>68616</v>
      </c>
      <c r="DN37" s="114">
        <v>623316</v>
      </c>
      <c r="DO37" s="114">
        <v>1417404</v>
      </c>
      <c r="DP37" s="114">
        <v>859304</v>
      </c>
      <c r="DQ37" s="114">
        <v>349793</v>
      </c>
      <c r="DR37" s="113">
        <v>3318433</v>
      </c>
      <c r="DS37" s="116">
        <v>3318433</v>
      </c>
      <c r="DT37" s="110">
        <v>0</v>
      </c>
      <c r="DU37" s="114">
        <v>0</v>
      </c>
      <c r="DV37" s="113">
        <v>0</v>
      </c>
      <c r="DW37" s="110">
        <v>0</v>
      </c>
      <c r="DX37" s="114">
        <v>48024</v>
      </c>
      <c r="DY37" s="114">
        <v>623316</v>
      </c>
      <c r="DZ37" s="114">
        <v>1036682</v>
      </c>
      <c r="EA37" s="114">
        <v>377462</v>
      </c>
      <c r="EB37" s="114">
        <v>314378</v>
      </c>
      <c r="EC37" s="113">
        <v>2399862</v>
      </c>
      <c r="ED37" s="116">
        <v>2399862</v>
      </c>
      <c r="EE37" s="110">
        <v>0</v>
      </c>
      <c r="EF37" s="112">
        <v>0</v>
      </c>
      <c r="EG37" s="113">
        <v>0</v>
      </c>
      <c r="EH37" s="110">
        <v>0</v>
      </c>
      <c r="EI37" s="114">
        <v>20592</v>
      </c>
      <c r="EJ37" s="114">
        <v>0</v>
      </c>
      <c r="EK37" s="114">
        <v>380722</v>
      </c>
      <c r="EL37" s="114">
        <v>481842</v>
      </c>
      <c r="EM37" s="114">
        <v>35415</v>
      </c>
      <c r="EN37" s="112">
        <v>918571</v>
      </c>
      <c r="EO37" s="116">
        <v>918571</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124495</v>
      </c>
      <c r="FM37" s="114">
        <v>581685</v>
      </c>
      <c r="FN37" s="113">
        <v>706180</v>
      </c>
      <c r="FO37" s="110">
        <v>0</v>
      </c>
      <c r="FP37" s="114">
        <v>607772</v>
      </c>
      <c r="FQ37" s="114">
        <v>1009287</v>
      </c>
      <c r="FR37" s="114">
        <v>708026</v>
      </c>
      <c r="FS37" s="114">
        <v>638932</v>
      </c>
      <c r="FT37" s="114">
        <v>457005</v>
      </c>
      <c r="FU37" s="113">
        <v>3421022</v>
      </c>
      <c r="FV37" s="116">
        <v>4127202</v>
      </c>
      <c r="FW37" s="115">
        <v>124495</v>
      </c>
      <c r="FX37" s="114">
        <v>346245</v>
      </c>
      <c r="FY37" s="112">
        <v>470740</v>
      </c>
      <c r="FZ37" s="111">
        <v>0</v>
      </c>
      <c r="GA37" s="114">
        <v>560900</v>
      </c>
      <c r="GB37" s="114">
        <v>1009287</v>
      </c>
      <c r="GC37" s="114">
        <v>708026</v>
      </c>
      <c r="GD37" s="114">
        <v>638932</v>
      </c>
      <c r="GE37" s="114">
        <v>457005</v>
      </c>
      <c r="GF37" s="113">
        <v>3374150</v>
      </c>
      <c r="GG37" s="318">
        <v>3844890</v>
      </c>
      <c r="GH37" s="115">
        <v>0</v>
      </c>
      <c r="GI37" s="114">
        <v>0</v>
      </c>
      <c r="GJ37" s="112">
        <v>0</v>
      </c>
      <c r="GK37" s="111">
        <v>0</v>
      </c>
      <c r="GL37" s="114">
        <v>46872</v>
      </c>
      <c r="GM37" s="114">
        <v>0</v>
      </c>
      <c r="GN37" s="114">
        <v>0</v>
      </c>
      <c r="GO37" s="114">
        <v>0</v>
      </c>
      <c r="GP37" s="114">
        <v>0</v>
      </c>
      <c r="GQ37" s="113">
        <v>46872</v>
      </c>
      <c r="GR37" s="116">
        <v>46872</v>
      </c>
      <c r="GS37" s="110">
        <v>0</v>
      </c>
      <c r="GT37" s="114">
        <v>235440</v>
      </c>
      <c r="GU37" s="113">
        <v>235440</v>
      </c>
      <c r="GV37" s="110">
        <v>0</v>
      </c>
      <c r="GW37" s="114">
        <v>0</v>
      </c>
      <c r="GX37" s="114">
        <v>0</v>
      </c>
      <c r="GY37" s="114">
        <v>0</v>
      </c>
      <c r="GZ37" s="114">
        <v>0</v>
      </c>
      <c r="HA37" s="114">
        <v>0</v>
      </c>
      <c r="HB37" s="112">
        <v>0</v>
      </c>
      <c r="HC37" s="116">
        <v>235440</v>
      </c>
      <c r="HD37" s="110">
        <v>125881</v>
      </c>
      <c r="HE37" s="114">
        <v>299529</v>
      </c>
      <c r="HF37" s="112">
        <v>425410</v>
      </c>
      <c r="HG37" s="111">
        <v>0</v>
      </c>
      <c r="HH37" s="114">
        <v>1571748</v>
      </c>
      <c r="HI37" s="114">
        <v>712121</v>
      </c>
      <c r="HJ37" s="114">
        <v>612064</v>
      </c>
      <c r="HK37" s="114">
        <v>2032075</v>
      </c>
      <c r="HL37" s="114">
        <v>985895</v>
      </c>
      <c r="HM37" s="113">
        <v>5913903</v>
      </c>
      <c r="HN37" s="109">
        <v>6339313</v>
      </c>
      <c r="HO37" s="115">
        <v>133020</v>
      </c>
      <c r="HP37" s="114">
        <v>185580</v>
      </c>
      <c r="HQ37" s="113">
        <v>318600</v>
      </c>
      <c r="HR37" s="110">
        <v>0</v>
      </c>
      <c r="HS37" s="114">
        <v>1833145</v>
      </c>
      <c r="HT37" s="114">
        <v>1507913</v>
      </c>
      <c r="HU37" s="114">
        <v>802082</v>
      </c>
      <c r="HV37" s="114">
        <v>593842</v>
      </c>
      <c r="HW37" s="114">
        <v>350321</v>
      </c>
      <c r="HX37" s="112">
        <v>5087303</v>
      </c>
      <c r="HY37" s="116">
        <v>5405903</v>
      </c>
      <c r="HZ37" s="131">
        <v>86742</v>
      </c>
      <c r="IA37" s="132">
        <v>155358</v>
      </c>
      <c r="IB37" s="133">
        <v>242100</v>
      </c>
      <c r="IC37" s="146">
        <v>0</v>
      </c>
      <c r="ID37" s="132">
        <v>3367054</v>
      </c>
      <c r="IE37" s="147">
        <v>3589615</v>
      </c>
      <c r="IF37" s="133">
        <v>8498180</v>
      </c>
      <c r="IG37" s="132">
        <v>4323218</v>
      </c>
      <c r="IH37" s="133">
        <v>2665617</v>
      </c>
      <c r="II37" s="148">
        <v>22443684</v>
      </c>
      <c r="IJ37" s="139">
        <v>22685784</v>
      </c>
      <c r="IK37" s="232">
        <v>0</v>
      </c>
      <c r="IL37" s="236">
        <v>0</v>
      </c>
      <c r="IM37" s="237">
        <v>0</v>
      </c>
      <c r="IN37" s="140"/>
      <c r="IO37" s="119">
        <v>134091</v>
      </c>
      <c r="IP37" s="119">
        <v>85568</v>
      </c>
      <c r="IQ37" s="119">
        <v>0</v>
      </c>
      <c r="IR37" s="119">
        <v>359199</v>
      </c>
      <c r="IS37" s="119">
        <v>0</v>
      </c>
      <c r="IT37" s="141">
        <v>578858</v>
      </c>
      <c r="IU37" s="320">
        <v>578858</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2345473</v>
      </c>
      <c r="JL37" s="119">
        <v>2063753</v>
      </c>
      <c r="JM37" s="119">
        <v>1018321</v>
      </c>
      <c r="JN37" s="119">
        <v>43939</v>
      </c>
      <c r="JO37" s="119">
        <v>172469</v>
      </c>
      <c r="JP37" s="120">
        <v>5643955</v>
      </c>
      <c r="JQ37" s="320">
        <v>5643955</v>
      </c>
      <c r="JR37" s="142">
        <v>0</v>
      </c>
      <c r="JS37" s="119">
        <v>0</v>
      </c>
      <c r="JT37" s="141">
        <v>0</v>
      </c>
      <c r="JU37" s="118">
        <v>0</v>
      </c>
      <c r="JV37" s="119">
        <v>212969</v>
      </c>
      <c r="JW37" s="119">
        <v>84771</v>
      </c>
      <c r="JX37" s="119">
        <v>314433</v>
      </c>
      <c r="JY37" s="119">
        <v>21712</v>
      </c>
      <c r="JZ37" s="119">
        <v>164453</v>
      </c>
      <c r="KA37" s="120">
        <v>798338</v>
      </c>
      <c r="KB37" s="320">
        <v>798338</v>
      </c>
      <c r="KC37" s="234">
        <v>86742</v>
      </c>
      <c r="KD37" s="230">
        <v>155358</v>
      </c>
      <c r="KE37" s="120">
        <v>242100</v>
      </c>
      <c r="KF37" s="118">
        <v>0</v>
      </c>
      <c r="KG37" s="119">
        <v>231120</v>
      </c>
      <c r="KH37" s="119">
        <v>0</v>
      </c>
      <c r="KI37" s="119">
        <v>649728</v>
      </c>
      <c r="KJ37" s="119">
        <v>285498</v>
      </c>
      <c r="KK37" s="119">
        <v>0</v>
      </c>
      <c r="KL37" s="120">
        <v>1166346</v>
      </c>
      <c r="KM37" s="143">
        <v>1408446</v>
      </c>
      <c r="KN37" s="232">
        <v>0</v>
      </c>
      <c r="KO37" s="236">
        <v>0</v>
      </c>
      <c r="KP37" s="237">
        <v>0</v>
      </c>
      <c r="KQ37" s="140"/>
      <c r="KR37" s="119">
        <v>259333</v>
      </c>
      <c r="KS37" s="119">
        <v>1195566</v>
      </c>
      <c r="KT37" s="119">
        <v>3065228</v>
      </c>
      <c r="KU37" s="119">
        <v>1919754</v>
      </c>
      <c r="KV37" s="119">
        <v>1786517</v>
      </c>
      <c r="KW37" s="120">
        <v>8226398</v>
      </c>
      <c r="KX37" s="320">
        <v>8226398</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184068</v>
      </c>
      <c r="LO37" s="119">
        <v>159957</v>
      </c>
      <c r="LP37" s="119">
        <v>3450470</v>
      </c>
      <c r="LQ37" s="119">
        <v>1693116</v>
      </c>
      <c r="LR37" s="119">
        <v>542178</v>
      </c>
      <c r="LS37" s="120">
        <v>6029789</v>
      </c>
      <c r="LT37" s="320">
        <v>6029789</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697763</v>
      </c>
      <c r="MK37" s="119">
        <v>2823687</v>
      </c>
      <c r="ML37" s="119">
        <v>6517621</v>
      </c>
      <c r="MM37" s="119">
        <v>10333414</v>
      </c>
      <c r="MN37" s="119">
        <v>5922298</v>
      </c>
      <c r="MO37" s="120">
        <v>26294783</v>
      </c>
      <c r="MP37" s="143">
        <v>26294783</v>
      </c>
      <c r="MQ37" s="142">
        <v>0</v>
      </c>
      <c r="MR37" s="119">
        <v>0</v>
      </c>
      <c r="MS37" s="120">
        <v>0</v>
      </c>
      <c r="MT37" s="145"/>
      <c r="MU37" s="119">
        <v>433719</v>
      </c>
      <c r="MV37" s="119">
        <v>222518</v>
      </c>
      <c r="MW37" s="119">
        <v>2908869</v>
      </c>
      <c r="MX37" s="119">
        <v>5580791</v>
      </c>
      <c r="MY37" s="119">
        <v>3592172</v>
      </c>
      <c r="MZ37" s="120">
        <v>12738069</v>
      </c>
      <c r="NA37" s="143">
        <v>12738069</v>
      </c>
      <c r="NB37" s="142">
        <v>0</v>
      </c>
      <c r="NC37" s="119">
        <v>0</v>
      </c>
      <c r="ND37" s="120">
        <v>0</v>
      </c>
      <c r="NE37" s="145"/>
      <c r="NF37" s="119">
        <v>264044</v>
      </c>
      <c r="NG37" s="119">
        <v>2601169</v>
      </c>
      <c r="NH37" s="119">
        <v>3608752</v>
      </c>
      <c r="NI37" s="119">
        <v>4752623</v>
      </c>
      <c r="NJ37" s="119">
        <v>1887071</v>
      </c>
      <c r="NK37" s="120">
        <v>13113659</v>
      </c>
      <c r="NL37" s="320">
        <v>13113659</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443055</v>
      </c>
      <c r="OG37" s="120">
        <v>443055</v>
      </c>
      <c r="OH37" s="121">
        <v>443055</v>
      </c>
      <c r="OI37" s="142">
        <v>721802</v>
      </c>
      <c r="OJ37" s="119">
        <v>1388686</v>
      </c>
      <c r="OK37" s="141">
        <v>2110488</v>
      </c>
      <c r="OL37" s="118">
        <v>0</v>
      </c>
      <c r="OM37" s="119">
        <v>13917444</v>
      </c>
      <c r="ON37" s="119">
        <v>16690570</v>
      </c>
      <c r="OO37" s="119">
        <v>22614970</v>
      </c>
      <c r="OP37" s="119">
        <v>24745668</v>
      </c>
      <c r="OQ37" s="119">
        <v>14821010</v>
      </c>
      <c r="OR37" s="120">
        <v>92789662</v>
      </c>
      <c r="OS37" s="143">
        <v>94900150</v>
      </c>
    </row>
    <row r="38" spans="2:409" ht="21" customHeight="1" x14ac:dyDescent="0.2">
      <c r="B38" s="62" t="s">
        <v>33</v>
      </c>
      <c r="C38" s="110">
        <v>1207799</v>
      </c>
      <c r="D38" s="114">
        <v>2468618</v>
      </c>
      <c r="E38" s="113">
        <v>3676417</v>
      </c>
      <c r="F38" s="109">
        <v>0</v>
      </c>
      <c r="G38" s="114">
        <v>9163551</v>
      </c>
      <c r="H38" s="114">
        <v>8380457</v>
      </c>
      <c r="I38" s="114">
        <v>6419229</v>
      </c>
      <c r="J38" s="114">
        <v>6748394</v>
      </c>
      <c r="K38" s="114">
        <v>4641824</v>
      </c>
      <c r="L38" s="173">
        <v>35353455</v>
      </c>
      <c r="M38" s="116">
        <v>39029872</v>
      </c>
      <c r="N38" s="110">
        <v>520772</v>
      </c>
      <c r="O38" s="114">
        <v>1024736</v>
      </c>
      <c r="P38" s="113">
        <v>1545508</v>
      </c>
      <c r="Q38" s="110">
        <v>0</v>
      </c>
      <c r="R38" s="114">
        <v>2824337</v>
      </c>
      <c r="S38" s="114">
        <v>2285838</v>
      </c>
      <c r="T38" s="114">
        <v>2248604</v>
      </c>
      <c r="U38" s="114">
        <v>1875216</v>
      </c>
      <c r="V38" s="114">
        <v>2764937</v>
      </c>
      <c r="W38" s="113">
        <v>11998932</v>
      </c>
      <c r="X38" s="116">
        <v>13544440</v>
      </c>
      <c r="Y38" s="110">
        <v>0</v>
      </c>
      <c r="Z38" s="114">
        <v>0</v>
      </c>
      <c r="AA38" s="113">
        <v>0</v>
      </c>
      <c r="AB38" s="110">
        <v>0</v>
      </c>
      <c r="AC38" s="114">
        <v>918768</v>
      </c>
      <c r="AD38" s="114">
        <v>833872</v>
      </c>
      <c r="AE38" s="114">
        <v>1198758</v>
      </c>
      <c r="AF38" s="114">
        <v>925880</v>
      </c>
      <c r="AG38" s="114">
        <v>1724809</v>
      </c>
      <c r="AH38" s="113">
        <v>5602087</v>
      </c>
      <c r="AI38" s="116">
        <v>5602087</v>
      </c>
      <c r="AJ38" s="110">
        <v>0</v>
      </c>
      <c r="AK38" s="114">
        <v>0</v>
      </c>
      <c r="AL38" s="113">
        <v>0</v>
      </c>
      <c r="AM38" s="110">
        <v>0</v>
      </c>
      <c r="AN38" s="114">
        <v>0</v>
      </c>
      <c r="AO38" s="114">
        <v>0</v>
      </c>
      <c r="AP38" s="114">
        <v>115674</v>
      </c>
      <c r="AQ38" s="114">
        <v>141305</v>
      </c>
      <c r="AR38" s="114">
        <v>400935</v>
      </c>
      <c r="AS38" s="113">
        <v>657914</v>
      </c>
      <c r="AT38" s="116">
        <v>657914</v>
      </c>
      <c r="AU38" s="110">
        <v>22860</v>
      </c>
      <c r="AV38" s="114">
        <v>52575</v>
      </c>
      <c r="AW38" s="113">
        <v>75435</v>
      </c>
      <c r="AX38" s="110">
        <v>0</v>
      </c>
      <c r="AY38" s="114">
        <v>517136</v>
      </c>
      <c r="AZ38" s="114">
        <v>461085</v>
      </c>
      <c r="BA38" s="114">
        <v>325631</v>
      </c>
      <c r="BB38" s="114">
        <v>264048</v>
      </c>
      <c r="BC38" s="114">
        <v>322257</v>
      </c>
      <c r="BD38" s="113">
        <v>1890157</v>
      </c>
      <c r="BE38" s="116">
        <v>1965592</v>
      </c>
      <c r="BF38" s="110">
        <v>373375</v>
      </c>
      <c r="BG38" s="114">
        <v>810494</v>
      </c>
      <c r="BH38" s="112">
        <v>1183869</v>
      </c>
      <c r="BI38" s="111">
        <v>0</v>
      </c>
      <c r="BJ38" s="114">
        <v>1075515</v>
      </c>
      <c r="BK38" s="114">
        <v>583995</v>
      </c>
      <c r="BL38" s="114">
        <v>235396</v>
      </c>
      <c r="BM38" s="114">
        <v>348555</v>
      </c>
      <c r="BN38" s="114">
        <v>131464</v>
      </c>
      <c r="BO38" s="113">
        <v>2374925</v>
      </c>
      <c r="BP38" s="116">
        <v>3558794</v>
      </c>
      <c r="BQ38" s="110">
        <v>124537</v>
      </c>
      <c r="BR38" s="114">
        <v>161667</v>
      </c>
      <c r="BS38" s="113">
        <v>286204</v>
      </c>
      <c r="BT38" s="110">
        <v>0</v>
      </c>
      <c r="BU38" s="114">
        <v>312918</v>
      </c>
      <c r="BV38" s="114">
        <v>406886</v>
      </c>
      <c r="BW38" s="114">
        <v>373145</v>
      </c>
      <c r="BX38" s="114">
        <v>195428</v>
      </c>
      <c r="BY38" s="114">
        <v>185472</v>
      </c>
      <c r="BZ38" s="113">
        <v>1473849</v>
      </c>
      <c r="CA38" s="116">
        <v>1760053</v>
      </c>
      <c r="CB38" s="110">
        <v>159797</v>
      </c>
      <c r="CC38" s="114">
        <v>383865</v>
      </c>
      <c r="CD38" s="113">
        <v>543662</v>
      </c>
      <c r="CE38" s="110">
        <v>0</v>
      </c>
      <c r="CF38" s="114">
        <v>1777255</v>
      </c>
      <c r="CG38" s="114">
        <v>1385527</v>
      </c>
      <c r="CH38" s="114">
        <v>1037729</v>
      </c>
      <c r="CI38" s="114">
        <v>776990</v>
      </c>
      <c r="CJ38" s="114">
        <v>457928</v>
      </c>
      <c r="CK38" s="113">
        <v>5435429</v>
      </c>
      <c r="CL38" s="116">
        <v>5979091</v>
      </c>
      <c r="CM38" s="110">
        <v>0</v>
      </c>
      <c r="CN38" s="114">
        <v>0</v>
      </c>
      <c r="CO38" s="113">
        <v>0</v>
      </c>
      <c r="CP38" s="111">
        <v>0</v>
      </c>
      <c r="CQ38" s="114">
        <v>782383</v>
      </c>
      <c r="CR38" s="114">
        <v>616643</v>
      </c>
      <c r="CS38" s="114">
        <v>412230</v>
      </c>
      <c r="CT38" s="114">
        <v>620909</v>
      </c>
      <c r="CU38" s="114">
        <v>361438</v>
      </c>
      <c r="CV38" s="113">
        <v>2793603</v>
      </c>
      <c r="CW38" s="116">
        <v>2793603</v>
      </c>
      <c r="CX38" s="110">
        <v>159797</v>
      </c>
      <c r="CY38" s="114">
        <v>383865</v>
      </c>
      <c r="CZ38" s="113">
        <v>543662</v>
      </c>
      <c r="DA38" s="110">
        <v>0</v>
      </c>
      <c r="DB38" s="114">
        <v>994872</v>
      </c>
      <c r="DC38" s="114">
        <v>768884</v>
      </c>
      <c r="DD38" s="114">
        <v>625499</v>
      </c>
      <c r="DE38" s="114">
        <v>156081</v>
      </c>
      <c r="DF38" s="114">
        <v>96490</v>
      </c>
      <c r="DG38" s="113">
        <v>2641826</v>
      </c>
      <c r="DH38" s="116">
        <v>3185488</v>
      </c>
      <c r="DI38" s="110">
        <v>0</v>
      </c>
      <c r="DJ38" s="114">
        <v>0</v>
      </c>
      <c r="DK38" s="112">
        <v>0</v>
      </c>
      <c r="DL38" s="111">
        <v>0</v>
      </c>
      <c r="DM38" s="114">
        <v>314206</v>
      </c>
      <c r="DN38" s="114">
        <v>496696</v>
      </c>
      <c r="DO38" s="114">
        <v>644560</v>
      </c>
      <c r="DP38" s="114">
        <v>822756</v>
      </c>
      <c r="DQ38" s="114">
        <v>145053</v>
      </c>
      <c r="DR38" s="113">
        <v>2423271</v>
      </c>
      <c r="DS38" s="116">
        <v>2423271</v>
      </c>
      <c r="DT38" s="110">
        <v>0</v>
      </c>
      <c r="DU38" s="114">
        <v>0</v>
      </c>
      <c r="DV38" s="113">
        <v>0</v>
      </c>
      <c r="DW38" s="110">
        <v>0</v>
      </c>
      <c r="DX38" s="114">
        <v>123896</v>
      </c>
      <c r="DY38" s="114">
        <v>496696</v>
      </c>
      <c r="DZ38" s="114">
        <v>382561</v>
      </c>
      <c r="EA38" s="114">
        <v>742987</v>
      </c>
      <c r="EB38" s="114">
        <v>0</v>
      </c>
      <c r="EC38" s="113">
        <v>1746140</v>
      </c>
      <c r="ED38" s="116">
        <v>1746140</v>
      </c>
      <c r="EE38" s="110">
        <v>0</v>
      </c>
      <c r="EF38" s="112">
        <v>0</v>
      </c>
      <c r="EG38" s="113">
        <v>0</v>
      </c>
      <c r="EH38" s="110">
        <v>0</v>
      </c>
      <c r="EI38" s="114">
        <v>190310</v>
      </c>
      <c r="EJ38" s="114">
        <v>0</v>
      </c>
      <c r="EK38" s="114">
        <v>261999</v>
      </c>
      <c r="EL38" s="114">
        <v>79769</v>
      </c>
      <c r="EM38" s="114">
        <v>145053</v>
      </c>
      <c r="EN38" s="112">
        <v>677131</v>
      </c>
      <c r="EO38" s="116">
        <v>677131</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125616</v>
      </c>
      <c r="FM38" s="114">
        <v>211054</v>
      </c>
      <c r="FN38" s="113">
        <v>336670</v>
      </c>
      <c r="FO38" s="110">
        <v>0</v>
      </c>
      <c r="FP38" s="114">
        <v>506988</v>
      </c>
      <c r="FQ38" s="114">
        <v>623829</v>
      </c>
      <c r="FR38" s="114">
        <v>355133</v>
      </c>
      <c r="FS38" s="114">
        <v>298426</v>
      </c>
      <c r="FT38" s="114">
        <v>425483</v>
      </c>
      <c r="FU38" s="113">
        <v>2209859</v>
      </c>
      <c r="FV38" s="116">
        <v>2546529</v>
      </c>
      <c r="FW38" s="115">
        <v>125616</v>
      </c>
      <c r="FX38" s="114">
        <v>211054</v>
      </c>
      <c r="FY38" s="112">
        <v>336670</v>
      </c>
      <c r="FZ38" s="111">
        <v>0</v>
      </c>
      <c r="GA38" s="114">
        <v>506988</v>
      </c>
      <c r="GB38" s="114">
        <v>623829</v>
      </c>
      <c r="GC38" s="114">
        <v>355133</v>
      </c>
      <c r="GD38" s="114">
        <v>298426</v>
      </c>
      <c r="GE38" s="114">
        <v>425483</v>
      </c>
      <c r="GF38" s="113">
        <v>2209859</v>
      </c>
      <c r="GG38" s="318">
        <v>2546529</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237018</v>
      </c>
      <c r="HE38" s="114">
        <v>621827</v>
      </c>
      <c r="HF38" s="112">
        <v>858845</v>
      </c>
      <c r="HG38" s="111">
        <v>0</v>
      </c>
      <c r="HH38" s="114">
        <v>2380977</v>
      </c>
      <c r="HI38" s="114">
        <v>2813876</v>
      </c>
      <c r="HJ38" s="114">
        <v>1643941</v>
      </c>
      <c r="HK38" s="114">
        <v>2646270</v>
      </c>
      <c r="HL38" s="114">
        <v>528083</v>
      </c>
      <c r="HM38" s="113">
        <v>10013147</v>
      </c>
      <c r="HN38" s="109">
        <v>10871992</v>
      </c>
      <c r="HO38" s="115">
        <v>164596</v>
      </c>
      <c r="HP38" s="114">
        <v>227136</v>
      </c>
      <c r="HQ38" s="113">
        <v>391732</v>
      </c>
      <c r="HR38" s="110">
        <v>0</v>
      </c>
      <c r="HS38" s="114">
        <v>1359788</v>
      </c>
      <c r="HT38" s="114">
        <v>774691</v>
      </c>
      <c r="HU38" s="114">
        <v>489262</v>
      </c>
      <c r="HV38" s="114">
        <v>328736</v>
      </c>
      <c r="HW38" s="114">
        <v>320340</v>
      </c>
      <c r="HX38" s="112">
        <v>3272817</v>
      </c>
      <c r="HY38" s="116">
        <v>3664549</v>
      </c>
      <c r="HZ38" s="150">
        <v>0</v>
      </c>
      <c r="IA38" s="135">
        <v>490302</v>
      </c>
      <c r="IB38" s="150">
        <v>490302</v>
      </c>
      <c r="IC38" s="146">
        <v>0</v>
      </c>
      <c r="ID38" s="132">
        <v>2522990</v>
      </c>
      <c r="IE38" s="147">
        <v>2814014</v>
      </c>
      <c r="IF38" s="133">
        <v>5638501</v>
      </c>
      <c r="IG38" s="132">
        <v>2144874</v>
      </c>
      <c r="IH38" s="133">
        <v>1834940</v>
      </c>
      <c r="II38" s="148">
        <v>14955319</v>
      </c>
      <c r="IJ38" s="150">
        <v>15445621</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1443544</v>
      </c>
      <c r="JL38" s="119">
        <v>947787</v>
      </c>
      <c r="JM38" s="119">
        <v>543388</v>
      </c>
      <c r="JN38" s="119">
        <v>335872</v>
      </c>
      <c r="JO38" s="119">
        <v>245333</v>
      </c>
      <c r="JP38" s="120">
        <v>3515924</v>
      </c>
      <c r="JQ38" s="320">
        <v>3515924</v>
      </c>
      <c r="JR38" s="142">
        <v>0</v>
      </c>
      <c r="JS38" s="119">
        <v>0</v>
      </c>
      <c r="JT38" s="141">
        <v>0</v>
      </c>
      <c r="JU38" s="118">
        <v>0</v>
      </c>
      <c r="JV38" s="119">
        <v>0</v>
      </c>
      <c r="JW38" s="119">
        <v>0</v>
      </c>
      <c r="JX38" s="119">
        <v>447777</v>
      </c>
      <c r="JY38" s="119">
        <v>0</v>
      </c>
      <c r="JZ38" s="119">
        <v>0</v>
      </c>
      <c r="KA38" s="120">
        <v>447777</v>
      </c>
      <c r="KB38" s="320">
        <v>447777</v>
      </c>
      <c r="KC38" s="234">
        <v>0</v>
      </c>
      <c r="KD38" s="230">
        <v>0</v>
      </c>
      <c r="KE38" s="120">
        <v>0</v>
      </c>
      <c r="KF38" s="118">
        <v>0</v>
      </c>
      <c r="KG38" s="119">
        <v>0</v>
      </c>
      <c r="KH38" s="119">
        <v>0</v>
      </c>
      <c r="KI38" s="119">
        <v>0</v>
      </c>
      <c r="KJ38" s="119">
        <v>0</v>
      </c>
      <c r="KK38" s="119">
        <v>0</v>
      </c>
      <c r="KL38" s="120">
        <v>0</v>
      </c>
      <c r="KM38" s="143">
        <v>0</v>
      </c>
      <c r="KN38" s="232">
        <v>0</v>
      </c>
      <c r="KO38" s="236">
        <v>490302</v>
      </c>
      <c r="KP38" s="237">
        <v>490302</v>
      </c>
      <c r="KQ38" s="140"/>
      <c r="KR38" s="119">
        <v>518464</v>
      </c>
      <c r="KS38" s="119">
        <v>812082</v>
      </c>
      <c r="KT38" s="119">
        <v>2228344</v>
      </c>
      <c r="KU38" s="119">
        <v>283772</v>
      </c>
      <c r="KV38" s="119">
        <v>289339</v>
      </c>
      <c r="KW38" s="120">
        <v>4132001</v>
      </c>
      <c r="KX38" s="320">
        <v>4622303</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560982</v>
      </c>
      <c r="LZ38" s="119">
        <v>1054145</v>
      </c>
      <c r="MA38" s="119">
        <v>2418992</v>
      </c>
      <c r="MB38" s="119">
        <v>1525230</v>
      </c>
      <c r="MC38" s="119">
        <v>1300268</v>
      </c>
      <c r="MD38" s="120">
        <v>6859617</v>
      </c>
      <c r="ME38" s="121">
        <v>6859617</v>
      </c>
      <c r="MF38" s="142">
        <v>0</v>
      </c>
      <c r="MG38" s="119">
        <v>0</v>
      </c>
      <c r="MH38" s="120">
        <v>0</v>
      </c>
      <c r="MI38" s="145"/>
      <c r="MJ38" s="119">
        <v>2834947</v>
      </c>
      <c r="MK38" s="119">
        <v>5268519</v>
      </c>
      <c r="ML38" s="119">
        <v>10469246</v>
      </c>
      <c r="MM38" s="119">
        <v>16996577</v>
      </c>
      <c r="MN38" s="119">
        <v>10468464</v>
      </c>
      <c r="MO38" s="120">
        <v>46037753</v>
      </c>
      <c r="MP38" s="143">
        <v>46037753</v>
      </c>
      <c r="MQ38" s="142">
        <v>0</v>
      </c>
      <c r="MR38" s="119">
        <v>0</v>
      </c>
      <c r="MS38" s="120">
        <v>0</v>
      </c>
      <c r="MT38" s="145"/>
      <c r="MU38" s="119">
        <v>0</v>
      </c>
      <c r="MV38" s="119">
        <v>1119791</v>
      </c>
      <c r="MW38" s="119">
        <v>5399754</v>
      </c>
      <c r="MX38" s="119">
        <v>9931815</v>
      </c>
      <c r="MY38" s="119">
        <v>6433019</v>
      </c>
      <c r="MZ38" s="120">
        <v>22884379</v>
      </c>
      <c r="NA38" s="143">
        <v>22884379</v>
      </c>
      <c r="NB38" s="142">
        <v>0</v>
      </c>
      <c r="NC38" s="119">
        <v>0</v>
      </c>
      <c r="ND38" s="120">
        <v>0</v>
      </c>
      <c r="NE38" s="145"/>
      <c r="NF38" s="119">
        <v>2215572</v>
      </c>
      <c r="NG38" s="119">
        <v>1735269</v>
      </c>
      <c r="NH38" s="119">
        <v>3176732</v>
      </c>
      <c r="NI38" s="119">
        <v>4458063</v>
      </c>
      <c r="NJ38" s="119">
        <v>1018793</v>
      </c>
      <c r="NK38" s="120">
        <v>12604429</v>
      </c>
      <c r="NL38" s="320">
        <v>12604429</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619375</v>
      </c>
      <c r="OC38" s="119">
        <v>2413459</v>
      </c>
      <c r="OD38" s="119">
        <v>1892760</v>
      </c>
      <c r="OE38" s="119">
        <v>2606699</v>
      </c>
      <c r="OF38" s="119">
        <v>3016652</v>
      </c>
      <c r="OG38" s="120">
        <v>10548945</v>
      </c>
      <c r="OH38" s="121">
        <v>10548945</v>
      </c>
      <c r="OI38" s="142">
        <v>1207799</v>
      </c>
      <c r="OJ38" s="119">
        <v>2958920</v>
      </c>
      <c r="OK38" s="141">
        <v>4166719</v>
      </c>
      <c r="OL38" s="118">
        <v>0</v>
      </c>
      <c r="OM38" s="119">
        <v>14521488</v>
      </c>
      <c r="ON38" s="119">
        <v>16462990</v>
      </c>
      <c r="OO38" s="119">
        <v>22526976</v>
      </c>
      <c r="OP38" s="119">
        <v>25889845</v>
      </c>
      <c r="OQ38" s="119">
        <v>16945228</v>
      </c>
      <c r="OR38" s="120">
        <v>96346527</v>
      </c>
      <c r="OS38" s="143">
        <v>100513246</v>
      </c>
    </row>
    <row r="39" spans="2:409" ht="21" customHeight="1" x14ac:dyDescent="0.2">
      <c r="B39" s="62" t="s">
        <v>34</v>
      </c>
      <c r="C39" s="110">
        <v>695649</v>
      </c>
      <c r="D39" s="114">
        <v>664275</v>
      </c>
      <c r="E39" s="174">
        <v>1359924</v>
      </c>
      <c r="F39" s="175">
        <v>0</v>
      </c>
      <c r="G39" s="176">
        <v>7011565</v>
      </c>
      <c r="H39" s="176">
        <v>6198739</v>
      </c>
      <c r="I39" s="176">
        <v>4965055</v>
      </c>
      <c r="J39" s="176">
        <v>5686528</v>
      </c>
      <c r="K39" s="176">
        <v>2472858</v>
      </c>
      <c r="L39" s="177">
        <v>26334745</v>
      </c>
      <c r="M39" s="116">
        <v>27694669</v>
      </c>
      <c r="N39" s="110">
        <v>58239</v>
      </c>
      <c r="O39" s="114">
        <v>200862</v>
      </c>
      <c r="P39" s="113">
        <v>259101</v>
      </c>
      <c r="Q39" s="110">
        <v>0</v>
      </c>
      <c r="R39" s="114">
        <v>1276079</v>
      </c>
      <c r="S39" s="114">
        <v>1259710</v>
      </c>
      <c r="T39" s="114">
        <v>1516095</v>
      </c>
      <c r="U39" s="114">
        <v>1567878</v>
      </c>
      <c r="V39" s="114">
        <v>1292064</v>
      </c>
      <c r="W39" s="113">
        <v>6911826</v>
      </c>
      <c r="X39" s="116">
        <v>7170927</v>
      </c>
      <c r="Y39" s="110">
        <v>0</v>
      </c>
      <c r="Z39" s="114">
        <v>0</v>
      </c>
      <c r="AA39" s="113">
        <v>0</v>
      </c>
      <c r="AB39" s="110">
        <v>0</v>
      </c>
      <c r="AC39" s="114">
        <v>382213</v>
      </c>
      <c r="AD39" s="114">
        <v>413020</v>
      </c>
      <c r="AE39" s="114">
        <v>886274</v>
      </c>
      <c r="AF39" s="114">
        <v>864222</v>
      </c>
      <c r="AG39" s="114">
        <v>435602</v>
      </c>
      <c r="AH39" s="113">
        <v>2981331</v>
      </c>
      <c r="AI39" s="116">
        <v>2981331</v>
      </c>
      <c r="AJ39" s="110">
        <v>0</v>
      </c>
      <c r="AK39" s="114">
        <v>0</v>
      </c>
      <c r="AL39" s="113">
        <v>0</v>
      </c>
      <c r="AM39" s="110">
        <v>0</v>
      </c>
      <c r="AN39" s="114">
        <v>0</v>
      </c>
      <c r="AO39" s="114">
        <v>46809</v>
      </c>
      <c r="AP39" s="114">
        <v>0</v>
      </c>
      <c r="AQ39" s="114">
        <v>130554</v>
      </c>
      <c r="AR39" s="114">
        <v>358182</v>
      </c>
      <c r="AS39" s="113">
        <v>535545</v>
      </c>
      <c r="AT39" s="116">
        <v>535545</v>
      </c>
      <c r="AU39" s="110">
        <v>8100</v>
      </c>
      <c r="AV39" s="114">
        <v>171306</v>
      </c>
      <c r="AW39" s="113">
        <v>179406</v>
      </c>
      <c r="AX39" s="110">
        <v>0</v>
      </c>
      <c r="AY39" s="114">
        <v>363951</v>
      </c>
      <c r="AZ39" s="114">
        <v>289614</v>
      </c>
      <c r="BA39" s="114">
        <v>308334</v>
      </c>
      <c r="BB39" s="114">
        <v>280485</v>
      </c>
      <c r="BC39" s="114">
        <v>112500</v>
      </c>
      <c r="BD39" s="113">
        <v>1354884</v>
      </c>
      <c r="BE39" s="116">
        <v>1534290</v>
      </c>
      <c r="BF39" s="110">
        <v>0</v>
      </c>
      <c r="BG39" s="114">
        <v>0</v>
      </c>
      <c r="BH39" s="112">
        <v>0</v>
      </c>
      <c r="BI39" s="111">
        <v>0</v>
      </c>
      <c r="BJ39" s="114">
        <v>156258</v>
      </c>
      <c r="BK39" s="114">
        <v>168246</v>
      </c>
      <c r="BL39" s="114">
        <v>94228</v>
      </c>
      <c r="BM39" s="114">
        <v>41850</v>
      </c>
      <c r="BN39" s="114">
        <v>84186</v>
      </c>
      <c r="BO39" s="113">
        <v>544768</v>
      </c>
      <c r="BP39" s="116">
        <v>544768</v>
      </c>
      <c r="BQ39" s="110">
        <v>50139</v>
      </c>
      <c r="BR39" s="114">
        <v>29556</v>
      </c>
      <c r="BS39" s="113">
        <v>79695</v>
      </c>
      <c r="BT39" s="110">
        <v>0</v>
      </c>
      <c r="BU39" s="114">
        <v>373657</v>
      </c>
      <c r="BV39" s="114">
        <v>342021</v>
      </c>
      <c r="BW39" s="114">
        <v>227259</v>
      </c>
      <c r="BX39" s="114">
        <v>250767</v>
      </c>
      <c r="BY39" s="114">
        <v>301594</v>
      </c>
      <c r="BZ39" s="113">
        <v>1495298</v>
      </c>
      <c r="CA39" s="116">
        <v>1574993</v>
      </c>
      <c r="CB39" s="110">
        <v>48780</v>
      </c>
      <c r="CC39" s="114">
        <v>175608</v>
      </c>
      <c r="CD39" s="113">
        <v>224388</v>
      </c>
      <c r="CE39" s="110">
        <v>0</v>
      </c>
      <c r="CF39" s="114">
        <v>2352633</v>
      </c>
      <c r="CG39" s="114">
        <v>2199250</v>
      </c>
      <c r="CH39" s="114">
        <v>1988792</v>
      </c>
      <c r="CI39" s="114">
        <v>1399761</v>
      </c>
      <c r="CJ39" s="114">
        <v>0</v>
      </c>
      <c r="CK39" s="113">
        <v>7940436</v>
      </c>
      <c r="CL39" s="116">
        <v>8164824</v>
      </c>
      <c r="CM39" s="110">
        <v>0</v>
      </c>
      <c r="CN39" s="114">
        <v>0</v>
      </c>
      <c r="CO39" s="113">
        <v>0</v>
      </c>
      <c r="CP39" s="111">
        <v>0</v>
      </c>
      <c r="CQ39" s="114">
        <v>1815084</v>
      </c>
      <c r="CR39" s="114">
        <v>2065335</v>
      </c>
      <c r="CS39" s="114">
        <v>1711606</v>
      </c>
      <c r="CT39" s="114">
        <v>895050</v>
      </c>
      <c r="CU39" s="114">
        <v>0</v>
      </c>
      <c r="CV39" s="113">
        <v>6487075</v>
      </c>
      <c r="CW39" s="116">
        <v>6487075</v>
      </c>
      <c r="CX39" s="110">
        <v>48780</v>
      </c>
      <c r="CY39" s="114">
        <v>175608</v>
      </c>
      <c r="CZ39" s="113">
        <v>224388</v>
      </c>
      <c r="DA39" s="110">
        <v>0</v>
      </c>
      <c r="DB39" s="114">
        <v>537549</v>
      </c>
      <c r="DC39" s="114">
        <v>133915</v>
      </c>
      <c r="DD39" s="114">
        <v>277186</v>
      </c>
      <c r="DE39" s="114">
        <v>504711</v>
      </c>
      <c r="DF39" s="114">
        <v>0</v>
      </c>
      <c r="DG39" s="113">
        <v>1453361</v>
      </c>
      <c r="DH39" s="116">
        <v>1677749</v>
      </c>
      <c r="DI39" s="110">
        <v>0</v>
      </c>
      <c r="DJ39" s="114">
        <v>0</v>
      </c>
      <c r="DK39" s="112">
        <v>0</v>
      </c>
      <c r="DL39" s="111">
        <v>0</v>
      </c>
      <c r="DM39" s="114">
        <v>166945</v>
      </c>
      <c r="DN39" s="114">
        <v>40801</v>
      </c>
      <c r="DO39" s="114">
        <v>62550</v>
      </c>
      <c r="DP39" s="114">
        <v>434187</v>
      </c>
      <c r="DQ39" s="114">
        <v>0</v>
      </c>
      <c r="DR39" s="113">
        <v>704483</v>
      </c>
      <c r="DS39" s="116">
        <v>704483</v>
      </c>
      <c r="DT39" s="110">
        <v>0</v>
      </c>
      <c r="DU39" s="114">
        <v>0</v>
      </c>
      <c r="DV39" s="113">
        <v>0</v>
      </c>
      <c r="DW39" s="110">
        <v>0</v>
      </c>
      <c r="DX39" s="114">
        <v>73179</v>
      </c>
      <c r="DY39" s="114">
        <v>40801</v>
      </c>
      <c r="DZ39" s="114">
        <v>62550</v>
      </c>
      <c r="EA39" s="114">
        <v>299295</v>
      </c>
      <c r="EB39" s="114">
        <v>0</v>
      </c>
      <c r="EC39" s="113">
        <v>475825</v>
      </c>
      <c r="ED39" s="116">
        <v>475825</v>
      </c>
      <c r="EE39" s="110">
        <v>0</v>
      </c>
      <c r="EF39" s="112">
        <v>0</v>
      </c>
      <c r="EG39" s="113">
        <v>0</v>
      </c>
      <c r="EH39" s="110">
        <v>0</v>
      </c>
      <c r="EI39" s="114">
        <v>93766</v>
      </c>
      <c r="EJ39" s="114">
        <v>0</v>
      </c>
      <c r="EK39" s="114">
        <v>0</v>
      </c>
      <c r="EL39" s="114">
        <v>134892</v>
      </c>
      <c r="EM39" s="114">
        <v>0</v>
      </c>
      <c r="EN39" s="112">
        <v>228658</v>
      </c>
      <c r="EO39" s="116">
        <v>228658</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348660</v>
      </c>
      <c r="FM39" s="114">
        <v>78930</v>
      </c>
      <c r="FN39" s="113">
        <v>427590</v>
      </c>
      <c r="FO39" s="110">
        <v>0</v>
      </c>
      <c r="FP39" s="114">
        <v>434707</v>
      </c>
      <c r="FQ39" s="114">
        <v>652306</v>
      </c>
      <c r="FR39" s="114">
        <v>472128</v>
      </c>
      <c r="FS39" s="114">
        <v>526477</v>
      </c>
      <c r="FT39" s="114">
        <v>220140</v>
      </c>
      <c r="FU39" s="113">
        <v>2305758</v>
      </c>
      <c r="FV39" s="116">
        <v>2733348</v>
      </c>
      <c r="FW39" s="115">
        <v>79560</v>
      </c>
      <c r="FX39" s="114">
        <v>78930</v>
      </c>
      <c r="FY39" s="112">
        <v>158490</v>
      </c>
      <c r="FZ39" s="111">
        <v>0</v>
      </c>
      <c r="GA39" s="114">
        <v>391023</v>
      </c>
      <c r="GB39" s="114">
        <v>557266</v>
      </c>
      <c r="GC39" s="114">
        <v>472128</v>
      </c>
      <c r="GD39" s="114">
        <v>526477</v>
      </c>
      <c r="GE39" s="114">
        <v>220140</v>
      </c>
      <c r="GF39" s="113">
        <v>2167034</v>
      </c>
      <c r="GG39" s="318">
        <v>2325524</v>
      </c>
      <c r="GH39" s="115">
        <v>0</v>
      </c>
      <c r="GI39" s="114">
        <v>0</v>
      </c>
      <c r="GJ39" s="112">
        <v>0</v>
      </c>
      <c r="GK39" s="111">
        <v>0</v>
      </c>
      <c r="GL39" s="114">
        <v>43684</v>
      </c>
      <c r="GM39" s="114">
        <v>95040</v>
      </c>
      <c r="GN39" s="114">
        <v>0</v>
      </c>
      <c r="GO39" s="114">
        <v>0</v>
      </c>
      <c r="GP39" s="114">
        <v>0</v>
      </c>
      <c r="GQ39" s="113">
        <v>138724</v>
      </c>
      <c r="GR39" s="116">
        <v>138724</v>
      </c>
      <c r="GS39" s="110">
        <v>269100</v>
      </c>
      <c r="GT39" s="114">
        <v>0</v>
      </c>
      <c r="GU39" s="113">
        <v>269100</v>
      </c>
      <c r="GV39" s="110">
        <v>0</v>
      </c>
      <c r="GW39" s="114">
        <v>0</v>
      </c>
      <c r="GX39" s="114">
        <v>0</v>
      </c>
      <c r="GY39" s="114">
        <v>0</v>
      </c>
      <c r="GZ39" s="114">
        <v>0</v>
      </c>
      <c r="HA39" s="114">
        <v>0</v>
      </c>
      <c r="HB39" s="112">
        <v>0</v>
      </c>
      <c r="HC39" s="116">
        <v>269100</v>
      </c>
      <c r="HD39" s="110">
        <v>178650</v>
      </c>
      <c r="HE39" s="114">
        <v>108135</v>
      </c>
      <c r="HF39" s="112">
        <v>286785</v>
      </c>
      <c r="HG39" s="111">
        <v>0</v>
      </c>
      <c r="HH39" s="114">
        <v>1761505</v>
      </c>
      <c r="HI39" s="114">
        <v>1406223</v>
      </c>
      <c r="HJ39" s="114">
        <v>442197</v>
      </c>
      <c r="HK39" s="114">
        <v>1354881</v>
      </c>
      <c r="HL39" s="114">
        <v>852037</v>
      </c>
      <c r="HM39" s="113">
        <v>5816843</v>
      </c>
      <c r="HN39" s="109">
        <v>6103628</v>
      </c>
      <c r="HO39" s="115">
        <v>61320</v>
      </c>
      <c r="HP39" s="114">
        <v>100740</v>
      </c>
      <c r="HQ39" s="113">
        <v>162060</v>
      </c>
      <c r="HR39" s="110">
        <v>0</v>
      </c>
      <c r="HS39" s="114">
        <v>1019696</v>
      </c>
      <c r="HT39" s="114">
        <v>640449</v>
      </c>
      <c r="HU39" s="114">
        <v>483293</v>
      </c>
      <c r="HV39" s="114">
        <v>403344</v>
      </c>
      <c r="HW39" s="114">
        <v>108617</v>
      </c>
      <c r="HX39" s="112">
        <v>2655399</v>
      </c>
      <c r="HY39" s="116">
        <v>2817459</v>
      </c>
      <c r="HZ39" s="131">
        <v>45171</v>
      </c>
      <c r="IA39" s="132">
        <v>331407</v>
      </c>
      <c r="IB39" s="133">
        <v>376578</v>
      </c>
      <c r="IC39" s="146">
        <v>0</v>
      </c>
      <c r="ID39" s="132">
        <v>3411112</v>
      </c>
      <c r="IE39" s="147">
        <v>4460350</v>
      </c>
      <c r="IF39" s="133">
        <v>2989008</v>
      </c>
      <c r="IG39" s="132">
        <v>2741041</v>
      </c>
      <c r="IH39" s="133">
        <v>2091249</v>
      </c>
      <c r="II39" s="148">
        <v>15692760</v>
      </c>
      <c r="IJ39" s="139">
        <v>16069338</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852793</v>
      </c>
      <c r="JL39" s="119">
        <v>392940</v>
      </c>
      <c r="JM39" s="119">
        <v>104958</v>
      </c>
      <c r="JN39" s="119">
        <v>76752</v>
      </c>
      <c r="JO39" s="119">
        <v>0</v>
      </c>
      <c r="JP39" s="120">
        <v>1427443</v>
      </c>
      <c r="JQ39" s="320">
        <v>1427443</v>
      </c>
      <c r="JR39" s="142">
        <v>0</v>
      </c>
      <c r="JS39" s="119">
        <v>0</v>
      </c>
      <c r="JT39" s="141">
        <v>0</v>
      </c>
      <c r="JU39" s="118">
        <v>0</v>
      </c>
      <c r="JV39" s="119">
        <v>0</v>
      </c>
      <c r="JW39" s="119">
        <v>0</v>
      </c>
      <c r="JX39" s="119">
        <v>0</v>
      </c>
      <c r="JY39" s="119">
        <v>83251</v>
      </c>
      <c r="JZ39" s="119">
        <v>0</v>
      </c>
      <c r="KA39" s="120">
        <v>83251</v>
      </c>
      <c r="KB39" s="320">
        <v>83251</v>
      </c>
      <c r="KC39" s="234">
        <v>45171</v>
      </c>
      <c r="KD39" s="230">
        <v>331407</v>
      </c>
      <c r="KE39" s="120">
        <v>376578</v>
      </c>
      <c r="KF39" s="118">
        <v>0</v>
      </c>
      <c r="KG39" s="119">
        <v>969450</v>
      </c>
      <c r="KH39" s="119">
        <v>1242927</v>
      </c>
      <c r="KI39" s="119">
        <v>1495611</v>
      </c>
      <c r="KJ39" s="119">
        <v>270684</v>
      </c>
      <c r="KK39" s="119">
        <v>304533</v>
      </c>
      <c r="KL39" s="120">
        <v>4283205</v>
      </c>
      <c r="KM39" s="143">
        <v>4659783</v>
      </c>
      <c r="KN39" s="232">
        <v>0</v>
      </c>
      <c r="KO39" s="236">
        <v>0</v>
      </c>
      <c r="KP39" s="237">
        <v>0</v>
      </c>
      <c r="KQ39" s="140"/>
      <c r="KR39" s="119">
        <v>514530</v>
      </c>
      <c r="KS39" s="119">
        <v>805707</v>
      </c>
      <c r="KT39" s="119">
        <v>552618</v>
      </c>
      <c r="KU39" s="119">
        <v>562986</v>
      </c>
      <c r="KV39" s="119">
        <v>1227123</v>
      </c>
      <c r="KW39" s="120">
        <v>3662964</v>
      </c>
      <c r="KX39" s="320">
        <v>3662964</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1074339</v>
      </c>
      <c r="LZ39" s="119">
        <v>2018776</v>
      </c>
      <c r="MA39" s="119">
        <v>835821</v>
      </c>
      <c r="MB39" s="119">
        <v>1747368</v>
      </c>
      <c r="MC39" s="119">
        <v>559593</v>
      </c>
      <c r="MD39" s="120">
        <v>6235897</v>
      </c>
      <c r="ME39" s="121">
        <v>6235897</v>
      </c>
      <c r="MF39" s="142">
        <v>0</v>
      </c>
      <c r="MG39" s="119">
        <v>0</v>
      </c>
      <c r="MH39" s="120">
        <v>0</v>
      </c>
      <c r="MI39" s="145"/>
      <c r="MJ39" s="119">
        <v>1084592</v>
      </c>
      <c r="MK39" s="119">
        <v>3771830</v>
      </c>
      <c r="ML39" s="119">
        <v>5060300</v>
      </c>
      <c r="MM39" s="119">
        <v>10763858</v>
      </c>
      <c r="MN39" s="119">
        <v>5533514</v>
      </c>
      <c r="MO39" s="120">
        <v>26214094</v>
      </c>
      <c r="MP39" s="143">
        <v>26214094</v>
      </c>
      <c r="MQ39" s="142">
        <v>0</v>
      </c>
      <c r="MR39" s="119">
        <v>0</v>
      </c>
      <c r="MS39" s="120">
        <v>0</v>
      </c>
      <c r="MT39" s="145"/>
      <c r="MU39" s="119">
        <v>0</v>
      </c>
      <c r="MV39" s="119">
        <v>0</v>
      </c>
      <c r="MW39" s="119">
        <v>1580283</v>
      </c>
      <c r="MX39" s="119">
        <v>6753719</v>
      </c>
      <c r="MY39" s="119">
        <v>3711236</v>
      </c>
      <c r="MZ39" s="120">
        <v>12045238</v>
      </c>
      <c r="NA39" s="143">
        <v>12045238</v>
      </c>
      <c r="NB39" s="142">
        <v>0</v>
      </c>
      <c r="NC39" s="119">
        <v>0</v>
      </c>
      <c r="ND39" s="120">
        <v>0</v>
      </c>
      <c r="NE39" s="145"/>
      <c r="NF39" s="119">
        <v>1084592</v>
      </c>
      <c r="NG39" s="119">
        <v>3510776</v>
      </c>
      <c r="NH39" s="119">
        <v>3480017</v>
      </c>
      <c r="NI39" s="119">
        <v>4010139</v>
      </c>
      <c r="NJ39" s="119">
        <v>1822278</v>
      </c>
      <c r="NK39" s="120">
        <v>13907802</v>
      </c>
      <c r="NL39" s="320">
        <v>13907802</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261054</v>
      </c>
      <c r="OD39" s="119">
        <v>0</v>
      </c>
      <c r="OE39" s="119">
        <v>0</v>
      </c>
      <c r="OF39" s="119">
        <v>0</v>
      </c>
      <c r="OG39" s="120">
        <v>261054</v>
      </c>
      <c r="OH39" s="121">
        <v>261054</v>
      </c>
      <c r="OI39" s="142">
        <v>740820</v>
      </c>
      <c r="OJ39" s="119">
        <v>995682</v>
      </c>
      <c r="OK39" s="141">
        <v>1736502</v>
      </c>
      <c r="OL39" s="118">
        <v>0</v>
      </c>
      <c r="OM39" s="119">
        <v>11507269</v>
      </c>
      <c r="ON39" s="119">
        <v>14430919</v>
      </c>
      <c r="OO39" s="119">
        <v>13014363</v>
      </c>
      <c r="OP39" s="119">
        <v>19191427</v>
      </c>
      <c r="OQ39" s="119">
        <v>10097621</v>
      </c>
      <c r="OR39" s="120">
        <v>68241599</v>
      </c>
      <c r="OS39" s="143">
        <v>69978101</v>
      </c>
    </row>
    <row r="40" spans="2:409" ht="21" customHeight="1" x14ac:dyDescent="0.2">
      <c r="B40" s="62" t="s">
        <v>35</v>
      </c>
      <c r="C40" s="110">
        <v>2397240</v>
      </c>
      <c r="D40" s="114">
        <v>4032136</v>
      </c>
      <c r="E40" s="113">
        <v>6429376</v>
      </c>
      <c r="F40" s="109">
        <v>0</v>
      </c>
      <c r="G40" s="114">
        <v>32015535</v>
      </c>
      <c r="H40" s="114">
        <v>28657660</v>
      </c>
      <c r="I40" s="114">
        <v>21972157</v>
      </c>
      <c r="J40" s="114">
        <v>22959261</v>
      </c>
      <c r="K40" s="114">
        <v>10939394</v>
      </c>
      <c r="L40" s="173">
        <v>116544007</v>
      </c>
      <c r="M40" s="116">
        <v>122973383</v>
      </c>
      <c r="N40" s="110">
        <v>340008</v>
      </c>
      <c r="O40" s="114">
        <v>739417</v>
      </c>
      <c r="P40" s="113">
        <v>1079425</v>
      </c>
      <c r="Q40" s="110">
        <v>0</v>
      </c>
      <c r="R40" s="114">
        <v>7795890</v>
      </c>
      <c r="S40" s="114">
        <v>6382574</v>
      </c>
      <c r="T40" s="114">
        <v>6784439</v>
      </c>
      <c r="U40" s="114">
        <v>7053139</v>
      </c>
      <c r="V40" s="114">
        <v>5207798</v>
      </c>
      <c r="W40" s="113">
        <v>33223840</v>
      </c>
      <c r="X40" s="116">
        <v>34303265</v>
      </c>
      <c r="Y40" s="110">
        <v>0</v>
      </c>
      <c r="Z40" s="114">
        <v>0</v>
      </c>
      <c r="AA40" s="113">
        <v>0</v>
      </c>
      <c r="AB40" s="110">
        <v>0</v>
      </c>
      <c r="AC40" s="114">
        <v>4064267</v>
      </c>
      <c r="AD40" s="114">
        <v>3088461</v>
      </c>
      <c r="AE40" s="114">
        <v>4400004</v>
      </c>
      <c r="AF40" s="114">
        <v>3928441</v>
      </c>
      <c r="AG40" s="114">
        <v>3020097</v>
      </c>
      <c r="AH40" s="113">
        <v>18501270</v>
      </c>
      <c r="AI40" s="116">
        <v>18501270</v>
      </c>
      <c r="AJ40" s="110">
        <v>0</v>
      </c>
      <c r="AK40" s="114">
        <v>0</v>
      </c>
      <c r="AL40" s="113">
        <v>0</v>
      </c>
      <c r="AM40" s="110">
        <v>0</v>
      </c>
      <c r="AN40" s="114">
        <v>0</v>
      </c>
      <c r="AO40" s="114">
        <v>357075</v>
      </c>
      <c r="AP40" s="114">
        <v>153504</v>
      </c>
      <c r="AQ40" s="114">
        <v>698169</v>
      </c>
      <c r="AR40" s="114">
        <v>1079362</v>
      </c>
      <c r="AS40" s="113">
        <v>2288110</v>
      </c>
      <c r="AT40" s="116">
        <v>2288110</v>
      </c>
      <c r="AU40" s="110">
        <v>0</v>
      </c>
      <c r="AV40" s="114">
        <v>386206</v>
      </c>
      <c r="AW40" s="113">
        <v>386206</v>
      </c>
      <c r="AX40" s="110">
        <v>0</v>
      </c>
      <c r="AY40" s="114">
        <v>1983408</v>
      </c>
      <c r="AZ40" s="114">
        <v>1404196</v>
      </c>
      <c r="BA40" s="114">
        <v>951590</v>
      </c>
      <c r="BB40" s="114">
        <v>1052283</v>
      </c>
      <c r="BC40" s="114">
        <v>389470</v>
      </c>
      <c r="BD40" s="113">
        <v>5780947</v>
      </c>
      <c r="BE40" s="116">
        <v>6167153</v>
      </c>
      <c r="BF40" s="110">
        <v>39222</v>
      </c>
      <c r="BG40" s="114">
        <v>89928</v>
      </c>
      <c r="BH40" s="112">
        <v>129150</v>
      </c>
      <c r="BI40" s="111">
        <v>0</v>
      </c>
      <c r="BJ40" s="114">
        <v>536018</v>
      </c>
      <c r="BK40" s="114">
        <v>335863</v>
      </c>
      <c r="BL40" s="114">
        <v>249712</v>
      </c>
      <c r="BM40" s="114">
        <v>282763</v>
      </c>
      <c r="BN40" s="114">
        <v>197712</v>
      </c>
      <c r="BO40" s="113">
        <v>1602068</v>
      </c>
      <c r="BP40" s="116">
        <v>1731218</v>
      </c>
      <c r="BQ40" s="110">
        <v>300786</v>
      </c>
      <c r="BR40" s="114">
        <v>263283</v>
      </c>
      <c r="BS40" s="113">
        <v>564069</v>
      </c>
      <c r="BT40" s="110">
        <v>0</v>
      </c>
      <c r="BU40" s="114">
        <v>1212197</v>
      </c>
      <c r="BV40" s="114">
        <v>1196979</v>
      </c>
      <c r="BW40" s="114">
        <v>1029629</v>
      </c>
      <c r="BX40" s="114">
        <v>1091483</v>
      </c>
      <c r="BY40" s="114">
        <v>521157</v>
      </c>
      <c r="BZ40" s="113">
        <v>5051445</v>
      </c>
      <c r="CA40" s="116">
        <v>5615514</v>
      </c>
      <c r="CB40" s="110">
        <v>229458</v>
      </c>
      <c r="CC40" s="114">
        <v>829712</v>
      </c>
      <c r="CD40" s="113">
        <v>1059170</v>
      </c>
      <c r="CE40" s="110">
        <v>0</v>
      </c>
      <c r="CF40" s="114">
        <v>11443900</v>
      </c>
      <c r="CG40" s="114">
        <v>10341919</v>
      </c>
      <c r="CH40" s="114">
        <v>5484286</v>
      </c>
      <c r="CI40" s="114">
        <v>4457728</v>
      </c>
      <c r="CJ40" s="114">
        <v>2382732</v>
      </c>
      <c r="CK40" s="113">
        <v>34110565</v>
      </c>
      <c r="CL40" s="116">
        <v>35169735</v>
      </c>
      <c r="CM40" s="110">
        <v>0</v>
      </c>
      <c r="CN40" s="114">
        <v>0</v>
      </c>
      <c r="CO40" s="113">
        <v>0</v>
      </c>
      <c r="CP40" s="111">
        <v>0</v>
      </c>
      <c r="CQ40" s="114">
        <v>8371970</v>
      </c>
      <c r="CR40" s="114">
        <v>8607529</v>
      </c>
      <c r="CS40" s="114">
        <v>4345059</v>
      </c>
      <c r="CT40" s="114">
        <v>3338680</v>
      </c>
      <c r="CU40" s="114">
        <v>2338488</v>
      </c>
      <c r="CV40" s="113">
        <v>27001726</v>
      </c>
      <c r="CW40" s="116">
        <v>27001726</v>
      </c>
      <c r="CX40" s="110">
        <v>229458</v>
      </c>
      <c r="CY40" s="114">
        <v>829712</v>
      </c>
      <c r="CZ40" s="113">
        <v>1059170</v>
      </c>
      <c r="DA40" s="110">
        <v>0</v>
      </c>
      <c r="DB40" s="114">
        <v>3071930</v>
      </c>
      <c r="DC40" s="114">
        <v>1734390</v>
      </c>
      <c r="DD40" s="114">
        <v>1139227</v>
      </c>
      <c r="DE40" s="114">
        <v>1119048</v>
      </c>
      <c r="DF40" s="114">
        <v>44244</v>
      </c>
      <c r="DG40" s="113">
        <v>7108839</v>
      </c>
      <c r="DH40" s="116">
        <v>8168009</v>
      </c>
      <c r="DI40" s="110">
        <v>0</v>
      </c>
      <c r="DJ40" s="114">
        <v>86283</v>
      </c>
      <c r="DK40" s="112">
        <v>86283</v>
      </c>
      <c r="DL40" s="111">
        <v>0</v>
      </c>
      <c r="DM40" s="114">
        <v>468617</v>
      </c>
      <c r="DN40" s="114">
        <v>1046757</v>
      </c>
      <c r="DO40" s="114">
        <v>1240173</v>
      </c>
      <c r="DP40" s="114">
        <v>2066164</v>
      </c>
      <c r="DQ40" s="114">
        <v>266877</v>
      </c>
      <c r="DR40" s="113">
        <v>5088588</v>
      </c>
      <c r="DS40" s="116">
        <v>5174871</v>
      </c>
      <c r="DT40" s="110">
        <v>0</v>
      </c>
      <c r="DU40" s="114">
        <v>32040</v>
      </c>
      <c r="DV40" s="113">
        <v>32040</v>
      </c>
      <c r="DW40" s="110">
        <v>0</v>
      </c>
      <c r="DX40" s="114">
        <v>362390</v>
      </c>
      <c r="DY40" s="114">
        <v>977619</v>
      </c>
      <c r="DZ40" s="114">
        <v>1134018</v>
      </c>
      <c r="EA40" s="114">
        <v>1780540</v>
      </c>
      <c r="EB40" s="114">
        <v>266877</v>
      </c>
      <c r="EC40" s="113">
        <v>4521444</v>
      </c>
      <c r="ED40" s="116">
        <v>4553484</v>
      </c>
      <c r="EE40" s="110">
        <v>0</v>
      </c>
      <c r="EF40" s="112">
        <v>54243</v>
      </c>
      <c r="EG40" s="113">
        <v>54243</v>
      </c>
      <c r="EH40" s="110">
        <v>0</v>
      </c>
      <c r="EI40" s="114">
        <v>106227</v>
      </c>
      <c r="EJ40" s="114">
        <v>69138</v>
      </c>
      <c r="EK40" s="114">
        <v>106155</v>
      </c>
      <c r="EL40" s="114">
        <v>285624</v>
      </c>
      <c r="EM40" s="114">
        <v>0</v>
      </c>
      <c r="EN40" s="112">
        <v>567144</v>
      </c>
      <c r="EO40" s="116">
        <v>621387</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294488</v>
      </c>
      <c r="FM40" s="114">
        <v>577210</v>
      </c>
      <c r="FN40" s="113">
        <v>871698</v>
      </c>
      <c r="FO40" s="110">
        <v>0</v>
      </c>
      <c r="FP40" s="114">
        <v>1358766</v>
      </c>
      <c r="FQ40" s="114">
        <v>2608052</v>
      </c>
      <c r="FR40" s="114">
        <v>1515809</v>
      </c>
      <c r="FS40" s="114">
        <v>1354001</v>
      </c>
      <c r="FT40" s="114">
        <v>651733</v>
      </c>
      <c r="FU40" s="113">
        <v>7488361</v>
      </c>
      <c r="FV40" s="116">
        <v>8360059</v>
      </c>
      <c r="FW40" s="115">
        <v>171178</v>
      </c>
      <c r="FX40" s="114">
        <v>451480</v>
      </c>
      <c r="FY40" s="112">
        <v>622658</v>
      </c>
      <c r="FZ40" s="111">
        <v>0</v>
      </c>
      <c r="GA40" s="114">
        <v>1169419</v>
      </c>
      <c r="GB40" s="114">
        <v>2249377</v>
      </c>
      <c r="GC40" s="114">
        <v>1411265</v>
      </c>
      <c r="GD40" s="114">
        <v>1342121</v>
      </c>
      <c r="GE40" s="114">
        <v>651733</v>
      </c>
      <c r="GF40" s="113">
        <v>6823915</v>
      </c>
      <c r="GG40" s="318">
        <v>7446573</v>
      </c>
      <c r="GH40" s="115">
        <v>0</v>
      </c>
      <c r="GI40" s="114">
        <v>0</v>
      </c>
      <c r="GJ40" s="112">
        <v>0</v>
      </c>
      <c r="GK40" s="111">
        <v>0</v>
      </c>
      <c r="GL40" s="114">
        <v>94307</v>
      </c>
      <c r="GM40" s="114">
        <v>166813</v>
      </c>
      <c r="GN40" s="114">
        <v>17424</v>
      </c>
      <c r="GO40" s="114">
        <v>11880</v>
      </c>
      <c r="GP40" s="114">
        <v>0</v>
      </c>
      <c r="GQ40" s="113">
        <v>290424</v>
      </c>
      <c r="GR40" s="116">
        <v>290424</v>
      </c>
      <c r="GS40" s="110">
        <v>123310</v>
      </c>
      <c r="GT40" s="114">
        <v>125730</v>
      </c>
      <c r="GU40" s="113">
        <v>249040</v>
      </c>
      <c r="GV40" s="110">
        <v>0</v>
      </c>
      <c r="GW40" s="114">
        <v>95040</v>
      </c>
      <c r="GX40" s="114">
        <v>191862</v>
      </c>
      <c r="GY40" s="114">
        <v>87120</v>
      </c>
      <c r="GZ40" s="114">
        <v>0</v>
      </c>
      <c r="HA40" s="114">
        <v>0</v>
      </c>
      <c r="HB40" s="112">
        <v>374022</v>
      </c>
      <c r="HC40" s="116">
        <v>623062</v>
      </c>
      <c r="HD40" s="110">
        <v>1325316</v>
      </c>
      <c r="HE40" s="114">
        <v>1375038</v>
      </c>
      <c r="HF40" s="112">
        <v>2700354</v>
      </c>
      <c r="HG40" s="111">
        <v>0</v>
      </c>
      <c r="HH40" s="114">
        <v>6482828</v>
      </c>
      <c r="HI40" s="114">
        <v>5414164</v>
      </c>
      <c r="HJ40" s="114">
        <v>5284876</v>
      </c>
      <c r="HK40" s="114">
        <v>6654255</v>
      </c>
      <c r="HL40" s="114">
        <v>1909978</v>
      </c>
      <c r="HM40" s="113">
        <v>25746101</v>
      </c>
      <c r="HN40" s="109">
        <v>28446455</v>
      </c>
      <c r="HO40" s="115">
        <v>207970</v>
      </c>
      <c r="HP40" s="114">
        <v>424476</v>
      </c>
      <c r="HQ40" s="113">
        <v>632446</v>
      </c>
      <c r="HR40" s="110">
        <v>0</v>
      </c>
      <c r="HS40" s="114">
        <v>4465534</v>
      </c>
      <c r="HT40" s="114">
        <v>2864194</v>
      </c>
      <c r="HU40" s="114">
        <v>1662574</v>
      </c>
      <c r="HV40" s="114">
        <v>1373974</v>
      </c>
      <c r="HW40" s="114">
        <v>520276</v>
      </c>
      <c r="HX40" s="112">
        <v>10886552</v>
      </c>
      <c r="HY40" s="116">
        <v>11518998</v>
      </c>
      <c r="HZ40" s="150">
        <v>229437</v>
      </c>
      <c r="IA40" s="135">
        <v>253107</v>
      </c>
      <c r="IB40" s="150">
        <v>482544</v>
      </c>
      <c r="IC40" s="146">
        <v>0</v>
      </c>
      <c r="ID40" s="132">
        <v>6138400</v>
      </c>
      <c r="IE40" s="147">
        <v>6702432</v>
      </c>
      <c r="IF40" s="133">
        <v>8005302</v>
      </c>
      <c r="IG40" s="132">
        <v>6059254</v>
      </c>
      <c r="IH40" s="133">
        <v>2352627</v>
      </c>
      <c r="II40" s="148">
        <v>29258015</v>
      </c>
      <c r="IJ40" s="150">
        <v>29740559</v>
      </c>
      <c r="IK40" s="232">
        <v>0</v>
      </c>
      <c r="IL40" s="236">
        <v>0</v>
      </c>
      <c r="IM40" s="237">
        <v>0</v>
      </c>
      <c r="IN40" s="140"/>
      <c r="IO40" s="119">
        <v>0</v>
      </c>
      <c r="IP40" s="119">
        <v>64624</v>
      </c>
      <c r="IQ40" s="119">
        <v>187830</v>
      </c>
      <c r="IR40" s="119">
        <v>232794</v>
      </c>
      <c r="IS40" s="119">
        <v>0</v>
      </c>
      <c r="IT40" s="141">
        <v>485248</v>
      </c>
      <c r="IU40" s="320">
        <v>485248</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1682931</v>
      </c>
      <c r="JL40" s="119">
        <v>1984547</v>
      </c>
      <c r="JM40" s="119">
        <v>2086929</v>
      </c>
      <c r="JN40" s="119">
        <v>1466926</v>
      </c>
      <c r="JO40" s="119">
        <v>295551</v>
      </c>
      <c r="JP40" s="120">
        <v>7516884</v>
      </c>
      <c r="JQ40" s="320">
        <v>7516884</v>
      </c>
      <c r="JR40" s="142">
        <v>0</v>
      </c>
      <c r="JS40" s="119">
        <v>0</v>
      </c>
      <c r="JT40" s="141">
        <v>0</v>
      </c>
      <c r="JU40" s="118">
        <v>0</v>
      </c>
      <c r="JV40" s="119">
        <v>0</v>
      </c>
      <c r="JW40" s="119">
        <v>0</v>
      </c>
      <c r="JX40" s="119">
        <v>0</v>
      </c>
      <c r="JY40" s="119">
        <v>0</v>
      </c>
      <c r="JZ40" s="119">
        <v>0</v>
      </c>
      <c r="KA40" s="120">
        <v>0</v>
      </c>
      <c r="KB40" s="320">
        <v>0</v>
      </c>
      <c r="KC40" s="234">
        <v>229437</v>
      </c>
      <c r="KD40" s="230">
        <v>253107</v>
      </c>
      <c r="KE40" s="120">
        <v>482544</v>
      </c>
      <c r="KF40" s="118">
        <v>0</v>
      </c>
      <c r="KG40" s="119">
        <v>1285840</v>
      </c>
      <c r="KH40" s="119">
        <v>1599568</v>
      </c>
      <c r="KI40" s="119">
        <v>1347291</v>
      </c>
      <c r="KJ40" s="119">
        <v>189955</v>
      </c>
      <c r="KK40" s="119">
        <v>624726</v>
      </c>
      <c r="KL40" s="120">
        <v>5047380</v>
      </c>
      <c r="KM40" s="143">
        <v>5529924</v>
      </c>
      <c r="KN40" s="232">
        <v>0</v>
      </c>
      <c r="KO40" s="236">
        <v>0</v>
      </c>
      <c r="KP40" s="237">
        <v>0</v>
      </c>
      <c r="KQ40" s="140"/>
      <c r="KR40" s="119">
        <v>3169629</v>
      </c>
      <c r="KS40" s="119">
        <v>3053693</v>
      </c>
      <c r="KT40" s="119">
        <v>4383252</v>
      </c>
      <c r="KU40" s="119">
        <v>4169579</v>
      </c>
      <c r="KV40" s="119">
        <v>1432350</v>
      </c>
      <c r="KW40" s="120">
        <v>16208503</v>
      </c>
      <c r="KX40" s="320">
        <v>16208503</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4745638</v>
      </c>
      <c r="MK40" s="119">
        <v>10199479</v>
      </c>
      <c r="ML40" s="119">
        <v>14876436</v>
      </c>
      <c r="MM40" s="119">
        <v>20414011</v>
      </c>
      <c r="MN40" s="119">
        <v>15147837</v>
      </c>
      <c r="MO40" s="120">
        <v>65383401</v>
      </c>
      <c r="MP40" s="143">
        <v>65383401</v>
      </c>
      <c r="MQ40" s="142">
        <v>0</v>
      </c>
      <c r="MR40" s="119">
        <v>0</v>
      </c>
      <c r="MS40" s="120">
        <v>0</v>
      </c>
      <c r="MT40" s="145"/>
      <c r="MU40" s="119">
        <v>26667</v>
      </c>
      <c r="MV40" s="119">
        <v>700029</v>
      </c>
      <c r="MW40" s="119">
        <v>5367843</v>
      </c>
      <c r="MX40" s="119">
        <v>13272742</v>
      </c>
      <c r="MY40" s="119">
        <v>8828765</v>
      </c>
      <c r="MZ40" s="120">
        <v>28196046</v>
      </c>
      <c r="NA40" s="143">
        <v>28196046</v>
      </c>
      <c r="NB40" s="142">
        <v>0</v>
      </c>
      <c r="NC40" s="119">
        <v>0</v>
      </c>
      <c r="ND40" s="120">
        <v>0</v>
      </c>
      <c r="NE40" s="145"/>
      <c r="NF40" s="119">
        <v>3950173</v>
      </c>
      <c r="NG40" s="119">
        <v>8989645</v>
      </c>
      <c r="NH40" s="119">
        <v>7917366</v>
      </c>
      <c r="NI40" s="119">
        <v>4769418</v>
      </c>
      <c r="NJ40" s="119">
        <v>2285830</v>
      </c>
      <c r="NK40" s="120">
        <v>27912432</v>
      </c>
      <c r="NL40" s="320">
        <v>27912432</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768798</v>
      </c>
      <c r="OC40" s="119">
        <v>509805</v>
      </c>
      <c r="OD40" s="119">
        <v>1591227</v>
      </c>
      <c r="OE40" s="119">
        <v>2371851</v>
      </c>
      <c r="OF40" s="119">
        <v>4033242</v>
      </c>
      <c r="OG40" s="120">
        <v>9274923</v>
      </c>
      <c r="OH40" s="121">
        <v>9274923</v>
      </c>
      <c r="OI40" s="142">
        <v>2626677</v>
      </c>
      <c r="OJ40" s="119">
        <v>4285243</v>
      </c>
      <c r="OK40" s="141">
        <v>6911920</v>
      </c>
      <c r="OL40" s="118">
        <v>0</v>
      </c>
      <c r="OM40" s="119">
        <v>42899573</v>
      </c>
      <c r="ON40" s="119">
        <v>45559571</v>
      </c>
      <c r="OO40" s="119">
        <v>44853895</v>
      </c>
      <c r="OP40" s="119">
        <v>49432526</v>
      </c>
      <c r="OQ40" s="119">
        <v>28439858</v>
      </c>
      <c r="OR40" s="120">
        <v>211185423</v>
      </c>
      <c r="OS40" s="143">
        <v>218097343</v>
      </c>
    </row>
    <row r="41" spans="2:409" ht="21" customHeight="1" x14ac:dyDescent="0.2">
      <c r="B41" s="62" t="s">
        <v>36</v>
      </c>
      <c r="C41" s="110">
        <v>1270944</v>
      </c>
      <c r="D41" s="114">
        <v>2706452</v>
      </c>
      <c r="E41" s="113">
        <v>3977396</v>
      </c>
      <c r="F41" s="109">
        <v>0</v>
      </c>
      <c r="G41" s="114">
        <v>21090584</v>
      </c>
      <c r="H41" s="114">
        <v>28779599</v>
      </c>
      <c r="I41" s="114">
        <v>24194644</v>
      </c>
      <c r="J41" s="114">
        <v>19657363</v>
      </c>
      <c r="K41" s="114">
        <v>14311696</v>
      </c>
      <c r="L41" s="173">
        <v>108033886</v>
      </c>
      <c r="M41" s="116">
        <v>112011282</v>
      </c>
      <c r="N41" s="110">
        <v>603347</v>
      </c>
      <c r="O41" s="114">
        <v>954882</v>
      </c>
      <c r="P41" s="113">
        <v>1558229</v>
      </c>
      <c r="Q41" s="110">
        <v>0</v>
      </c>
      <c r="R41" s="114">
        <v>6299968</v>
      </c>
      <c r="S41" s="114">
        <v>7974435</v>
      </c>
      <c r="T41" s="114">
        <v>7604302</v>
      </c>
      <c r="U41" s="114">
        <v>9466197</v>
      </c>
      <c r="V41" s="114">
        <v>7862389</v>
      </c>
      <c r="W41" s="113">
        <v>39207291</v>
      </c>
      <c r="X41" s="116">
        <v>40765520</v>
      </c>
      <c r="Y41" s="110">
        <v>0</v>
      </c>
      <c r="Z41" s="114">
        <v>0</v>
      </c>
      <c r="AA41" s="113">
        <v>0</v>
      </c>
      <c r="AB41" s="110">
        <v>0</v>
      </c>
      <c r="AC41" s="114">
        <v>2709052</v>
      </c>
      <c r="AD41" s="114">
        <v>4141383</v>
      </c>
      <c r="AE41" s="114">
        <v>4468980</v>
      </c>
      <c r="AF41" s="114">
        <v>6320625</v>
      </c>
      <c r="AG41" s="114">
        <v>3790033</v>
      </c>
      <c r="AH41" s="113">
        <v>21430073</v>
      </c>
      <c r="AI41" s="116">
        <v>21430073</v>
      </c>
      <c r="AJ41" s="110">
        <v>17647</v>
      </c>
      <c r="AK41" s="114">
        <v>0</v>
      </c>
      <c r="AL41" s="113">
        <v>17647</v>
      </c>
      <c r="AM41" s="110">
        <v>0</v>
      </c>
      <c r="AN41" s="114">
        <v>260754</v>
      </c>
      <c r="AO41" s="114">
        <v>416160</v>
      </c>
      <c r="AP41" s="114">
        <v>170826</v>
      </c>
      <c r="AQ41" s="114">
        <v>592989</v>
      </c>
      <c r="AR41" s="114">
        <v>754824</v>
      </c>
      <c r="AS41" s="113">
        <v>2195553</v>
      </c>
      <c r="AT41" s="116">
        <v>2213200</v>
      </c>
      <c r="AU41" s="110">
        <v>428998</v>
      </c>
      <c r="AV41" s="114">
        <v>719272</v>
      </c>
      <c r="AW41" s="113">
        <v>1148270</v>
      </c>
      <c r="AX41" s="110">
        <v>0</v>
      </c>
      <c r="AY41" s="114">
        <v>2444884</v>
      </c>
      <c r="AZ41" s="114">
        <v>2276193</v>
      </c>
      <c r="BA41" s="114">
        <v>1366537</v>
      </c>
      <c r="BB41" s="114">
        <v>1693085</v>
      </c>
      <c r="BC41" s="114">
        <v>2450502</v>
      </c>
      <c r="BD41" s="113">
        <v>10231201</v>
      </c>
      <c r="BE41" s="116">
        <v>11379471</v>
      </c>
      <c r="BF41" s="110">
        <v>117734</v>
      </c>
      <c r="BG41" s="114">
        <v>192302</v>
      </c>
      <c r="BH41" s="112">
        <v>310036</v>
      </c>
      <c r="BI41" s="111">
        <v>0</v>
      </c>
      <c r="BJ41" s="114">
        <v>544216</v>
      </c>
      <c r="BK41" s="114">
        <v>315386</v>
      </c>
      <c r="BL41" s="114">
        <v>454122</v>
      </c>
      <c r="BM41" s="114">
        <v>198580</v>
      </c>
      <c r="BN41" s="114">
        <v>220799</v>
      </c>
      <c r="BO41" s="113">
        <v>1733103</v>
      </c>
      <c r="BP41" s="116">
        <v>2043139</v>
      </c>
      <c r="BQ41" s="110">
        <v>38968</v>
      </c>
      <c r="BR41" s="114">
        <v>43308</v>
      </c>
      <c r="BS41" s="113">
        <v>82276</v>
      </c>
      <c r="BT41" s="110">
        <v>0</v>
      </c>
      <c r="BU41" s="114">
        <v>341062</v>
      </c>
      <c r="BV41" s="114">
        <v>825313</v>
      </c>
      <c r="BW41" s="114">
        <v>1143837</v>
      </c>
      <c r="BX41" s="114">
        <v>660918</v>
      </c>
      <c r="BY41" s="114">
        <v>646231</v>
      </c>
      <c r="BZ41" s="113">
        <v>3617361</v>
      </c>
      <c r="CA41" s="116">
        <v>3699637</v>
      </c>
      <c r="CB41" s="110">
        <v>89120</v>
      </c>
      <c r="CC41" s="114">
        <v>457939</v>
      </c>
      <c r="CD41" s="113">
        <v>547059</v>
      </c>
      <c r="CE41" s="110">
        <v>0</v>
      </c>
      <c r="CF41" s="114">
        <v>6690010</v>
      </c>
      <c r="CG41" s="114">
        <v>10161126</v>
      </c>
      <c r="CH41" s="114">
        <v>6090936</v>
      </c>
      <c r="CI41" s="114">
        <v>4118640</v>
      </c>
      <c r="CJ41" s="114">
        <v>2402826</v>
      </c>
      <c r="CK41" s="113">
        <v>29463538</v>
      </c>
      <c r="CL41" s="116">
        <v>30010597</v>
      </c>
      <c r="CM41" s="110">
        <v>0</v>
      </c>
      <c r="CN41" s="114">
        <v>0</v>
      </c>
      <c r="CO41" s="113">
        <v>0</v>
      </c>
      <c r="CP41" s="111">
        <v>0</v>
      </c>
      <c r="CQ41" s="114">
        <v>5136956</v>
      </c>
      <c r="CR41" s="114">
        <v>8516129</v>
      </c>
      <c r="CS41" s="114">
        <v>5131678</v>
      </c>
      <c r="CT41" s="114">
        <v>3834604</v>
      </c>
      <c r="CU41" s="114">
        <v>2109336</v>
      </c>
      <c r="CV41" s="113">
        <v>24728703</v>
      </c>
      <c r="CW41" s="116">
        <v>24728703</v>
      </c>
      <c r="CX41" s="110">
        <v>89120</v>
      </c>
      <c r="CY41" s="114">
        <v>457939</v>
      </c>
      <c r="CZ41" s="113">
        <v>547059</v>
      </c>
      <c r="DA41" s="110">
        <v>0</v>
      </c>
      <c r="DB41" s="114">
        <v>1553054</v>
      </c>
      <c r="DC41" s="114">
        <v>1644997</v>
      </c>
      <c r="DD41" s="114">
        <v>959258</v>
      </c>
      <c r="DE41" s="114">
        <v>284036</v>
      </c>
      <c r="DF41" s="114">
        <v>293490</v>
      </c>
      <c r="DG41" s="113">
        <v>4734835</v>
      </c>
      <c r="DH41" s="116">
        <v>5281894</v>
      </c>
      <c r="DI41" s="110">
        <v>0</v>
      </c>
      <c r="DJ41" s="114">
        <v>0</v>
      </c>
      <c r="DK41" s="112">
        <v>0</v>
      </c>
      <c r="DL41" s="111">
        <v>0</v>
      </c>
      <c r="DM41" s="114">
        <v>1059408</v>
      </c>
      <c r="DN41" s="114">
        <v>1591642</v>
      </c>
      <c r="DO41" s="114">
        <v>2806097</v>
      </c>
      <c r="DP41" s="114">
        <v>1433354</v>
      </c>
      <c r="DQ41" s="114">
        <v>1450659</v>
      </c>
      <c r="DR41" s="113">
        <v>8341160</v>
      </c>
      <c r="DS41" s="116">
        <v>8341160</v>
      </c>
      <c r="DT41" s="110">
        <v>0</v>
      </c>
      <c r="DU41" s="114">
        <v>0</v>
      </c>
      <c r="DV41" s="113">
        <v>0</v>
      </c>
      <c r="DW41" s="110">
        <v>0</v>
      </c>
      <c r="DX41" s="114">
        <v>1059408</v>
      </c>
      <c r="DY41" s="114">
        <v>1591642</v>
      </c>
      <c r="DZ41" s="114">
        <v>2806097</v>
      </c>
      <c r="EA41" s="114">
        <v>1258955</v>
      </c>
      <c r="EB41" s="114">
        <v>1450659</v>
      </c>
      <c r="EC41" s="113">
        <v>8166761</v>
      </c>
      <c r="ED41" s="116">
        <v>8166761</v>
      </c>
      <c r="EE41" s="110">
        <v>0</v>
      </c>
      <c r="EF41" s="112">
        <v>0</v>
      </c>
      <c r="EG41" s="113">
        <v>0</v>
      </c>
      <c r="EH41" s="110">
        <v>0</v>
      </c>
      <c r="EI41" s="114">
        <v>0</v>
      </c>
      <c r="EJ41" s="114">
        <v>0</v>
      </c>
      <c r="EK41" s="114">
        <v>0</v>
      </c>
      <c r="EL41" s="114">
        <v>174399</v>
      </c>
      <c r="EM41" s="114">
        <v>0</v>
      </c>
      <c r="EN41" s="112">
        <v>174399</v>
      </c>
      <c r="EO41" s="116">
        <v>174399</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226573</v>
      </c>
      <c r="FM41" s="114">
        <v>636830</v>
      </c>
      <c r="FN41" s="113">
        <v>863403</v>
      </c>
      <c r="FO41" s="110">
        <v>0</v>
      </c>
      <c r="FP41" s="114">
        <v>1807469</v>
      </c>
      <c r="FQ41" s="114">
        <v>2667182</v>
      </c>
      <c r="FR41" s="114">
        <v>1718988</v>
      </c>
      <c r="FS41" s="114">
        <v>1547482</v>
      </c>
      <c r="FT41" s="114">
        <v>1144482</v>
      </c>
      <c r="FU41" s="113">
        <v>8885603</v>
      </c>
      <c r="FV41" s="116">
        <v>9749006</v>
      </c>
      <c r="FW41" s="115">
        <v>226573</v>
      </c>
      <c r="FX41" s="114">
        <v>636830</v>
      </c>
      <c r="FY41" s="112">
        <v>863403</v>
      </c>
      <c r="FZ41" s="111">
        <v>0</v>
      </c>
      <c r="GA41" s="114">
        <v>1426808</v>
      </c>
      <c r="GB41" s="114">
        <v>2344892</v>
      </c>
      <c r="GC41" s="114">
        <v>1718988</v>
      </c>
      <c r="GD41" s="114">
        <v>1519582</v>
      </c>
      <c r="GE41" s="114">
        <v>1067838</v>
      </c>
      <c r="GF41" s="113">
        <v>8078108</v>
      </c>
      <c r="GG41" s="318">
        <v>8941511</v>
      </c>
      <c r="GH41" s="115">
        <v>0</v>
      </c>
      <c r="GI41" s="114">
        <v>0</v>
      </c>
      <c r="GJ41" s="112">
        <v>0</v>
      </c>
      <c r="GK41" s="111">
        <v>0</v>
      </c>
      <c r="GL41" s="114">
        <v>103562</v>
      </c>
      <c r="GM41" s="114">
        <v>64530</v>
      </c>
      <c r="GN41" s="114">
        <v>0</v>
      </c>
      <c r="GO41" s="114">
        <v>27900</v>
      </c>
      <c r="GP41" s="114">
        <v>45144</v>
      </c>
      <c r="GQ41" s="113">
        <v>241136</v>
      </c>
      <c r="GR41" s="116">
        <v>241136</v>
      </c>
      <c r="GS41" s="110">
        <v>0</v>
      </c>
      <c r="GT41" s="114">
        <v>0</v>
      </c>
      <c r="GU41" s="113">
        <v>0</v>
      </c>
      <c r="GV41" s="110">
        <v>0</v>
      </c>
      <c r="GW41" s="114">
        <v>277099</v>
      </c>
      <c r="GX41" s="114">
        <v>257760</v>
      </c>
      <c r="GY41" s="114">
        <v>0</v>
      </c>
      <c r="GZ41" s="114">
        <v>0</v>
      </c>
      <c r="HA41" s="114">
        <v>31500</v>
      </c>
      <c r="HB41" s="112">
        <v>566359</v>
      </c>
      <c r="HC41" s="116">
        <v>566359</v>
      </c>
      <c r="HD41" s="110">
        <v>65481</v>
      </c>
      <c r="HE41" s="114">
        <v>102119</v>
      </c>
      <c r="HF41" s="112">
        <v>167600</v>
      </c>
      <c r="HG41" s="111">
        <v>0</v>
      </c>
      <c r="HH41" s="114">
        <v>1527870</v>
      </c>
      <c r="HI41" s="114">
        <v>3051885</v>
      </c>
      <c r="HJ41" s="114">
        <v>3750399</v>
      </c>
      <c r="HK41" s="114">
        <v>1498812</v>
      </c>
      <c r="HL41" s="114">
        <v>501347</v>
      </c>
      <c r="HM41" s="113">
        <v>10330313</v>
      </c>
      <c r="HN41" s="109">
        <v>10497913</v>
      </c>
      <c r="HO41" s="115">
        <v>286423</v>
      </c>
      <c r="HP41" s="114">
        <v>554682</v>
      </c>
      <c r="HQ41" s="113">
        <v>841105</v>
      </c>
      <c r="HR41" s="110">
        <v>0</v>
      </c>
      <c r="HS41" s="114">
        <v>3705859</v>
      </c>
      <c r="HT41" s="114">
        <v>3333329</v>
      </c>
      <c r="HU41" s="114">
        <v>2223922</v>
      </c>
      <c r="HV41" s="114">
        <v>1592878</v>
      </c>
      <c r="HW41" s="114">
        <v>949993</v>
      </c>
      <c r="HX41" s="112">
        <v>11805981</v>
      </c>
      <c r="HY41" s="116">
        <v>12647086</v>
      </c>
      <c r="HZ41" s="131">
        <v>184647</v>
      </c>
      <c r="IA41" s="132">
        <v>85349</v>
      </c>
      <c r="IB41" s="133">
        <v>269996</v>
      </c>
      <c r="IC41" s="146">
        <v>0</v>
      </c>
      <c r="ID41" s="132">
        <v>4447826</v>
      </c>
      <c r="IE41" s="147">
        <v>6872540</v>
      </c>
      <c r="IF41" s="133">
        <v>10411654</v>
      </c>
      <c r="IG41" s="132">
        <v>3746347</v>
      </c>
      <c r="IH41" s="133">
        <v>3427168</v>
      </c>
      <c r="II41" s="148">
        <v>28905535</v>
      </c>
      <c r="IJ41" s="139">
        <v>29175531</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121064</v>
      </c>
      <c r="JL41" s="119">
        <v>3503219</v>
      </c>
      <c r="JM41" s="119">
        <v>3402825</v>
      </c>
      <c r="JN41" s="119">
        <v>1900217</v>
      </c>
      <c r="JO41" s="119">
        <v>1824527</v>
      </c>
      <c r="JP41" s="120">
        <v>12751852</v>
      </c>
      <c r="JQ41" s="320">
        <v>12751852</v>
      </c>
      <c r="JR41" s="142">
        <v>0</v>
      </c>
      <c r="JS41" s="119">
        <v>0</v>
      </c>
      <c r="JT41" s="141">
        <v>0</v>
      </c>
      <c r="JU41" s="118">
        <v>0</v>
      </c>
      <c r="JV41" s="119">
        <v>0</v>
      </c>
      <c r="JW41" s="119">
        <v>0</v>
      </c>
      <c r="JX41" s="119">
        <v>0</v>
      </c>
      <c r="JY41" s="119">
        <v>0</v>
      </c>
      <c r="JZ41" s="119">
        <v>0</v>
      </c>
      <c r="KA41" s="120">
        <v>0</v>
      </c>
      <c r="KB41" s="320">
        <v>0</v>
      </c>
      <c r="KC41" s="234">
        <v>184647</v>
      </c>
      <c r="KD41" s="230">
        <v>85349</v>
      </c>
      <c r="KE41" s="120">
        <v>269996</v>
      </c>
      <c r="KF41" s="118">
        <v>0</v>
      </c>
      <c r="KG41" s="119">
        <v>1366863</v>
      </c>
      <c r="KH41" s="119">
        <v>1449863</v>
      </c>
      <c r="KI41" s="119">
        <v>2567761</v>
      </c>
      <c r="KJ41" s="119">
        <v>450451</v>
      </c>
      <c r="KK41" s="119">
        <v>0</v>
      </c>
      <c r="KL41" s="120">
        <v>5834938</v>
      </c>
      <c r="KM41" s="143">
        <v>6104934</v>
      </c>
      <c r="KN41" s="232">
        <v>0</v>
      </c>
      <c r="KO41" s="236">
        <v>0</v>
      </c>
      <c r="KP41" s="237">
        <v>0</v>
      </c>
      <c r="KQ41" s="140"/>
      <c r="KR41" s="119">
        <v>959899</v>
      </c>
      <c r="KS41" s="119">
        <v>1919458</v>
      </c>
      <c r="KT41" s="119">
        <v>4441068</v>
      </c>
      <c r="KU41" s="119">
        <v>1395679</v>
      </c>
      <c r="KV41" s="119">
        <v>1602641</v>
      </c>
      <c r="KW41" s="120">
        <v>10318745</v>
      </c>
      <c r="KX41" s="320">
        <v>10318745</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6488469</v>
      </c>
      <c r="MK41" s="119">
        <v>8552314</v>
      </c>
      <c r="ML41" s="119">
        <v>26276673</v>
      </c>
      <c r="MM41" s="119">
        <v>36776179</v>
      </c>
      <c r="MN41" s="119">
        <v>29164341</v>
      </c>
      <c r="MO41" s="120">
        <v>107257976</v>
      </c>
      <c r="MP41" s="143">
        <v>107257976</v>
      </c>
      <c r="MQ41" s="142">
        <v>0</v>
      </c>
      <c r="MR41" s="119">
        <v>0</v>
      </c>
      <c r="MS41" s="120">
        <v>0</v>
      </c>
      <c r="MT41" s="145"/>
      <c r="MU41" s="119">
        <v>0</v>
      </c>
      <c r="MV41" s="119">
        <v>724136</v>
      </c>
      <c r="MW41" s="119">
        <v>13335915</v>
      </c>
      <c r="MX41" s="119">
        <v>22218351</v>
      </c>
      <c r="MY41" s="119">
        <v>21264830</v>
      </c>
      <c r="MZ41" s="120">
        <v>57543232</v>
      </c>
      <c r="NA41" s="143">
        <v>57543232</v>
      </c>
      <c r="NB41" s="142">
        <v>0</v>
      </c>
      <c r="NC41" s="119">
        <v>0</v>
      </c>
      <c r="ND41" s="120">
        <v>0</v>
      </c>
      <c r="NE41" s="145"/>
      <c r="NF41" s="119">
        <v>6488469</v>
      </c>
      <c r="NG41" s="119">
        <v>7828178</v>
      </c>
      <c r="NH41" s="119">
        <v>12940758</v>
      </c>
      <c r="NI41" s="119">
        <v>11752753</v>
      </c>
      <c r="NJ41" s="119">
        <v>7026819</v>
      </c>
      <c r="NK41" s="120">
        <v>46036977</v>
      </c>
      <c r="NL41" s="320">
        <v>46036977</v>
      </c>
      <c r="NM41" s="142">
        <v>0</v>
      </c>
      <c r="NN41" s="119">
        <v>0</v>
      </c>
      <c r="NO41" s="120">
        <v>0</v>
      </c>
      <c r="NP41" s="145"/>
      <c r="NQ41" s="119">
        <v>0</v>
      </c>
      <c r="NR41" s="119">
        <v>0</v>
      </c>
      <c r="NS41" s="119">
        <v>0</v>
      </c>
      <c r="NT41" s="119">
        <v>652464</v>
      </c>
      <c r="NU41" s="119">
        <v>350051</v>
      </c>
      <c r="NV41" s="120">
        <v>1002515</v>
      </c>
      <c r="NW41" s="121">
        <v>1002515</v>
      </c>
      <c r="NX41" s="142">
        <v>0</v>
      </c>
      <c r="NY41" s="119">
        <v>0</v>
      </c>
      <c r="NZ41" s="120">
        <v>0</v>
      </c>
      <c r="OA41" s="145"/>
      <c r="OB41" s="119">
        <v>0</v>
      </c>
      <c r="OC41" s="119">
        <v>0</v>
      </c>
      <c r="OD41" s="119">
        <v>0</v>
      </c>
      <c r="OE41" s="119">
        <v>2152611</v>
      </c>
      <c r="OF41" s="119">
        <v>522641</v>
      </c>
      <c r="OG41" s="120">
        <v>2675252</v>
      </c>
      <c r="OH41" s="121">
        <v>2675252</v>
      </c>
      <c r="OI41" s="142">
        <v>1455591</v>
      </c>
      <c r="OJ41" s="119">
        <v>2791801</v>
      </c>
      <c r="OK41" s="141">
        <v>4247392</v>
      </c>
      <c r="OL41" s="118">
        <v>0</v>
      </c>
      <c r="OM41" s="119">
        <v>32026879</v>
      </c>
      <c r="ON41" s="119">
        <v>44204453</v>
      </c>
      <c r="OO41" s="119">
        <v>60882971</v>
      </c>
      <c r="OP41" s="119">
        <v>60179889</v>
      </c>
      <c r="OQ41" s="119">
        <v>46903205</v>
      </c>
      <c r="OR41" s="120">
        <v>244197397</v>
      </c>
      <c r="OS41" s="143">
        <v>248444789</v>
      </c>
    </row>
    <row r="42" spans="2:409" ht="21" customHeight="1" thickBot="1" x14ac:dyDescent="0.25">
      <c r="B42" s="63" t="s">
        <v>37</v>
      </c>
      <c r="C42" s="117">
        <v>180040</v>
      </c>
      <c r="D42" s="178">
        <v>152364</v>
      </c>
      <c r="E42" s="179">
        <v>332404</v>
      </c>
      <c r="F42" s="180">
        <v>0</v>
      </c>
      <c r="G42" s="178">
        <v>1845428</v>
      </c>
      <c r="H42" s="178">
        <v>1878905</v>
      </c>
      <c r="I42" s="178">
        <v>2967233</v>
      </c>
      <c r="J42" s="178">
        <v>1159350</v>
      </c>
      <c r="K42" s="178">
        <v>991023</v>
      </c>
      <c r="L42" s="180">
        <v>8841939</v>
      </c>
      <c r="M42" s="181">
        <v>9174343</v>
      </c>
      <c r="N42" s="117">
        <v>32941</v>
      </c>
      <c r="O42" s="178">
        <v>35257</v>
      </c>
      <c r="P42" s="179">
        <v>68198</v>
      </c>
      <c r="Q42" s="117">
        <v>0</v>
      </c>
      <c r="R42" s="178">
        <v>141421</v>
      </c>
      <c r="S42" s="178">
        <v>620585</v>
      </c>
      <c r="T42" s="178">
        <v>542506</v>
      </c>
      <c r="U42" s="178">
        <v>299012</v>
      </c>
      <c r="V42" s="178">
        <v>504452</v>
      </c>
      <c r="W42" s="179">
        <v>2107976</v>
      </c>
      <c r="X42" s="181">
        <v>2176174</v>
      </c>
      <c r="Y42" s="117">
        <v>0</v>
      </c>
      <c r="Z42" s="178">
        <v>0</v>
      </c>
      <c r="AA42" s="179">
        <v>0</v>
      </c>
      <c r="AB42" s="117">
        <v>0</v>
      </c>
      <c r="AC42" s="178">
        <v>68925</v>
      </c>
      <c r="AD42" s="178">
        <v>327402</v>
      </c>
      <c r="AE42" s="178">
        <v>132527</v>
      </c>
      <c r="AF42" s="178">
        <v>101285</v>
      </c>
      <c r="AG42" s="178">
        <v>409475</v>
      </c>
      <c r="AH42" s="179">
        <v>1039614</v>
      </c>
      <c r="AI42" s="181">
        <v>1039614</v>
      </c>
      <c r="AJ42" s="117">
        <v>0</v>
      </c>
      <c r="AK42" s="178">
        <v>0</v>
      </c>
      <c r="AL42" s="179">
        <v>0</v>
      </c>
      <c r="AM42" s="117">
        <v>0</v>
      </c>
      <c r="AN42" s="178">
        <v>0</v>
      </c>
      <c r="AO42" s="178">
        <v>0</v>
      </c>
      <c r="AP42" s="178">
        <v>77286</v>
      </c>
      <c r="AQ42" s="178">
        <v>0</v>
      </c>
      <c r="AR42" s="178">
        <v>0</v>
      </c>
      <c r="AS42" s="179">
        <v>77286</v>
      </c>
      <c r="AT42" s="181">
        <v>77286</v>
      </c>
      <c r="AU42" s="117">
        <v>23149</v>
      </c>
      <c r="AV42" s="178">
        <v>35257</v>
      </c>
      <c r="AW42" s="179">
        <v>58406</v>
      </c>
      <c r="AX42" s="117">
        <v>0</v>
      </c>
      <c r="AY42" s="178">
        <v>47539</v>
      </c>
      <c r="AZ42" s="178">
        <v>156705</v>
      </c>
      <c r="BA42" s="178">
        <v>200347</v>
      </c>
      <c r="BB42" s="178">
        <v>121243</v>
      </c>
      <c r="BC42" s="178">
        <v>35504</v>
      </c>
      <c r="BD42" s="179">
        <v>561338</v>
      </c>
      <c r="BE42" s="181">
        <v>619744</v>
      </c>
      <c r="BF42" s="117">
        <v>0</v>
      </c>
      <c r="BG42" s="178">
        <v>0</v>
      </c>
      <c r="BH42" s="183">
        <v>0</v>
      </c>
      <c r="BI42" s="182">
        <v>0</v>
      </c>
      <c r="BJ42" s="178">
        <v>0</v>
      </c>
      <c r="BK42" s="178">
        <v>77285</v>
      </c>
      <c r="BL42" s="178">
        <v>64144</v>
      </c>
      <c r="BM42" s="178">
        <v>41426</v>
      </c>
      <c r="BN42" s="178">
        <v>0</v>
      </c>
      <c r="BO42" s="179">
        <v>182855</v>
      </c>
      <c r="BP42" s="181">
        <v>182855</v>
      </c>
      <c r="BQ42" s="117">
        <v>9792</v>
      </c>
      <c r="BR42" s="178">
        <v>0</v>
      </c>
      <c r="BS42" s="179">
        <v>9792</v>
      </c>
      <c r="BT42" s="117">
        <v>0</v>
      </c>
      <c r="BU42" s="178">
        <v>24957</v>
      </c>
      <c r="BV42" s="178">
        <v>59193</v>
      </c>
      <c r="BW42" s="178">
        <v>68202</v>
      </c>
      <c r="BX42" s="178">
        <v>35058</v>
      </c>
      <c r="BY42" s="178">
        <v>59473</v>
      </c>
      <c r="BZ42" s="179">
        <v>246883</v>
      </c>
      <c r="CA42" s="181">
        <v>256675</v>
      </c>
      <c r="CB42" s="117">
        <v>23619</v>
      </c>
      <c r="CC42" s="178">
        <v>32951</v>
      </c>
      <c r="CD42" s="179">
        <v>56570</v>
      </c>
      <c r="CE42" s="117">
        <v>0</v>
      </c>
      <c r="CF42" s="178">
        <v>850838</v>
      </c>
      <c r="CG42" s="178">
        <v>616423</v>
      </c>
      <c r="CH42" s="178">
        <v>1039488</v>
      </c>
      <c r="CI42" s="178">
        <v>277285</v>
      </c>
      <c r="CJ42" s="178">
        <v>84159</v>
      </c>
      <c r="CK42" s="179">
        <v>2868193</v>
      </c>
      <c r="CL42" s="181">
        <v>2924763</v>
      </c>
      <c r="CM42" s="117">
        <v>0</v>
      </c>
      <c r="CN42" s="178">
        <v>0</v>
      </c>
      <c r="CO42" s="179">
        <v>0</v>
      </c>
      <c r="CP42" s="182">
        <v>0</v>
      </c>
      <c r="CQ42" s="178">
        <v>385733</v>
      </c>
      <c r="CR42" s="178">
        <v>525741</v>
      </c>
      <c r="CS42" s="178">
        <v>525485</v>
      </c>
      <c r="CT42" s="178">
        <v>55426</v>
      </c>
      <c r="CU42" s="178">
        <v>84159</v>
      </c>
      <c r="CV42" s="179">
        <v>1576544</v>
      </c>
      <c r="CW42" s="181">
        <v>1576544</v>
      </c>
      <c r="CX42" s="117">
        <v>23619</v>
      </c>
      <c r="CY42" s="178">
        <v>32951</v>
      </c>
      <c r="CZ42" s="179">
        <v>56570</v>
      </c>
      <c r="DA42" s="117">
        <v>0</v>
      </c>
      <c r="DB42" s="178">
        <v>465105</v>
      </c>
      <c r="DC42" s="178">
        <v>90682</v>
      </c>
      <c r="DD42" s="178">
        <v>514003</v>
      </c>
      <c r="DE42" s="178">
        <v>221859</v>
      </c>
      <c r="DF42" s="178">
        <v>0</v>
      </c>
      <c r="DG42" s="179">
        <v>1291649</v>
      </c>
      <c r="DH42" s="181">
        <v>1348219</v>
      </c>
      <c r="DI42" s="117">
        <v>0</v>
      </c>
      <c r="DJ42" s="178">
        <v>0</v>
      </c>
      <c r="DK42" s="183">
        <v>0</v>
      </c>
      <c r="DL42" s="182">
        <v>0</v>
      </c>
      <c r="DM42" s="178">
        <v>147074</v>
      </c>
      <c r="DN42" s="178">
        <v>0</v>
      </c>
      <c r="DO42" s="178">
        <v>543275</v>
      </c>
      <c r="DP42" s="178">
        <v>140116</v>
      </c>
      <c r="DQ42" s="178">
        <v>34814</v>
      </c>
      <c r="DR42" s="179">
        <v>865279</v>
      </c>
      <c r="DS42" s="181">
        <v>865279</v>
      </c>
      <c r="DT42" s="117">
        <v>0</v>
      </c>
      <c r="DU42" s="178">
        <v>0</v>
      </c>
      <c r="DV42" s="179">
        <v>0</v>
      </c>
      <c r="DW42" s="117">
        <v>0</v>
      </c>
      <c r="DX42" s="178">
        <v>147074</v>
      </c>
      <c r="DY42" s="178">
        <v>0</v>
      </c>
      <c r="DZ42" s="178">
        <v>338521</v>
      </c>
      <c r="EA42" s="178">
        <v>99612</v>
      </c>
      <c r="EB42" s="178">
        <v>34814</v>
      </c>
      <c r="EC42" s="179">
        <v>620021</v>
      </c>
      <c r="ED42" s="181">
        <v>620021</v>
      </c>
      <c r="EE42" s="117">
        <v>0</v>
      </c>
      <c r="EF42" s="183">
        <v>0</v>
      </c>
      <c r="EG42" s="179">
        <v>0</v>
      </c>
      <c r="EH42" s="117">
        <v>0</v>
      </c>
      <c r="EI42" s="178">
        <v>0</v>
      </c>
      <c r="EJ42" s="178">
        <v>0</v>
      </c>
      <c r="EK42" s="178">
        <v>204754</v>
      </c>
      <c r="EL42" s="178">
        <v>40504</v>
      </c>
      <c r="EM42" s="178">
        <v>0</v>
      </c>
      <c r="EN42" s="183">
        <v>245258</v>
      </c>
      <c r="EO42" s="181">
        <v>245258</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68724</v>
      </c>
      <c r="FM42" s="178">
        <v>47652</v>
      </c>
      <c r="FN42" s="179">
        <v>116376</v>
      </c>
      <c r="FO42" s="117">
        <v>0</v>
      </c>
      <c r="FP42" s="178">
        <v>267030</v>
      </c>
      <c r="FQ42" s="178">
        <v>340730</v>
      </c>
      <c r="FR42" s="178">
        <v>370998</v>
      </c>
      <c r="FS42" s="178">
        <v>137700</v>
      </c>
      <c r="FT42" s="178">
        <v>62682</v>
      </c>
      <c r="FU42" s="179">
        <v>1179140</v>
      </c>
      <c r="FV42" s="181">
        <v>1295516</v>
      </c>
      <c r="FW42" s="184">
        <v>68724</v>
      </c>
      <c r="FX42" s="178">
        <v>26532</v>
      </c>
      <c r="FY42" s="183">
        <v>95256</v>
      </c>
      <c r="FZ42" s="182">
        <v>0</v>
      </c>
      <c r="GA42" s="178">
        <v>254430</v>
      </c>
      <c r="GB42" s="178">
        <v>340730</v>
      </c>
      <c r="GC42" s="178">
        <v>370998</v>
      </c>
      <c r="GD42" s="178">
        <v>137700</v>
      </c>
      <c r="GE42" s="178">
        <v>62682</v>
      </c>
      <c r="GF42" s="179">
        <v>1166540</v>
      </c>
      <c r="GG42" s="319">
        <v>1261796</v>
      </c>
      <c r="GH42" s="184">
        <v>0</v>
      </c>
      <c r="GI42" s="178">
        <v>21120</v>
      </c>
      <c r="GJ42" s="183">
        <v>21120</v>
      </c>
      <c r="GK42" s="182">
        <v>0</v>
      </c>
      <c r="GL42" s="178">
        <v>0</v>
      </c>
      <c r="GM42" s="178">
        <v>0</v>
      </c>
      <c r="GN42" s="178">
        <v>0</v>
      </c>
      <c r="GO42" s="178">
        <v>0</v>
      </c>
      <c r="GP42" s="178">
        <v>0</v>
      </c>
      <c r="GQ42" s="179">
        <v>0</v>
      </c>
      <c r="GR42" s="181">
        <v>21120</v>
      </c>
      <c r="GS42" s="117">
        <v>0</v>
      </c>
      <c r="GT42" s="178">
        <v>0</v>
      </c>
      <c r="GU42" s="179">
        <v>0</v>
      </c>
      <c r="GV42" s="117">
        <v>0</v>
      </c>
      <c r="GW42" s="178">
        <v>12600</v>
      </c>
      <c r="GX42" s="178">
        <v>0</v>
      </c>
      <c r="GY42" s="178">
        <v>0</v>
      </c>
      <c r="GZ42" s="178">
        <v>0</v>
      </c>
      <c r="HA42" s="178">
        <v>0</v>
      </c>
      <c r="HB42" s="183">
        <v>12600</v>
      </c>
      <c r="HC42" s="181">
        <v>12600</v>
      </c>
      <c r="HD42" s="117">
        <v>0</v>
      </c>
      <c r="HE42" s="178">
        <v>0</v>
      </c>
      <c r="HF42" s="183">
        <v>0</v>
      </c>
      <c r="HG42" s="182">
        <v>0</v>
      </c>
      <c r="HH42" s="178">
        <v>0</v>
      </c>
      <c r="HI42" s="178">
        <v>0</v>
      </c>
      <c r="HJ42" s="178">
        <v>0</v>
      </c>
      <c r="HK42" s="178">
        <v>186065</v>
      </c>
      <c r="HL42" s="178">
        <v>242056</v>
      </c>
      <c r="HM42" s="179">
        <v>428121</v>
      </c>
      <c r="HN42" s="180">
        <v>428121</v>
      </c>
      <c r="HO42" s="184">
        <v>54756</v>
      </c>
      <c r="HP42" s="178">
        <v>36504</v>
      </c>
      <c r="HQ42" s="179">
        <v>91260</v>
      </c>
      <c r="HR42" s="117">
        <v>0</v>
      </c>
      <c r="HS42" s="178">
        <v>439065</v>
      </c>
      <c r="HT42" s="178">
        <v>301167</v>
      </c>
      <c r="HU42" s="178">
        <v>470966</v>
      </c>
      <c r="HV42" s="178">
        <v>119172</v>
      </c>
      <c r="HW42" s="178">
        <v>62860</v>
      </c>
      <c r="HX42" s="183">
        <v>1393230</v>
      </c>
      <c r="HY42" s="181">
        <v>1484490</v>
      </c>
      <c r="HZ42" s="151">
        <v>0</v>
      </c>
      <c r="IA42" s="152">
        <v>0</v>
      </c>
      <c r="IB42" s="153">
        <v>0</v>
      </c>
      <c r="IC42" s="154">
        <v>0</v>
      </c>
      <c r="ID42" s="155">
        <v>1260745</v>
      </c>
      <c r="IE42" s="156">
        <v>905021</v>
      </c>
      <c r="IF42" s="157">
        <v>1788601</v>
      </c>
      <c r="IG42" s="155">
        <v>261700</v>
      </c>
      <c r="IH42" s="157">
        <v>559104</v>
      </c>
      <c r="II42" s="158">
        <v>4775171</v>
      </c>
      <c r="IJ42" s="159">
        <v>4775171</v>
      </c>
      <c r="IK42" s="233">
        <v>0</v>
      </c>
      <c r="IL42" s="238">
        <v>0</v>
      </c>
      <c r="IM42" s="239">
        <v>0</v>
      </c>
      <c r="IN42" s="160"/>
      <c r="IO42" s="161">
        <v>0</v>
      </c>
      <c r="IP42" s="161">
        <v>0</v>
      </c>
      <c r="IQ42" s="161">
        <v>176401</v>
      </c>
      <c r="IR42" s="161">
        <v>0</v>
      </c>
      <c r="IS42" s="161">
        <v>0</v>
      </c>
      <c r="IT42" s="162">
        <v>176401</v>
      </c>
      <c r="IU42" s="321">
        <v>176401</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960178</v>
      </c>
      <c r="JL42" s="161">
        <v>630431</v>
      </c>
      <c r="JM42" s="161">
        <v>1047104</v>
      </c>
      <c r="JN42" s="161">
        <v>0</v>
      </c>
      <c r="JO42" s="161">
        <v>320253</v>
      </c>
      <c r="JP42" s="165">
        <v>2957966</v>
      </c>
      <c r="JQ42" s="321">
        <v>2957966</v>
      </c>
      <c r="JR42" s="163">
        <v>0</v>
      </c>
      <c r="JS42" s="161">
        <v>0</v>
      </c>
      <c r="JT42" s="162">
        <v>0</v>
      </c>
      <c r="JU42" s="164">
        <v>0</v>
      </c>
      <c r="JV42" s="161">
        <v>37577</v>
      </c>
      <c r="JW42" s="161">
        <v>0</v>
      </c>
      <c r="JX42" s="161">
        <v>0</v>
      </c>
      <c r="JY42" s="161">
        <v>261700</v>
      </c>
      <c r="JZ42" s="161">
        <v>238851</v>
      </c>
      <c r="KA42" s="165">
        <v>538128</v>
      </c>
      <c r="KB42" s="321">
        <v>538128</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262990</v>
      </c>
      <c r="KS42" s="161">
        <v>274590</v>
      </c>
      <c r="KT42" s="161">
        <v>565096</v>
      </c>
      <c r="KU42" s="161">
        <v>0</v>
      </c>
      <c r="KV42" s="161">
        <v>0</v>
      </c>
      <c r="KW42" s="165">
        <v>1102676</v>
      </c>
      <c r="KX42" s="321">
        <v>1102676</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517720</v>
      </c>
      <c r="MK42" s="161">
        <v>0</v>
      </c>
      <c r="ML42" s="161">
        <v>4373683</v>
      </c>
      <c r="MM42" s="161">
        <v>3415995</v>
      </c>
      <c r="MN42" s="161">
        <v>2607051</v>
      </c>
      <c r="MO42" s="165">
        <v>10914449</v>
      </c>
      <c r="MP42" s="167">
        <v>10914449</v>
      </c>
      <c r="MQ42" s="163">
        <v>0</v>
      </c>
      <c r="MR42" s="161">
        <v>0</v>
      </c>
      <c r="MS42" s="165">
        <v>0</v>
      </c>
      <c r="MT42" s="169"/>
      <c r="MU42" s="161">
        <v>0</v>
      </c>
      <c r="MV42" s="161">
        <v>0</v>
      </c>
      <c r="MW42" s="161">
        <v>2423461</v>
      </c>
      <c r="MX42" s="161">
        <v>1969127</v>
      </c>
      <c r="MY42" s="161">
        <v>1922862</v>
      </c>
      <c r="MZ42" s="165">
        <v>6315450</v>
      </c>
      <c r="NA42" s="167">
        <v>6315450</v>
      </c>
      <c r="NB42" s="163">
        <v>0</v>
      </c>
      <c r="NC42" s="161">
        <v>0</v>
      </c>
      <c r="ND42" s="165">
        <v>0</v>
      </c>
      <c r="NE42" s="169"/>
      <c r="NF42" s="161">
        <v>517720</v>
      </c>
      <c r="NG42" s="161">
        <v>0</v>
      </c>
      <c r="NH42" s="161">
        <v>1950222</v>
      </c>
      <c r="NI42" s="161">
        <v>1070558</v>
      </c>
      <c r="NJ42" s="161">
        <v>343857</v>
      </c>
      <c r="NK42" s="165">
        <v>3882357</v>
      </c>
      <c r="NL42" s="321">
        <v>3882357</v>
      </c>
      <c r="NM42" s="163">
        <v>0</v>
      </c>
      <c r="NN42" s="161">
        <v>0</v>
      </c>
      <c r="NO42" s="165">
        <v>0</v>
      </c>
      <c r="NP42" s="169"/>
      <c r="NQ42" s="161">
        <v>0</v>
      </c>
      <c r="NR42" s="161">
        <v>0</v>
      </c>
      <c r="NS42" s="161">
        <v>0</v>
      </c>
      <c r="NT42" s="161">
        <v>376310</v>
      </c>
      <c r="NU42" s="161">
        <v>0</v>
      </c>
      <c r="NV42" s="165">
        <v>376310</v>
      </c>
      <c r="NW42" s="166">
        <v>376310</v>
      </c>
      <c r="NX42" s="163">
        <v>0</v>
      </c>
      <c r="NY42" s="161">
        <v>0</v>
      </c>
      <c r="NZ42" s="165">
        <v>0</v>
      </c>
      <c r="OA42" s="169"/>
      <c r="OB42" s="161">
        <v>0</v>
      </c>
      <c r="OC42" s="161">
        <v>0</v>
      </c>
      <c r="OD42" s="161">
        <v>0</v>
      </c>
      <c r="OE42" s="161">
        <v>0</v>
      </c>
      <c r="OF42" s="161">
        <v>340332</v>
      </c>
      <c r="OG42" s="165">
        <v>340332</v>
      </c>
      <c r="OH42" s="166">
        <v>340332</v>
      </c>
      <c r="OI42" s="163">
        <v>180040</v>
      </c>
      <c r="OJ42" s="161">
        <v>152364</v>
      </c>
      <c r="OK42" s="162">
        <v>332404</v>
      </c>
      <c r="OL42" s="164">
        <v>0</v>
      </c>
      <c r="OM42" s="161">
        <v>3623893</v>
      </c>
      <c r="ON42" s="161">
        <v>2783926</v>
      </c>
      <c r="OO42" s="161">
        <v>9129517</v>
      </c>
      <c r="OP42" s="161">
        <v>4837045</v>
      </c>
      <c r="OQ42" s="161">
        <v>4157178</v>
      </c>
      <c r="OR42" s="165">
        <v>24531559</v>
      </c>
      <c r="OS42" s="167">
        <v>24863963</v>
      </c>
    </row>
    <row r="43" spans="2:409" x14ac:dyDescent="0.2">
      <c r="B43" s="1" t="s">
        <v>84</v>
      </c>
    </row>
  </sheetData>
  <mergeCells count="159">
    <mergeCell ref="I1:J1"/>
    <mergeCell ref="FK7:FK8"/>
    <mergeCell ref="DI5:FK5"/>
    <mergeCell ref="GS6:HC6"/>
    <mergeCell ref="GH6:GR6"/>
    <mergeCell ref="N6:X6"/>
    <mergeCell ref="CB6:CL6"/>
    <mergeCell ref="DI6:DS6"/>
    <mergeCell ref="DT6:ED6"/>
    <mergeCell ref="EE6:EO6"/>
    <mergeCell ref="EP6:EZ6"/>
    <mergeCell ref="FL6:FV6"/>
    <mergeCell ref="FW6:GG6"/>
    <mergeCell ref="FA6:FK6"/>
    <mergeCell ref="CX6:DH6"/>
    <mergeCell ref="BQ6:CA6"/>
    <mergeCell ref="CM6:CW6"/>
    <mergeCell ref="AJ6:AT6"/>
    <mergeCell ref="AU6:BE6"/>
    <mergeCell ref="BF6:BP6"/>
    <mergeCell ref="AI7:AI8"/>
    <mergeCell ref="AJ7:AL7"/>
    <mergeCell ref="AM7:AS7"/>
    <mergeCell ref="AT7:AT8"/>
    <mergeCell ref="G2:H2"/>
    <mergeCell ref="ES7:EY7"/>
    <mergeCell ref="EZ7:EZ8"/>
    <mergeCell ref="DS7:DS8"/>
    <mergeCell ref="B4:B8"/>
    <mergeCell ref="C4:M6"/>
    <mergeCell ref="N4:HY4"/>
    <mergeCell ref="N5:CA5"/>
    <mergeCell ref="CB5:DH5"/>
    <mergeCell ref="FL5:HC5"/>
    <mergeCell ref="HD5:HN6"/>
    <mergeCell ref="HO5:HY6"/>
    <mergeCell ref="Y6:AI6"/>
    <mergeCell ref="Q7:W7"/>
    <mergeCell ref="X7:X8"/>
    <mergeCell ref="Y7:AA7"/>
    <mergeCell ref="AB7:AH7"/>
    <mergeCell ref="C7:E7"/>
    <mergeCell ref="F7:L7"/>
    <mergeCell ref="M7:M8"/>
    <mergeCell ref="N7:P7"/>
    <mergeCell ref="AU7:AW7"/>
    <mergeCell ref="AX7:BD7"/>
    <mergeCell ref="BE7:BE8"/>
    <mergeCell ref="HY7:HY8"/>
    <mergeCell ref="HG7:HM7"/>
    <mergeCell ref="HN7:HN8"/>
    <mergeCell ref="HO7:HQ7"/>
    <mergeCell ref="HR7:HX7"/>
    <mergeCell ref="FL7:FN7"/>
    <mergeCell ref="FO7:FU7"/>
    <mergeCell ref="EE7:EG7"/>
    <mergeCell ref="EH7:EN7"/>
    <mergeCell ref="EO7:EO8"/>
    <mergeCell ref="EP7:ER7"/>
    <mergeCell ref="GS7:GU7"/>
    <mergeCell ref="GV7:HB7"/>
    <mergeCell ref="HC7:HC8"/>
    <mergeCell ref="HD7:HF7"/>
    <mergeCell ref="FV7:FV8"/>
    <mergeCell ref="FW7:FY7"/>
    <mergeCell ref="FZ7:GF7"/>
    <mergeCell ref="GG7:GG8"/>
    <mergeCell ref="GR7:GR8"/>
    <mergeCell ref="GK7:GQ7"/>
    <mergeCell ref="GH7:GJ7"/>
    <mergeCell ref="FA7:FC7"/>
    <mergeCell ref="FD7:FJ7"/>
    <mergeCell ref="DT7:DV7"/>
    <mergeCell ref="DW7:EC7"/>
    <mergeCell ref="ED7:ED8"/>
    <mergeCell ref="DL7:DR7"/>
    <mergeCell ref="CM7:CO7"/>
    <mergeCell ref="CP7:CV7"/>
    <mergeCell ref="CW7:CW8"/>
    <mergeCell ref="CX7:CZ7"/>
    <mergeCell ref="DA7:DG7"/>
    <mergeCell ref="DH7:DH8"/>
    <mergeCell ref="DI7:DK7"/>
    <mergeCell ref="CL7:CL8"/>
    <mergeCell ref="BI7:BO7"/>
    <mergeCell ref="BP7:BP8"/>
    <mergeCell ref="BQ7:BS7"/>
    <mergeCell ref="BT7:BZ7"/>
    <mergeCell ref="BF7:BH7"/>
    <mergeCell ref="CA7:CA8"/>
    <mergeCell ref="CB7:CD7"/>
    <mergeCell ref="CE7:CK7"/>
    <mergeCell ref="ID1:IE1"/>
    <mergeCell ref="HZ4:ME4"/>
    <mergeCell ref="JJ7:JP7"/>
    <mergeCell ref="JQ7:JQ8"/>
    <mergeCell ref="JR7:JT7"/>
    <mergeCell ref="JU7:KA7"/>
    <mergeCell ref="KB7:KB8"/>
    <mergeCell ref="NX5:OH6"/>
    <mergeCell ref="LM7:LS7"/>
    <mergeCell ref="LT7:LT8"/>
    <mergeCell ref="LU7:LW7"/>
    <mergeCell ref="IU7:IU8"/>
    <mergeCell ref="IV7:IX7"/>
    <mergeCell ref="IY7:JE7"/>
    <mergeCell ref="JF7:JF8"/>
    <mergeCell ref="JG7:JI7"/>
    <mergeCell ref="HZ7:IB7"/>
    <mergeCell ref="IC7:II7"/>
    <mergeCell ref="IJ7:IJ8"/>
    <mergeCell ref="IK7:IM7"/>
    <mergeCell ref="IN7:IT7"/>
    <mergeCell ref="KX7:KX8"/>
    <mergeCell ref="KY7:LA7"/>
    <mergeCell ref="LB7:LH7"/>
    <mergeCell ref="OI4:OS6"/>
    <mergeCell ref="HZ5:IJ6"/>
    <mergeCell ref="IK5:IU6"/>
    <mergeCell ref="IV5:JF6"/>
    <mergeCell ref="JG5:JQ6"/>
    <mergeCell ref="JR5:KB6"/>
    <mergeCell ref="KC5:KM6"/>
    <mergeCell ref="KN5:KX6"/>
    <mergeCell ref="KY5:LI6"/>
    <mergeCell ref="LJ5:LT6"/>
    <mergeCell ref="LU5:ME6"/>
    <mergeCell ref="MF5:MP6"/>
    <mergeCell ref="MQ5:NA6"/>
    <mergeCell ref="NB5:NL6"/>
    <mergeCell ref="NM5:NW6"/>
    <mergeCell ref="MF4:OH4"/>
    <mergeCell ref="LI7:LI8"/>
    <mergeCell ref="LJ7:LL7"/>
    <mergeCell ref="KC7:KE7"/>
    <mergeCell ref="KF7:KL7"/>
    <mergeCell ref="KM7:KM8"/>
    <mergeCell ref="KN7:KP7"/>
    <mergeCell ref="KQ7:KW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R17" sqref="R17"/>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10"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1"/>
      <c r="F1" s="1"/>
      <c r="G1" s="500">
        <f>第１表!F2</f>
        <v>4</v>
      </c>
      <c r="H1" s="511">
        <f>第１表!G2</f>
        <v>12</v>
      </c>
      <c r="I1" s="652">
        <f>IF(H1&lt;3,H1-2+12,H1-2)</f>
        <v>10</v>
      </c>
      <c r="J1" s="652"/>
      <c r="IB1" s="367"/>
      <c r="IC1" s="252"/>
      <c r="ID1" s="652"/>
      <c r="IE1" s="652"/>
    </row>
    <row r="2" spans="1:409" ht="24" customHeight="1" x14ac:dyDescent="0.2">
      <c r="B2" s="20" t="s">
        <v>147</v>
      </c>
      <c r="E2" s="249"/>
      <c r="F2" s="250"/>
      <c r="G2" s="341"/>
      <c r="H2" s="341"/>
      <c r="IB2" s="251"/>
      <c r="IC2" s="252"/>
      <c r="ID2" s="370"/>
      <c r="IE2" s="370"/>
    </row>
    <row r="3" spans="1:409" ht="24" customHeight="1" thickBot="1" x14ac:dyDescent="0.25">
      <c r="B3" s="20" t="s">
        <v>137</v>
      </c>
    </row>
    <row r="4" spans="1:409" ht="21" customHeight="1" thickBot="1" x14ac:dyDescent="0.25">
      <c r="B4" s="688" t="s">
        <v>42</v>
      </c>
      <c r="C4" s="691" t="s">
        <v>63</v>
      </c>
      <c r="D4" s="691"/>
      <c r="E4" s="691"/>
      <c r="F4" s="691"/>
      <c r="G4" s="691"/>
      <c r="H4" s="691"/>
      <c r="I4" s="691"/>
      <c r="J4" s="691"/>
      <c r="K4" s="691"/>
      <c r="L4" s="691"/>
      <c r="M4" s="691"/>
      <c r="N4" s="694"/>
      <c r="O4" s="694"/>
      <c r="P4" s="694"/>
      <c r="Q4" s="694"/>
      <c r="R4" s="694"/>
      <c r="S4" s="694"/>
      <c r="T4" s="694"/>
      <c r="U4" s="694"/>
      <c r="V4" s="694"/>
      <c r="W4" s="694"/>
      <c r="X4" s="694"/>
      <c r="Y4" s="694"/>
      <c r="Z4" s="694"/>
      <c r="AA4" s="694"/>
      <c r="AB4" s="694"/>
      <c r="AC4" s="694"/>
      <c r="AD4" s="694"/>
      <c r="AE4" s="694"/>
      <c r="AF4" s="694"/>
      <c r="AG4" s="694"/>
      <c r="AH4" s="694"/>
      <c r="AI4" s="694"/>
      <c r="AJ4" s="694"/>
      <c r="AK4" s="694"/>
      <c r="AL4" s="694"/>
      <c r="AM4" s="694"/>
      <c r="AN4" s="694"/>
      <c r="AO4" s="694"/>
      <c r="AP4" s="694"/>
      <c r="AQ4" s="694"/>
      <c r="AR4" s="694"/>
      <c r="AS4" s="694"/>
      <c r="AT4" s="694"/>
      <c r="AU4" s="694"/>
      <c r="AV4" s="694"/>
      <c r="AW4" s="694"/>
      <c r="AX4" s="694"/>
      <c r="AY4" s="694"/>
      <c r="AZ4" s="694"/>
      <c r="BA4" s="694"/>
      <c r="BB4" s="694"/>
      <c r="BC4" s="694"/>
      <c r="BD4" s="694"/>
      <c r="BE4" s="694"/>
      <c r="BF4" s="694"/>
      <c r="BG4" s="694"/>
      <c r="BH4" s="694"/>
      <c r="BI4" s="694"/>
      <c r="BJ4" s="694"/>
      <c r="BK4" s="694"/>
      <c r="BL4" s="694"/>
      <c r="BM4" s="694"/>
      <c r="BN4" s="694"/>
      <c r="BO4" s="694"/>
      <c r="BP4" s="694"/>
      <c r="BQ4" s="694"/>
      <c r="BR4" s="694"/>
      <c r="BS4" s="694"/>
      <c r="BT4" s="694"/>
      <c r="BU4" s="694"/>
      <c r="BV4" s="694"/>
      <c r="BW4" s="694"/>
      <c r="BX4" s="694"/>
      <c r="BY4" s="694"/>
      <c r="BZ4" s="694"/>
      <c r="CA4" s="694"/>
      <c r="CB4" s="694"/>
      <c r="CC4" s="694"/>
      <c r="CD4" s="694"/>
      <c r="CE4" s="694"/>
      <c r="CF4" s="694"/>
      <c r="CG4" s="694"/>
      <c r="CH4" s="694"/>
      <c r="CI4" s="694"/>
      <c r="CJ4" s="694"/>
      <c r="CK4" s="694"/>
      <c r="CL4" s="694"/>
      <c r="CM4" s="694"/>
      <c r="CN4" s="694"/>
      <c r="CO4" s="694"/>
      <c r="CP4" s="694"/>
      <c r="CQ4" s="694"/>
      <c r="CR4" s="694"/>
      <c r="CS4" s="694"/>
      <c r="CT4" s="694"/>
      <c r="CU4" s="694"/>
      <c r="CV4" s="694"/>
      <c r="CW4" s="694"/>
      <c r="CX4" s="694"/>
      <c r="CY4" s="694"/>
      <c r="CZ4" s="694"/>
      <c r="DA4" s="694"/>
      <c r="DB4" s="694"/>
      <c r="DC4" s="694"/>
      <c r="DD4" s="694"/>
      <c r="DE4" s="694"/>
      <c r="DF4" s="694"/>
      <c r="DG4" s="694"/>
      <c r="DH4" s="694"/>
      <c r="DI4" s="694"/>
      <c r="DJ4" s="694"/>
      <c r="DK4" s="694"/>
      <c r="DL4" s="694"/>
      <c r="DM4" s="694"/>
      <c r="DN4" s="694"/>
      <c r="DO4" s="694"/>
      <c r="DP4" s="694"/>
      <c r="DQ4" s="694"/>
      <c r="DR4" s="694"/>
      <c r="DS4" s="694"/>
      <c r="DT4" s="694"/>
      <c r="DU4" s="694"/>
      <c r="DV4" s="694"/>
      <c r="DW4" s="694"/>
      <c r="DX4" s="694"/>
      <c r="DY4" s="694"/>
      <c r="DZ4" s="694"/>
      <c r="EA4" s="694"/>
      <c r="EB4" s="694"/>
      <c r="EC4" s="694"/>
      <c r="ED4" s="694"/>
      <c r="EE4" s="694"/>
      <c r="EF4" s="694"/>
      <c r="EG4" s="694"/>
      <c r="EH4" s="694"/>
      <c r="EI4" s="694"/>
      <c r="EJ4" s="694"/>
      <c r="EK4" s="694"/>
      <c r="EL4" s="694"/>
      <c r="EM4" s="694"/>
      <c r="EN4" s="694"/>
      <c r="EO4" s="694"/>
      <c r="EP4" s="694"/>
      <c r="EQ4" s="694"/>
      <c r="ER4" s="694"/>
      <c r="ES4" s="694"/>
      <c r="ET4" s="694"/>
      <c r="EU4" s="694"/>
      <c r="EV4" s="694"/>
      <c r="EW4" s="694"/>
      <c r="EX4" s="694"/>
      <c r="EY4" s="694"/>
      <c r="EZ4" s="694"/>
      <c r="FA4" s="694"/>
      <c r="FB4" s="694"/>
      <c r="FC4" s="694"/>
      <c r="FD4" s="694"/>
      <c r="FE4" s="694"/>
      <c r="FF4" s="694"/>
      <c r="FG4" s="694"/>
      <c r="FH4" s="694"/>
      <c r="FI4" s="694"/>
      <c r="FJ4" s="694"/>
      <c r="FK4" s="694"/>
      <c r="FL4" s="694"/>
      <c r="FM4" s="694"/>
      <c r="FN4" s="694"/>
      <c r="FO4" s="694"/>
      <c r="FP4" s="694"/>
      <c r="FQ4" s="694"/>
      <c r="FR4" s="694"/>
      <c r="FS4" s="694"/>
      <c r="FT4" s="694"/>
      <c r="FU4" s="694"/>
      <c r="FV4" s="694"/>
      <c r="FW4" s="694"/>
      <c r="FX4" s="694"/>
      <c r="FY4" s="694"/>
      <c r="FZ4" s="694"/>
      <c r="GA4" s="694"/>
      <c r="GB4" s="694"/>
      <c r="GC4" s="694"/>
      <c r="GD4" s="694"/>
      <c r="GE4" s="694"/>
      <c r="GF4" s="694"/>
      <c r="GG4" s="694"/>
      <c r="GH4" s="694"/>
      <c r="GI4" s="694"/>
      <c r="GJ4" s="694"/>
      <c r="GK4" s="694"/>
      <c r="GL4" s="694"/>
      <c r="GM4" s="694"/>
      <c r="GN4" s="694"/>
      <c r="GO4" s="694"/>
      <c r="GP4" s="694"/>
      <c r="GQ4" s="694"/>
      <c r="GR4" s="694"/>
      <c r="GS4" s="694"/>
      <c r="GT4" s="694"/>
      <c r="GU4" s="694"/>
      <c r="GV4" s="694"/>
      <c r="GW4" s="694"/>
      <c r="GX4" s="694"/>
      <c r="GY4" s="694"/>
      <c r="GZ4" s="694"/>
      <c r="HA4" s="694"/>
      <c r="HB4" s="694"/>
      <c r="HC4" s="694"/>
      <c r="HD4" s="694"/>
      <c r="HE4" s="694"/>
      <c r="HF4" s="694"/>
      <c r="HG4" s="694"/>
      <c r="HH4" s="694"/>
      <c r="HI4" s="694"/>
      <c r="HJ4" s="694"/>
      <c r="HK4" s="694"/>
      <c r="HL4" s="694"/>
      <c r="HM4" s="694"/>
      <c r="HN4" s="694"/>
      <c r="HO4" s="694"/>
      <c r="HP4" s="694"/>
      <c r="HQ4" s="694"/>
      <c r="HR4" s="694"/>
      <c r="HS4" s="694"/>
      <c r="HT4" s="694"/>
      <c r="HU4" s="694"/>
      <c r="HV4" s="694"/>
      <c r="HW4" s="694"/>
      <c r="HX4" s="694"/>
      <c r="HY4" s="695"/>
      <c r="HZ4" s="649" t="s">
        <v>85</v>
      </c>
      <c r="IA4" s="650"/>
      <c r="IB4" s="650"/>
      <c r="IC4" s="650"/>
      <c r="ID4" s="650"/>
      <c r="IE4" s="650"/>
      <c r="IF4" s="650"/>
      <c r="IG4" s="650"/>
      <c r="IH4" s="650"/>
      <c r="II4" s="650"/>
      <c r="IJ4" s="650"/>
      <c r="IK4" s="650"/>
      <c r="IL4" s="650"/>
      <c r="IM4" s="650"/>
      <c r="IN4" s="650"/>
      <c r="IO4" s="650"/>
      <c r="IP4" s="650"/>
      <c r="IQ4" s="650"/>
      <c r="IR4" s="650"/>
      <c r="IS4" s="650"/>
      <c r="IT4" s="650"/>
      <c r="IU4" s="650"/>
      <c r="IV4" s="650"/>
      <c r="IW4" s="650"/>
      <c r="IX4" s="650"/>
      <c r="IY4" s="650"/>
      <c r="IZ4" s="650"/>
      <c r="JA4" s="650"/>
      <c r="JB4" s="650"/>
      <c r="JC4" s="650"/>
      <c r="JD4" s="650"/>
      <c r="JE4" s="650"/>
      <c r="JF4" s="650"/>
      <c r="JG4" s="650"/>
      <c r="JH4" s="650"/>
      <c r="JI4" s="650"/>
      <c r="JJ4" s="650"/>
      <c r="JK4" s="650"/>
      <c r="JL4" s="650"/>
      <c r="JM4" s="650"/>
      <c r="JN4" s="650"/>
      <c r="JO4" s="650"/>
      <c r="JP4" s="650"/>
      <c r="JQ4" s="650"/>
      <c r="JR4" s="650"/>
      <c r="JS4" s="650"/>
      <c r="JT4" s="650"/>
      <c r="JU4" s="650"/>
      <c r="JV4" s="650"/>
      <c r="JW4" s="650"/>
      <c r="JX4" s="650"/>
      <c r="JY4" s="650"/>
      <c r="JZ4" s="650"/>
      <c r="KA4" s="650"/>
      <c r="KB4" s="650"/>
      <c r="KC4" s="650"/>
      <c r="KD4" s="650"/>
      <c r="KE4" s="650"/>
      <c r="KF4" s="650"/>
      <c r="KG4" s="650"/>
      <c r="KH4" s="650"/>
      <c r="KI4" s="650"/>
      <c r="KJ4" s="650"/>
      <c r="KK4" s="650"/>
      <c r="KL4" s="650"/>
      <c r="KM4" s="650"/>
      <c r="KN4" s="650"/>
      <c r="KO4" s="650"/>
      <c r="KP4" s="650"/>
      <c r="KQ4" s="650"/>
      <c r="KR4" s="650"/>
      <c r="KS4" s="650"/>
      <c r="KT4" s="650"/>
      <c r="KU4" s="650"/>
      <c r="KV4" s="650"/>
      <c r="KW4" s="650"/>
      <c r="KX4" s="650"/>
      <c r="KY4" s="650"/>
      <c r="KZ4" s="650"/>
      <c r="LA4" s="650"/>
      <c r="LB4" s="650"/>
      <c r="LC4" s="650"/>
      <c r="LD4" s="650"/>
      <c r="LE4" s="650"/>
      <c r="LF4" s="650"/>
      <c r="LG4" s="650"/>
      <c r="LH4" s="650"/>
      <c r="LI4" s="650"/>
      <c r="LJ4" s="650"/>
      <c r="LK4" s="650"/>
      <c r="LL4" s="650"/>
      <c r="LM4" s="650"/>
      <c r="LN4" s="650"/>
      <c r="LO4" s="650"/>
      <c r="LP4" s="650"/>
      <c r="LQ4" s="650"/>
      <c r="LR4" s="650"/>
      <c r="LS4" s="650"/>
      <c r="LT4" s="650"/>
      <c r="LU4" s="650"/>
      <c r="LV4" s="650"/>
      <c r="LW4" s="650"/>
      <c r="LX4" s="650"/>
      <c r="LY4" s="650"/>
      <c r="LZ4" s="650"/>
      <c r="MA4" s="650"/>
      <c r="MB4" s="650"/>
      <c r="MC4" s="650"/>
      <c r="MD4" s="650"/>
      <c r="ME4" s="651"/>
      <c r="MF4" s="649" t="s">
        <v>86</v>
      </c>
      <c r="MG4" s="650"/>
      <c r="MH4" s="650"/>
      <c r="MI4" s="650"/>
      <c r="MJ4" s="650"/>
      <c r="MK4" s="650"/>
      <c r="ML4" s="650"/>
      <c r="MM4" s="650"/>
      <c r="MN4" s="650"/>
      <c r="MO4" s="650"/>
      <c r="MP4" s="650"/>
      <c r="MQ4" s="650"/>
      <c r="MR4" s="650"/>
      <c r="MS4" s="650"/>
      <c r="MT4" s="650"/>
      <c r="MU4" s="650"/>
      <c r="MV4" s="650"/>
      <c r="MW4" s="650"/>
      <c r="MX4" s="650"/>
      <c r="MY4" s="650"/>
      <c r="MZ4" s="650"/>
      <c r="NA4" s="650"/>
      <c r="NB4" s="650"/>
      <c r="NC4" s="650"/>
      <c r="ND4" s="650"/>
      <c r="NE4" s="650"/>
      <c r="NF4" s="650"/>
      <c r="NG4" s="650"/>
      <c r="NH4" s="650"/>
      <c r="NI4" s="650"/>
      <c r="NJ4" s="650"/>
      <c r="NK4" s="650"/>
      <c r="NL4" s="650"/>
      <c r="NM4" s="650"/>
      <c r="NN4" s="650"/>
      <c r="NO4" s="650"/>
      <c r="NP4" s="650"/>
      <c r="NQ4" s="650"/>
      <c r="NR4" s="650"/>
      <c r="NS4" s="650"/>
      <c r="NT4" s="650"/>
      <c r="NU4" s="650"/>
      <c r="NV4" s="650"/>
      <c r="NW4" s="650"/>
      <c r="NX4" s="650"/>
      <c r="NY4" s="650"/>
      <c r="NZ4" s="650"/>
      <c r="OA4" s="650"/>
      <c r="OB4" s="650"/>
      <c r="OC4" s="650"/>
      <c r="OD4" s="650"/>
      <c r="OE4" s="650"/>
      <c r="OF4" s="650"/>
      <c r="OG4" s="650"/>
      <c r="OH4" s="651"/>
      <c r="OI4" s="604" t="s">
        <v>60</v>
      </c>
      <c r="OJ4" s="514"/>
      <c r="OK4" s="514"/>
      <c r="OL4" s="514"/>
      <c r="OM4" s="514"/>
      <c r="ON4" s="514"/>
      <c r="OO4" s="514"/>
      <c r="OP4" s="514"/>
      <c r="OQ4" s="514"/>
      <c r="OR4" s="514"/>
      <c r="OS4" s="515"/>
    </row>
    <row r="5" spans="1:409" ht="21" customHeight="1" thickBot="1" x14ac:dyDescent="0.25">
      <c r="B5" s="689"/>
      <c r="C5" s="692"/>
      <c r="D5" s="692"/>
      <c r="E5" s="692"/>
      <c r="F5" s="692"/>
      <c r="G5" s="692"/>
      <c r="H5" s="692"/>
      <c r="I5" s="692"/>
      <c r="J5" s="692"/>
      <c r="K5" s="692"/>
      <c r="L5" s="692"/>
      <c r="M5" s="692"/>
      <c r="N5" s="696" t="s">
        <v>64</v>
      </c>
      <c r="O5" s="697"/>
      <c r="P5" s="697"/>
      <c r="Q5" s="697"/>
      <c r="R5" s="697"/>
      <c r="S5" s="697"/>
      <c r="T5" s="697"/>
      <c r="U5" s="697"/>
      <c r="V5" s="697"/>
      <c r="W5" s="697"/>
      <c r="X5" s="697"/>
      <c r="Y5" s="697"/>
      <c r="Z5" s="697"/>
      <c r="AA5" s="697"/>
      <c r="AB5" s="697"/>
      <c r="AC5" s="697"/>
      <c r="AD5" s="697"/>
      <c r="AE5" s="697"/>
      <c r="AF5" s="697"/>
      <c r="AG5" s="697"/>
      <c r="AH5" s="697"/>
      <c r="AI5" s="697"/>
      <c r="AJ5" s="697"/>
      <c r="AK5" s="697"/>
      <c r="AL5" s="697"/>
      <c r="AM5" s="697"/>
      <c r="AN5" s="697"/>
      <c r="AO5" s="697"/>
      <c r="AP5" s="697"/>
      <c r="AQ5" s="697"/>
      <c r="AR5" s="697"/>
      <c r="AS5" s="697"/>
      <c r="AT5" s="697"/>
      <c r="AU5" s="697"/>
      <c r="AV5" s="697"/>
      <c r="AW5" s="697"/>
      <c r="AX5" s="697"/>
      <c r="AY5" s="697"/>
      <c r="AZ5" s="697"/>
      <c r="BA5" s="697"/>
      <c r="BB5" s="697"/>
      <c r="BC5" s="697"/>
      <c r="BD5" s="697"/>
      <c r="BE5" s="697"/>
      <c r="BF5" s="697"/>
      <c r="BG5" s="697"/>
      <c r="BH5" s="697"/>
      <c r="BI5" s="697"/>
      <c r="BJ5" s="697"/>
      <c r="BK5" s="697"/>
      <c r="BL5" s="697"/>
      <c r="BM5" s="697"/>
      <c r="BN5" s="697"/>
      <c r="BO5" s="697"/>
      <c r="BP5" s="697"/>
      <c r="BQ5" s="697"/>
      <c r="BR5" s="697"/>
      <c r="BS5" s="697"/>
      <c r="BT5" s="697"/>
      <c r="BU5" s="697"/>
      <c r="BV5" s="697"/>
      <c r="BW5" s="697"/>
      <c r="BX5" s="697"/>
      <c r="BY5" s="697"/>
      <c r="BZ5" s="697"/>
      <c r="CA5" s="698"/>
      <c r="CB5" s="696" t="s">
        <v>65</v>
      </c>
      <c r="CC5" s="697"/>
      <c r="CD5" s="697"/>
      <c r="CE5" s="697"/>
      <c r="CF5" s="697"/>
      <c r="CG5" s="697"/>
      <c r="CH5" s="697"/>
      <c r="CI5" s="697"/>
      <c r="CJ5" s="697"/>
      <c r="CK5" s="697"/>
      <c r="CL5" s="697"/>
      <c r="CM5" s="697"/>
      <c r="CN5" s="697"/>
      <c r="CO5" s="697"/>
      <c r="CP5" s="697"/>
      <c r="CQ5" s="697"/>
      <c r="CR5" s="697"/>
      <c r="CS5" s="697"/>
      <c r="CT5" s="697"/>
      <c r="CU5" s="697"/>
      <c r="CV5" s="697"/>
      <c r="CW5" s="697"/>
      <c r="CX5" s="697"/>
      <c r="CY5" s="697"/>
      <c r="CZ5" s="697"/>
      <c r="DA5" s="697"/>
      <c r="DB5" s="697"/>
      <c r="DC5" s="697"/>
      <c r="DD5" s="697"/>
      <c r="DE5" s="697"/>
      <c r="DF5" s="697"/>
      <c r="DG5" s="697"/>
      <c r="DH5" s="698"/>
      <c r="DI5" s="518" t="s">
        <v>66</v>
      </c>
      <c r="DJ5" s="519"/>
      <c r="DK5" s="519"/>
      <c r="DL5" s="519"/>
      <c r="DM5" s="519"/>
      <c r="DN5" s="519"/>
      <c r="DO5" s="519"/>
      <c r="DP5" s="519"/>
      <c r="DQ5" s="519"/>
      <c r="DR5" s="519"/>
      <c r="DS5" s="519"/>
      <c r="DT5" s="519"/>
      <c r="DU5" s="519"/>
      <c r="DV5" s="519"/>
      <c r="DW5" s="519"/>
      <c r="DX5" s="519"/>
      <c r="DY5" s="519"/>
      <c r="DZ5" s="519"/>
      <c r="EA5" s="519"/>
      <c r="EB5" s="519"/>
      <c r="EC5" s="519"/>
      <c r="ED5" s="519"/>
      <c r="EE5" s="519"/>
      <c r="EF5" s="519"/>
      <c r="EG5" s="519"/>
      <c r="EH5" s="519"/>
      <c r="EI5" s="519"/>
      <c r="EJ5" s="519"/>
      <c r="EK5" s="519"/>
      <c r="EL5" s="519"/>
      <c r="EM5" s="519"/>
      <c r="EN5" s="519"/>
      <c r="EO5" s="519"/>
      <c r="EP5" s="519"/>
      <c r="EQ5" s="519"/>
      <c r="ER5" s="519"/>
      <c r="ES5" s="519"/>
      <c r="ET5" s="519"/>
      <c r="EU5" s="519"/>
      <c r="EV5" s="519"/>
      <c r="EW5" s="519"/>
      <c r="EX5" s="519"/>
      <c r="EY5" s="519"/>
      <c r="EZ5" s="519"/>
      <c r="FA5" s="519"/>
      <c r="FB5" s="519"/>
      <c r="FC5" s="519"/>
      <c r="FD5" s="519"/>
      <c r="FE5" s="519"/>
      <c r="FF5" s="519"/>
      <c r="FG5" s="519"/>
      <c r="FH5" s="519"/>
      <c r="FI5" s="519"/>
      <c r="FJ5" s="519"/>
      <c r="FK5" s="520"/>
      <c r="FL5" s="696" t="s">
        <v>67</v>
      </c>
      <c r="FM5" s="697"/>
      <c r="FN5" s="697"/>
      <c r="FO5" s="697"/>
      <c r="FP5" s="697"/>
      <c r="FQ5" s="697"/>
      <c r="FR5" s="697"/>
      <c r="FS5" s="697"/>
      <c r="FT5" s="697"/>
      <c r="FU5" s="697"/>
      <c r="FV5" s="697"/>
      <c r="FW5" s="697"/>
      <c r="FX5" s="697"/>
      <c r="FY5" s="697"/>
      <c r="FZ5" s="697"/>
      <c r="GA5" s="697"/>
      <c r="GB5" s="697"/>
      <c r="GC5" s="697"/>
      <c r="GD5" s="697"/>
      <c r="GE5" s="697"/>
      <c r="GF5" s="697"/>
      <c r="GG5" s="697"/>
      <c r="GH5" s="697"/>
      <c r="GI5" s="697"/>
      <c r="GJ5" s="697"/>
      <c r="GK5" s="697"/>
      <c r="GL5" s="697"/>
      <c r="GM5" s="697"/>
      <c r="GN5" s="697"/>
      <c r="GO5" s="697"/>
      <c r="GP5" s="697"/>
      <c r="GQ5" s="697"/>
      <c r="GR5" s="697"/>
      <c r="GS5" s="697"/>
      <c r="GT5" s="697"/>
      <c r="GU5" s="697"/>
      <c r="GV5" s="697"/>
      <c r="GW5" s="697"/>
      <c r="GX5" s="697"/>
      <c r="GY5" s="697"/>
      <c r="GZ5" s="697"/>
      <c r="HA5" s="697"/>
      <c r="HB5" s="697"/>
      <c r="HC5" s="698"/>
      <c r="HD5" s="699" t="s">
        <v>68</v>
      </c>
      <c r="HE5" s="700"/>
      <c r="HF5" s="700"/>
      <c r="HG5" s="700"/>
      <c r="HH5" s="700"/>
      <c r="HI5" s="700"/>
      <c r="HJ5" s="700"/>
      <c r="HK5" s="700"/>
      <c r="HL5" s="700"/>
      <c r="HM5" s="700"/>
      <c r="HN5" s="701"/>
      <c r="HO5" s="699" t="s">
        <v>69</v>
      </c>
      <c r="HP5" s="700"/>
      <c r="HQ5" s="700"/>
      <c r="HR5" s="700"/>
      <c r="HS5" s="700"/>
      <c r="HT5" s="700"/>
      <c r="HU5" s="700"/>
      <c r="HV5" s="700"/>
      <c r="HW5" s="700"/>
      <c r="HX5" s="700"/>
      <c r="HY5" s="701"/>
      <c r="HZ5" s="628"/>
      <c r="IA5" s="629"/>
      <c r="IB5" s="629"/>
      <c r="IC5" s="629"/>
      <c r="ID5" s="629"/>
      <c r="IE5" s="629"/>
      <c r="IF5" s="629"/>
      <c r="IG5" s="629"/>
      <c r="IH5" s="629"/>
      <c r="II5" s="629"/>
      <c r="IJ5" s="630"/>
      <c r="IK5" s="604" t="s">
        <v>94</v>
      </c>
      <c r="IL5" s="514"/>
      <c r="IM5" s="514"/>
      <c r="IN5" s="514"/>
      <c r="IO5" s="514"/>
      <c r="IP5" s="514"/>
      <c r="IQ5" s="514"/>
      <c r="IR5" s="514"/>
      <c r="IS5" s="514"/>
      <c r="IT5" s="514"/>
      <c r="IU5" s="515"/>
      <c r="IV5" s="604" t="s">
        <v>88</v>
      </c>
      <c r="IW5" s="514"/>
      <c r="IX5" s="514"/>
      <c r="IY5" s="514"/>
      <c r="IZ5" s="514"/>
      <c r="JA5" s="514"/>
      <c r="JB5" s="514"/>
      <c r="JC5" s="514"/>
      <c r="JD5" s="514"/>
      <c r="JE5" s="514"/>
      <c r="JF5" s="515"/>
      <c r="JG5" s="634" t="s">
        <v>144</v>
      </c>
      <c r="JH5" s="635"/>
      <c r="JI5" s="635"/>
      <c r="JJ5" s="635"/>
      <c r="JK5" s="635"/>
      <c r="JL5" s="635"/>
      <c r="JM5" s="635"/>
      <c r="JN5" s="635"/>
      <c r="JO5" s="635"/>
      <c r="JP5" s="635"/>
      <c r="JQ5" s="636"/>
      <c r="JR5" s="604" t="s">
        <v>90</v>
      </c>
      <c r="JS5" s="514"/>
      <c r="JT5" s="514"/>
      <c r="JU5" s="514"/>
      <c r="JV5" s="514"/>
      <c r="JW5" s="514"/>
      <c r="JX5" s="514"/>
      <c r="JY5" s="514"/>
      <c r="JZ5" s="514"/>
      <c r="KA5" s="514"/>
      <c r="KB5" s="515"/>
      <c r="KC5" s="604" t="s">
        <v>89</v>
      </c>
      <c r="KD5" s="514"/>
      <c r="KE5" s="514"/>
      <c r="KF5" s="514"/>
      <c r="KG5" s="514"/>
      <c r="KH5" s="514"/>
      <c r="KI5" s="514"/>
      <c r="KJ5" s="514"/>
      <c r="KK5" s="514"/>
      <c r="KL5" s="514"/>
      <c r="KM5" s="515"/>
      <c r="KN5" s="604" t="s">
        <v>91</v>
      </c>
      <c r="KO5" s="514"/>
      <c r="KP5" s="514"/>
      <c r="KQ5" s="514"/>
      <c r="KR5" s="514"/>
      <c r="KS5" s="514"/>
      <c r="KT5" s="514"/>
      <c r="KU5" s="514"/>
      <c r="KV5" s="514"/>
      <c r="KW5" s="514"/>
      <c r="KX5" s="515"/>
      <c r="KY5" s="604" t="s">
        <v>92</v>
      </c>
      <c r="KZ5" s="514"/>
      <c r="LA5" s="514"/>
      <c r="LB5" s="514"/>
      <c r="LC5" s="514"/>
      <c r="LD5" s="514"/>
      <c r="LE5" s="514"/>
      <c r="LF5" s="514"/>
      <c r="LG5" s="514"/>
      <c r="LH5" s="514"/>
      <c r="LI5" s="515"/>
      <c r="LJ5" s="640" t="s">
        <v>93</v>
      </c>
      <c r="LK5" s="641"/>
      <c r="LL5" s="641"/>
      <c r="LM5" s="641"/>
      <c r="LN5" s="641"/>
      <c r="LO5" s="641"/>
      <c r="LP5" s="641"/>
      <c r="LQ5" s="641"/>
      <c r="LR5" s="641"/>
      <c r="LS5" s="641"/>
      <c r="LT5" s="642"/>
      <c r="LU5" s="643" t="s">
        <v>145</v>
      </c>
      <c r="LV5" s="644"/>
      <c r="LW5" s="644"/>
      <c r="LX5" s="644"/>
      <c r="LY5" s="644"/>
      <c r="LZ5" s="644"/>
      <c r="MA5" s="644"/>
      <c r="MB5" s="644"/>
      <c r="MC5" s="644"/>
      <c r="MD5" s="644"/>
      <c r="ME5" s="645"/>
      <c r="MF5" s="628"/>
      <c r="MG5" s="629"/>
      <c r="MH5" s="629"/>
      <c r="MI5" s="629"/>
      <c r="MJ5" s="629"/>
      <c r="MK5" s="629"/>
      <c r="ML5" s="629"/>
      <c r="MM5" s="629"/>
      <c r="MN5" s="629"/>
      <c r="MO5" s="629"/>
      <c r="MP5" s="630"/>
      <c r="MQ5" s="604" t="s">
        <v>57</v>
      </c>
      <c r="MR5" s="514"/>
      <c r="MS5" s="514"/>
      <c r="MT5" s="514"/>
      <c r="MU5" s="514"/>
      <c r="MV5" s="514"/>
      <c r="MW5" s="514"/>
      <c r="MX5" s="514"/>
      <c r="MY5" s="514"/>
      <c r="MZ5" s="514"/>
      <c r="NA5" s="515"/>
      <c r="NB5" s="604" t="s">
        <v>58</v>
      </c>
      <c r="NC5" s="514"/>
      <c r="ND5" s="514"/>
      <c r="NE5" s="514"/>
      <c r="NF5" s="514"/>
      <c r="NG5" s="514"/>
      <c r="NH5" s="514"/>
      <c r="NI5" s="514"/>
      <c r="NJ5" s="514"/>
      <c r="NK5" s="514"/>
      <c r="NL5" s="515"/>
      <c r="NM5" s="604" t="s">
        <v>59</v>
      </c>
      <c r="NN5" s="514"/>
      <c r="NO5" s="514"/>
      <c r="NP5" s="514"/>
      <c r="NQ5" s="514"/>
      <c r="NR5" s="514"/>
      <c r="NS5" s="514"/>
      <c r="NT5" s="514"/>
      <c r="NU5" s="514"/>
      <c r="NV5" s="514"/>
      <c r="NW5" s="515"/>
      <c r="NX5" s="653" t="s">
        <v>151</v>
      </c>
      <c r="NY5" s="654"/>
      <c r="NZ5" s="654"/>
      <c r="OA5" s="654"/>
      <c r="OB5" s="654"/>
      <c r="OC5" s="654"/>
      <c r="OD5" s="654"/>
      <c r="OE5" s="654"/>
      <c r="OF5" s="654"/>
      <c r="OG5" s="654"/>
      <c r="OH5" s="655"/>
      <c r="OI5" s="625"/>
      <c r="OJ5" s="626"/>
      <c r="OK5" s="626"/>
      <c r="OL5" s="626"/>
      <c r="OM5" s="626"/>
      <c r="ON5" s="626"/>
      <c r="OO5" s="626"/>
      <c r="OP5" s="626"/>
      <c r="OQ5" s="626"/>
      <c r="OR5" s="626"/>
      <c r="OS5" s="627"/>
    </row>
    <row r="6" spans="1:409" ht="21" customHeight="1" thickBot="1" x14ac:dyDescent="0.25">
      <c r="B6" s="689"/>
      <c r="C6" s="693"/>
      <c r="D6" s="693"/>
      <c r="E6" s="693"/>
      <c r="F6" s="693"/>
      <c r="G6" s="693"/>
      <c r="H6" s="693"/>
      <c r="I6" s="693"/>
      <c r="J6" s="693"/>
      <c r="K6" s="693"/>
      <c r="L6" s="693"/>
      <c r="M6" s="693"/>
      <c r="N6" s="527"/>
      <c r="O6" s="528"/>
      <c r="P6" s="528"/>
      <c r="Q6" s="528"/>
      <c r="R6" s="528"/>
      <c r="S6" s="528"/>
      <c r="T6" s="528"/>
      <c r="U6" s="528"/>
      <c r="V6" s="528"/>
      <c r="W6" s="528"/>
      <c r="X6" s="529"/>
      <c r="Y6" s="708" t="s">
        <v>70</v>
      </c>
      <c r="Z6" s="531"/>
      <c r="AA6" s="531"/>
      <c r="AB6" s="531"/>
      <c r="AC6" s="531"/>
      <c r="AD6" s="531"/>
      <c r="AE6" s="531"/>
      <c r="AF6" s="531"/>
      <c r="AG6" s="531"/>
      <c r="AH6" s="531"/>
      <c r="AI6" s="532"/>
      <c r="AJ6" s="705" t="s">
        <v>71</v>
      </c>
      <c r="AK6" s="706"/>
      <c r="AL6" s="706"/>
      <c r="AM6" s="706"/>
      <c r="AN6" s="706"/>
      <c r="AO6" s="706"/>
      <c r="AP6" s="706"/>
      <c r="AQ6" s="706"/>
      <c r="AR6" s="706"/>
      <c r="AS6" s="706"/>
      <c r="AT6" s="707"/>
      <c r="AU6" s="705" t="s">
        <v>72</v>
      </c>
      <c r="AV6" s="706"/>
      <c r="AW6" s="706"/>
      <c r="AX6" s="706"/>
      <c r="AY6" s="706"/>
      <c r="AZ6" s="706"/>
      <c r="BA6" s="706"/>
      <c r="BB6" s="706"/>
      <c r="BC6" s="706"/>
      <c r="BD6" s="706"/>
      <c r="BE6" s="707"/>
      <c r="BF6" s="705" t="s">
        <v>73</v>
      </c>
      <c r="BG6" s="706"/>
      <c r="BH6" s="706"/>
      <c r="BI6" s="706"/>
      <c r="BJ6" s="706"/>
      <c r="BK6" s="706"/>
      <c r="BL6" s="706"/>
      <c r="BM6" s="706"/>
      <c r="BN6" s="706"/>
      <c r="BO6" s="706"/>
      <c r="BP6" s="707"/>
      <c r="BQ6" s="705" t="s">
        <v>74</v>
      </c>
      <c r="BR6" s="706"/>
      <c r="BS6" s="706"/>
      <c r="BT6" s="706"/>
      <c r="BU6" s="706"/>
      <c r="BV6" s="706"/>
      <c r="BW6" s="706"/>
      <c r="BX6" s="706"/>
      <c r="BY6" s="706"/>
      <c r="BZ6" s="706"/>
      <c r="CA6" s="707"/>
      <c r="CB6" s="709"/>
      <c r="CC6" s="710"/>
      <c r="CD6" s="710"/>
      <c r="CE6" s="710"/>
      <c r="CF6" s="710"/>
      <c r="CG6" s="710"/>
      <c r="CH6" s="710"/>
      <c r="CI6" s="710"/>
      <c r="CJ6" s="710"/>
      <c r="CK6" s="710"/>
      <c r="CL6" s="711"/>
      <c r="CM6" s="705" t="s">
        <v>75</v>
      </c>
      <c r="CN6" s="706"/>
      <c r="CO6" s="706"/>
      <c r="CP6" s="706"/>
      <c r="CQ6" s="706"/>
      <c r="CR6" s="706"/>
      <c r="CS6" s="706"/>
      <c r="CT6" s="706"/>
      <c r="CU6" s="706"/>
      <c r="CV6" s="706"/>
      <c r="CW6" s="707"/>
      <c r="CX6" s="705" t="s">
        <v>76</v>
      </c>
      <c r="CY6" s="706"/>
      <c r="CZ6" s="706"/>
      <c r="DA6" s="706"/>
      <c r="DB6" s="706"/>
      <c r="DC6" s="706"/>
      <c r="DD6" s="706"/>
      <c r="DE6" s="706"/>
      <c r="DF6" s="706"/>
      <c r="DG6" s="706"/>
      <c r="DH6" s="707"/>
      <c r="DI6" s="709"/>
      <c r="DJ6" s="710"/>
      <c r="DK6" s="710"/>
      <c r="DL6" s="710"/>
      <c r="DM6" s="710"/>
      <c r="DN6" s="710"/>
      <c r="DO6" s="710"/>
      <c r="DP6" s="710"/>
      <c r="DQ6" s="710"/>
      <c r="DR6" s="710"/>
      <c r="DS6" s="710"/>
      <c r="DT6" s="705" t="s">
        <v>77</v>
      </c>
      <c r="DU6" s="706"/>
      <c r="DV6" s="706"/>
      <c r="DW6" s="706"/>
      <c r="DX6" s="706"/>
      <c r="DY6" s="706"/>
      <c r="DZ6" s="706"/>
      <c r="EA6" s="706"/>
      <c r="EB6" s="706"/>
      <c r="EC6" s="706"/>
      <c r="ED6" s="707"/>
      <c r="EE6" s="705" t="s">
        <v>78</v>
      </c>
      <c r="EF6" s="706"/>
      <c r="EG6" s="706"/>
      <c r="EH6" s="706"/>
      <c r="EI6" s="706"/>
      <c r="EJ6" s="706"/>
      <c r="EK6" s="706"/>
      <c r="EL6" s="706"/>
      <c r="EM6" s="706"/>
      <c r="EN6" s="706"/>
      <c r="EO6" s="707"/>
      <c r="EP6" s="705" t="s">
        <v>79</v>
      </c>
      <c r="EQ6" s="706"/>
      <c r="ER6" s="706"/>
      <c r="ES6" s="706"/>
      <c r="ET6" s="706"/>
      <c r="EU6" s="706"/>
      <c r="EV6" s="706"/>
      <c r="EW6" s="706"/>
      <c r="EX6" s="706"/>
      <c r="EY6" s="706"/>
      <c r="EZ6" s="707"/>
      <c r="FA6" s="686" t="s">
        <v>152</v>
      </c>
      <c r="FB6" s="706"/>
      <c r="FC6" s="706"/>
      <c r="FD6" s="706"/>
      <c r="FE6" s="706"/>
      <c r="FF6" s="706"/>
      <c r="FG6" s="706"/>
      <c r="FH6" s="706"/>
      <c r="FI6" s="706"/>
      <c r="FJ6" s="706"/>
      <c r="FK6" s="707"/>
      <c r="FL6" s="709"/>
      <c r="FM6" s="710"/>
      <c r="FN6" s="710"/>
      <c r="FO6" s="710"/>
      <c r="FP6" s="710"/>
      <c r="FQ6" s="710"/>
      <c r="FR6" s="710"/>
      <c r="FS6" s="710"/>
      <c r="FT6" s="710"/>
      <c r="FU6" s="710"/>
      <c r="FV6" s="710"/>
      <c r="FW6" s="705" t="s">
        <v>80</v>
      </c>
      <c r="FX6" s="706"/>
      <c r="FY6" s="706"/>
      <c r="FZ6" s="706"/>
      <c r="GA6" s="706"/>
      <c r="GB6" s="706"/>
      <c r="GC6" s="706"/>
      <c r="GD6" s="706"/>
      <c r="GE6" s="706"/>
      <c r="GF6" s="706"/>
      <c r="GG6" s="707"/>
      <c r="GH6" s="708" t="s">
        <v>81</v>
      </c>
      <c r="GI6" s="531"/>
      <c r="GJ6" s="531"/>
      <c r="GK6" s="531"/>
      <c r="GL6" s="531"/>
      <c r="GM6" s="531"/>
      <c r="GN6" s="531"/>
      <c r="GO6" s="531"/>
      <c r="GP6" s="531"/>
      <c r="GQ6" s="531"/>
      <c r="GR6" s="532"/>
      <c r="GS6" s="708" t="s">
        <v>82</v>
      </c>
      <c r="GT6" s="531"/>
      <c r="GU6" s="531"/>
      <c r="GV6" s="531"/>
      <c r="GW6" s="531"/>
      <c r="GX6" s="531"/>
      <c r="GY6" s="531"/>
      <c r="GZ6" s="531"/>
      <c r="HA6" s="531"/>
      <c r="HB6" s="531"/>
      <c r="HC6" s="532"/>
      <c r="HD6" s="702"/>
      <c r="HE6" s="703"/>
      <c r="HF6" s="703"/>
      <c r="HG6" s="703"/>
      <c r="HH6" s="703"/>
      <c r="HI6" s="703"/>
      <c r="HJ6" s="703"/>
      <c r="HK6" s="703"/>
      <c r="HL6" s="703"/>
      <c r="HM6" s="703"/>
      <c r="HN6" s="704"/>
      <c r="HO6" s="702"/>
      <c r="HP6" s="703"/>
      <c r="HQ6" s="703"/>
      <c r="HR6" s="703"/>
      <c r="HS6" s="703"/>
      <c r="HT6" s="703"/>
      <c r="HU6" s="703"/>
      <c r="HV6" s="703"/>
      <c r="HW6" s="703"/>
      <c r="HX6" s="703"/>
      <c r="HY6" s="704"/>
      <c r="HZ6" s="631"/>
      <c r="IA6" s="632"/>
      <c r="IB6" s="632"/>
      <c r="IC6" s="632"/>
      <c r="ID6" s="632"/>
      <c r="IE6" s="632"/>
      <c r="IF6" s="632"/>
      <c r="IG6" s="632"/>
      <c r="IH6" s="632"/>
      <c r="II6" s="632"/>
      <c r="IJ6" s="633"/>
      <c r="IK6" s="605"/>
      <c r="IL6" s="596"/>
      <c r="IM6" s="596"/>
      <c r="IN6" s="596"/>
      <c r="IO6" s="596"/>
      <c r="IP6" s="596"/>
      <c r="IQ6" s="596"/>
      <c r="IR6" s="596"/>
      <c r="IS6" s="596"/>
      <c r="IT6" s="596"/>
      <c r="IU6" s="606"/>
      <c r="IV6" s="605"/>
      <c r="IW6" s="596"/>
      <c r="IX6" s="596"/>
      <c r="IY6" s="596"/>
      <c r="IZ6" s="596"/>
      <c r="JA6" s="596"/>
      <c r="JB6" s="596"/>
      <c r="JC6" s="596"/>
      <c r="JD6" s="596"/>
      <c r="JE6" s="596"/>
      <c r="JF6" s="606"/>
      <c r="JG6" s="637"/>
      <c r="JH6" s="638"/>
      <c r="JI6" s="638"/>
      <c r="JJ6" s="638"/>
      <c r="JK6" s="638"/>
      <c r="JL6" s="638"/>
      <c r="JM6" s="638"/>
      <c r="JN6" s="638"/>
      <c r="JO6" s="638"/>
      <c r="JP6" s="638"/>
      <c r="JQ6" s="639"/>
      <c r="JR6" s="605"/>
      <c r="JS6" s="596"/>
      <c r="JT6" s="596"/>
      <c r="JU6" s="596"/>
      <c r="JV6" s="596"/>
      <c r="JW6" s="596"/>
      <c r="JX6" s="596"/>
      <c r="JY6" s="596"/>
      <c r="JZ6" s="596"/>
      <c r="KA6" s="596"/>
      <c r="KB6" s="606"/>
      <c r="KC6" s="605"/>
      <c r="KD6" s="596"/>
      <c r="KE6" s="596"/>
      <c r="KF6" s="596"/>
      <c r="KG6" s="596"/>
      <c r="KH6" s="596"/>
      <c r="KI6" s="596"/>
      <c r="KJ6" s="596"/>
      <c r="KK6" s="596"/>
      <c r="KL6" s="596"/>
      <c r="KM6" s="606"/>
      <c r="KN6" s="605"/>
      <c r="KO6" s="596"/>
      <c r="KP6" s="596"/>
      <c r="KQ6" s="596"/>
      <c r="KR6" s="596"/>
      <c r="KS6" s="596"/>
      <c r="KT6" s="596"/>
      <c r="KU6" s="596"/>
      <c r="KV6" s="596"/>
      <c r="KW6" s="596"/>
      <c r="KX6" s="606"/>
      <c r="KY6" s="605"/>
      <c r="KZ6" s="596"/>
      <c r="LA6" s="596"/>
      <c r="LB6" s="596"/>
      <c r="LC6" s="596"/>
      <c r="LD6" s="596"/>
      <c r="LE6" s="596"/>
      <c r="LF6" s="596"/>
      <c r="LG6" s="596"/>
      <c r="LH6" s="596"/>
      <c r="LI6" s="606"/>
      <c r="LJ6" s="631"/>
      <c r="LK6" s="632"/>
      <c r="LL6" s="632"/>
      <c r="LM6" s="632"/>
      <c r="LN6" s="632"/>
      <c r="LO6" s="632"/>
      <c r="LP6" s="632"/>
      <c r="LQ6" s="632"/>
      <c r="LR6" s="632"/>
      <c r="LS6" s="632"/>
      <c r="LT6" s="633"/>
      <c r="LU6" s="646"/>
      <c r="LV6" s="647"/>
      <c r="LW6" s="647"/>
      <c r="LX6" s="647"/>
      <c r="LY6" s="647"/>
      <c r="LZ6" s="647"/>
      <c r="MA6" s="647"/>
      <c r="MB6" s="647"/>
      <c r="MC6" s="647"/>
      <c r="MD6" s="647"/>
      <c r="ME6" s="648"/>
      <c r="MF6" s="631"/>
      <c r="MG6" s="632"/>
      <c r="MH6" s="632"/>
      <c r="MI6" s="632"/>
      <c r="MJ6" s="632"/>
      <c r="MK6" s="632"/>
      <c r="ML6" s="632"/>
      <c r="MM6" s="632"/>
      <c r="MN6" s="632"/>
      <c r="MO6" s="632"/>
      <c r="MP6" s="633"/>
      <c r="MQ6" s="605"/>
      <c r="MR6" s="596"/>
      <c r="MS6" s="596"/>
      <c r="MT6" s="596"/>
      <c r="MU6" s="596"/>
      <c r="MV6" s="596"/>
      <c r="MW6" s="596"/>
      <c r="MX6" s="596"/>
      <c r="MY6" s="596"/>
      <c r="MZ6" s="596"/>
      <c r="NA6" s="606"/>
      <c r="NB6" s="605"/>
      <c r="NC6" s="596"/>
      <c r="ND6" s="596"/>
      <c r="NE6" s="596"/>
      <c r="NF6" s="596"/>
      <c r="NG6" s="596"/>
      <c r="NH6" s="596"/>
      <c r="NI6" s="596"/>
      <c r="NJ6" s="596"/>
      <c r="NK6" s="596"/>
      <c r="NL6" s="606"/>
      <c r="NM6" s="605"/>
      <c r="NN6" s="596"/>
      <c r="NO6" s="596"/>
      <c r="NP6" s="596"/>
      <c r="NQ6" s="596"/>
      <c r="NR6" s="596"/>
      <c r="NS6" s="596"/>
      <c r="NT6" s="596"/>
      <c r="NU6" s="596"/>
      <c r="NV6" s="596"/>
      <c r="NW6" s="606"/>
      <c r="NX6" s="656"/>
      <c r="NY6" s="657"/>
      <c r="NZ6" s="657"/>
      <c r="OA6" s="657"/>
      <c r="OB6" s="657"/>
      <c r="OC6" s="657"/>
      <c r="OD6" s="657"/>
      <c r="OE6" s="657"/>
      <c r="OF6" s="657"/>
      <c r="OG6" s="657"/>
      <c r="OH6" s="658"/>
      <c r="OI6" s="605"/>
      <c r="OJ6" s="596"/>
      <c r="OK6" s="596"/>
      <c r="OL6" s="596"/>
      <c r="OM6" s="596"/>
      <c r="ON6" s="596"/>
      <c r="OO6" s="596"/>
      <c r="OP6" s="596"/>
      <c r="OQ6" s="596"/>
      <c r="OR6" s="596"/>
      <c r="OS6" s="606"/>
    </row>
    <row r="7" spans="1:409" ht="21" customHeight="1" x14ac:dyDescent="0.2">
      <c r="B7" s="689"/>
      <c r="C7" s="712" t="s">
        <v>61</v>
      </c>
      <c r="D7" s="712"/>
      <c r="E7" s="712"/>
      <c r="F7" s="713" t="s">
        <v>62</v>
      </c>
      <c r="G7" s="712"/>
      <c r="H7" s="712"/>
      <c r="I7" s="712"/>
      <c r="J7" s="712"/>
      <c r="K7" s="712"/>
      <c r="L7" s="712"/>
      <c r="M7" s="713" t="s">
        <v>52</v>
      </c>
      <c r="N7" s="715" t="s">
        <v>61</v>
      </c>
      <c r="O7" s="712"/>
      <c r="P7" s="712"/>
      <c r="Q7" s="713" t="s">
        <v>62</v>
      </c>
      <c r="R7" s="712"/>
      <c r="S7" s="712"/>
      <c r="T7" s="712"/>
      <c r="U7" s="712"/>
      <c r="V7" s="712"/>
      <c r="W7" s="716"/>
      <c r="X7" s="720" t="s">
        <v>52</v>
      </c>
      <c r="Y7" s="527" t="s">
        <v>61</v>
      </c>
      <c r="Z7" s="528"/>
      <c r="AA7" s="722"/>
      <c r="AB7" s="723" t="s">
        <v>62</v>
      </c>
      <c r="AC7" s="528"/>
      <c r="AD7" s="528"/>
      <c r="AE7" s="528"/>
      <c r="AF7" s="528"/>
      <c r="AG7" s="528"/>
      <c r="AH7" s="722"/>
      <c r="AI7" s="529" t="s">
        <v>52</v>
      </c>
      <c r="AJ7" s="725" t="s">
        <v>61</v>
      </c>
      <c r="AK7" s="718"/>
      <c r="AL7" s="726"/>
      <c r="AM7" s="717" t="s">
        <v>62</v>
      </c>
      <c r="AN7" s="718"/>
      <c r="AO7" s="718"/>
      <c r="AP7" s="718"/>
      <c r="AQ7" s="718"/>
      <c r="AR7" s="718"/>
      <c r="AS7" s="719"/>
      <c r="AT7" s="529" t="s">
        <v>52</v>
      </c>
      <c r="AU7" s="725" t="s">
        <v>61</v>
      </c>
      <c r="AV7" s="718"/>
      <c r="AW7" s="726"/>
      <c r="AX7" s="717" t="s">
        <v>62</v>
      </c>
      <c r="AY7" s="718"/>
      <c r="AZ7" s="718"/>
      <c r="BA7" s="718"/>
      <c r="BB7" s="718"/>
      <c r="BC7" s="718"/>
      <c r="BD7" s="719"/>
      <c r="BE7" s="529" t="s">
        <v>52</v>
      </c>
      <c r="BF7" s="725" t="s">
        <v>61</v>
      </c>
      <c r="BG7" s="718"/>
      <c r="BH7" s="726"/>
      <c r="BI7" s="717" t="s">
        <v>62</v>
      </c>
      <c r="BJ7" s="718"/>
      <c r="BK7" s="718"/>
      <c r="BL7" s="718"/>
      <c r="BM7" s="718"/>
      <c r="BN7" s="718"/>
      <c r="BO7" s="719"/>
      <c r="BP7" s="529" t="s">
        <v>52</v>
      </c>
      <c r="BQ7" s="725" t="s">
        <v>61</v>
      </c>
      <c r="BR7" s="718"/>
      <c r="BS7" s="726"/>
      <c r="BT7" s="717" t="s">
        <v>62</v>
      </c>
      <c r="BU7" s="718"/>
      <c r="BV7" s="718"/>
      <c r="BW7" s="718"/>
      <c r="BX7" s="718"/>
      <c r="BY7" s="718"/>
      <c r="BZ7" s="719"/>
      <c r="CA7" s="529" t="s">
        <v>52</v>
      </c>
      <c r="CB7" s="727" t="s">
        <v>61</v>
      </c>
      <c r="CC7" s="728"/>
      <c r="CD7" s="729"/>
      <c r="CE7" s="730" t="s">
        <v>62</v>
      </c>
      <c r="CF7" s="728"/>
      <c r="CG7" s="728"/>
      <c r="CH7" s="728"/>
      <c r="CI7" s="728"/>
      <c r="CJ7" s="728"/>
      <c r="CK7" s="731"/>
      <c r="CL7" s="720" t="s">
        <v>52</v>
      </c>
      <c r="CM7" s="725" t="s">
        <v>61</v>
      </c>
      <c r="CN7" s="718"/>
      <c r="CO7" s="719"/>
      <c r="CP7" s="717" t="s">
        <v>62</v>
      </c>
      <c r="CQ7" s="718"/>
      <c r="CR7" s="718"/>
      <c r="CS7" s="718"/>
      <c r="CT7" s="718"/>
      <c r="CU7" s="718"/>
      <c r="CV7" s="719"/>
      <c r="CW7" s="732" t="s">
        <v>52</v>
      </c>
      <c r="CX7" s="725" t="s">
        <v>61</v>
      </c>
      <c r="CY7" s="718"/>
      <c r="CZ7" s="719"/>
      <c r="DA7" s="717" t="s">
        <v>62</v>
      </c>
      <c r="DB7" s="718"/>
      <c r="DC7" s="718"/>
      <c r="DD7" s="718"/>
      <c r="DE7" s="718"/>
      <c r="DF7" s="718"/>
      <c r="DG7" s="719"/>
      <c r="DH7" s="732" t="s">
        <v>52</v>
      </c>
      <c r="DI7" s="727" t="s">
        <v>61</v>
      </c>
      <c r="DJ7" s="728"/>
      <c r="DK7" s="731"/>
      <c r="DL7" s="730" t="s">
        <v>62</v>
      </c>
      <c r="DM7" s="728"/>
      <c r="DN7" s="728"/>
      <c r="DO7" s="728"/>
      <c r="DP7" s="728"/>
      <c r="DQ7" s="728"/>
      <c r="DR7" s="731"/>
      <c r="DS7" s="720" t="s">
        <v>52</v>
      </c>
      <c r="DT7" s="725" t="s">
        <v>61</v>
      </c>
      <c r="DU7" s="718"/>
      <c r="DV7" s="726"/>
      <c r="DW7" s="717" t="s">
        <v>62</v>
      </c>
      <c r="DX7" s="718"/>
      <c r="DY7" s="718"/>
      <c r="DZ7" s="718"/>
      <c r="EA7" s="718"/>
      <c r="EB7" s="718"/>
      <c r="EC7" s="719"/>
      <c r="ED7" s="529" t="s">
        <v>52</v>
      </c>
      <c r="EE7" s="725" t="s">
        <v>61</v>
      </c>
      <c r="EF7" s="718"/>
      <c r="EG7" s="726"/>
      <c r="EH7" s="717" t="s">
        <v>62</v>
      </c>
      <c r="EI7" s="718"/>
      <c r="EJ7" s="718"/>
      <c r="EK7" s="718"/>
      <c r="EL7" s="718"/>
      <c r="EM7" s="718"/>
      <c r="EN7" s="719"/>
      <c r="EO7" s="529" t="s">
        <v>52</v>
      </c>
      <c r="EP7" s="725" t="s">
        <v>61</v>
      </c>
      <c r="EQ7" s="718"/>
      <c r="ER7" s="726"/>
      <c r="ES7" s="717" t="s">
        <v>62</v>
      </c>
      <c r="ET7" s="718"/>
      <c r="EU7" s="718"/>
      <c r="EV7" s="718"/>
      <c r="EW7" s="718"/>
      <c r="EX7" s="718"/>
      <c r="EY7" s="719"/>
      <c r="EZ7" s="529" t="s">
        <v>52</v>
      </c>
      <c r="FA7" s="725" t="s">
        <v>61</v>
      </c>
      <c r="FB7" s="718"/>
      <c r="FC7" s="726"/>
      <c r="FD7" s="717" t="s">
        <v>62</v>
      </c>
      <c r="FE7" s="718"/>
      <c r="FF7" s="718"/>
      <c r="FG7" s="718"/>
      <c r="FH7" s="718"/>
      <c r="FI7" s="718"/>
      <c r="FJ7" s="719"/>
      <c r="FK7" s="529" t="s">
        <v>52</v>
      </c>
      <c r="FL7" s="727" t="s">
        <v>61</v>
      </c>
      <c r="FM7" s="728"/>
      <c r="FN7" s="729"/>
      <c r="FO7" s="730" t="s">
        <v>62</v>
      </c>
      <c r="FP7" s="728"/>
      <c r="FQ7" s="728"/>
      <c r="FR7" s="728"/>
      <c r="FS7" s="728"/>
      <c r="FT7" s="728"/>
      <c r="FU7" s="731"/>
      <c r="FV7" s="712" t="s">
        <v>52</v>
      </c>
      <c r="FW7" s="725" t="s">
        <v>61</v>
      </c>
      <c r="FX7" s="718"/>
      <c r="FY7" s="726"/>
      <c r="FZ7" s="717" t="s">
        <v>62</v>
      </c>
      <c r="GA7" s="718"/>
      <c r="GB7" s="718"/>
      <c r="GC7" s="718"/>
      <c r="GD7" s="718"/>
      <c r="GE7" s="718"/>
      <c r="GF7" s="719"/>
      <c r="GG7" s="529" t="s">
        <v>52</v>
      </c>
      <c r="GH7" s="527" t="s">
        <v>61</v>
      </c>
      <c r="GI7" s="528"/>
      <c r="GJ7" s="528"/>
      <c r="GK7" s="723" t="s">
        <v>62</v>
      </c>
      <c r="GL7" s="528"/>
      <c r="GM7" s="528"/>
      <c r="GN7" s="528"/>
      <c r="GO7" s="528"/>
      <c r="GP7" s="528"/>
      <c r="GQ7" s="722"/>
      <c r="GR7" s="733" t="s">
        <v>52</v>
      </c>
      <c r="GS7" s="527" t="s">
        <v>61</v>
      </c>
      <c r="GT7" s="528"/>
      <c r="GU7" s="722"/>
      <c r="GV7" s="723" t="s">
        <v>62</v>
      </c>
      <c r="GW7" s="528"/>
      <c r="GX7" s="528"/>
      <c r="GY7" s="528"/>
      <c r="GZ7" s="528"/>
      <c r="HA7" s="528"/>
      <c r="HB7" s="722"/>
      <c r="HC7" s="733" t="s">
        <v>52</v>
      </c>
      <c r="HD7" s="725" t="s">
        <v>61</v>
      </c>
      <c r="HE7" s="718"/>
      <c r="HF7" s="726"/>
      <c r="HG7" s="717" t="s">
        <v>62</v>
      </c>
      <c r="HH7" s="718"/>
      <c r="HI7" s="718"/>
      <c r="HJ7" s="718"/>
      <c r="HK7" s="718"/>
      <c r="HL7" s="718"/>
      <c r="HM7" s="719"/>
      <c r="HN7" s="529" t="s">
        <v>52</v>
      </c>
      <c r="HO7" s="725" t="s">
        <v>61</v>
      </c>
      <c r="HP7" s="718"/>
      <c r="HQ7" s="726"/>
      <c r="HR7" s="717" t="s">
        <v>62</v>
      </c>
      <c r="HS7" s="718"/>
      <c r="HT7" s="718"/>
      <c r="HU7" s="718"/>
      <c r="HV7" s="718"/>
      <c r="HW7" s="718"/>
      <c r="HX7" s="719"/>
      <c r="HY7" s="529" t="s">
        <v>52</v>
      </c>
      <c r="HZ7" s="583" t="s">
        <v>61</v>
      </c>
      <c r="IA7" s="584"/>
      <c r="IB7" s="585"/>
      <c r="IC7" s="620" t="s">
        <v>62</v>
      </c>
      <c r="ID7" s="584"/>
      <c r="IE7" s="584"/>
      <c r="IF7" s="584"/>
      <c r="IG7" s="584"/>
      <c r="IH7" s="584"/>
      <c r="II7" s="621"/>
      <c r="IJ7" s="587" t="s">
        <v>52</v>
      </c>
      <c r="IK7" s="600" t="s">
        <v>61</v>
      </c>
      <c r="IL7" s="593"/>
      <c r="IM7" s="594"/>
      <c r="IN7" s="623" t="s">
        <v>62</v>
      </c>
      <c r="IO7" s="593"/>
      <c r="IP7" s="593"/>
      <c r="IQ7" s="593"/>
      <c r="IR7" s="593"/>
      <c r="IS7" s="593"/>
      <c r="IT7" s="624"/>
      <c r="IU7" s="606" t="s">
        <v>52</v>
      </c>
      <c r="IV7" s="600" t="s">
        <v>61</v>
      </c>
      <c r="IW7" s="593"/>
      <c r="IX7" s="624"/>
      <c r="IY7" s="623" t="s">
        <v>62</v>
      </c>
      <c r="IZ7" s="593"/>
      <c r="JA7" s="593"/>
      <c r="JB7" s="593"/>
      <c r="JC7" s="593"/>
      <c r="JD7" s="593"/>
      <c r="JE7" s="624"/>
      <c r="JF7" s="606" t="s">
        <v>52</v>
      </c>
      <c r="JG7" s="600" t="s">
        <v>61</v>
      </c>
      <c r="JH7" s="593"/>
      <c r="JI7" s="594"/>
      <c r="JJ7" s="623" t="s">
        <v>62</v>
      </c>
      <c r="JK7" s="593"/>
      <c r="JL7" s="593"/>
      <c r="JM7" s="593"/>
      <c r="JN7" s="593"/>
      <c r="JO7" s="593"/>
      <c r="JP7" s="624"/>
      <c r="JQ7" s="618" t="s">
        <v>52</v>
      </c>
      <c r="JR7" s="600" t="s">
        <v>61</v>
      </c>
      <c r="JS7" s="593"/>
      <c r="JT7" s="594"/>
      <c r="JU7" s="623" t="s">
        <v>62</v>
      </c>
      <c r="JV7" s="593"/>
      <c r="JW7" s="593"/>
      <c r="JX7" s="593"/>
      <c r="JY7" s="593"/>
      <c r="JZ7" s="593"/>
      <c r="KA7" s="624"/>
      <c r="KB7" s="618" t="s">
        <v>52</v>
      </c>
      <c r="KC7" s="600" t="s">
        <v>61</v>
      </c>
      <c r="KD7" s="593"/>
      <c r="KE7" s="594"/>
      <c r="KF7" s="623" t="s">
        <v>62</v>
      </c>
      <c r="KG7" s="593"/>
      <c r="KH7" s="593"/>
      <c r="KI7" s="593"/>
      <c r="KJ7" s="593"/>
      <c r="KK7" s="593"/>
      <c r="KL7" s="624"/>
      <c r="KM7" s="618" t="s">
        <v>52</v>
      </c>
      <c r="KN7" s="600" t="s">
        <v>61</v>
      </c>
      <c r="KO7" s="593"/>
      <c r="KP7" s="594"/>
      <c r="KQ7" s="623" t="s">
        <v>62</v>
      </c>
      <c r="KR7" s="593"/>
      <c r="KS7" s="593"/>
      <c r="KT7" s="593"/>
      <c r="KU7" s="593"/>
      <c r="KV7" s="593"/>
      <c r="KW7" s="624"/>
      <c r="KX7" s="618" t="s">
        <v>52</v>
      </c>
      <c r="KY7" s="600" t="s">
        <v>61</v>
      </c>
      <c r="KZ7" s="593"/>
      <c r="LA7" s="594"/>
      <c r="LB7" s="623" t="s">
        <v>62</v>
      </c>
      <c r="LC7" s="593"/>
      <c r="LD7" s="593"/>
      <c r="LE7" s="593"/>
      <c r="LF7" s="593"/>
      <c r="LG7" s="593"/>
      <c r="LH7" s="624"/>
      <c r="LI7" s="618" t="s">
        <v>52</v>
      </c>
      <c r="LJ7" s="600" t="s">
        <v>61</v>
      </c>
      <c r="LK7" s="593"/>
      <c r="LL7" s="594"/>
      <c r="LM7" s="623" t="s">
        <v>62</v>
      </c>
      <c r="LN7" s="593"/>
      <c r="LO7" s="593"/>
      <c r="LP7" s="593"/>
      <c r="LQ7" s="593"/>
      <c r="LR7" s="593"/>
      <c r="LS7" s="624"/>
      <c r="LT7" s="618" t="s">
        <v>52</v>
      </c>
      <c r="LU7" s="600" t="s">
        <v>61</v>
      </c>
      <c r="LV7" s="593"/>
      <c r="LW7" s="594"/>
      <c r="LX7" s="623" t="s">
        <v>62</v>
      </c>
      <c r="LY7" s="593"/>
      <c r="LZ7" s="593"/>
      <c r="MA7" s="593"/>
      <c r="MB7" s="593"/>
      <c r="MC7" s="593"/>
      <c r="MD7" s="624"/>
      <c r="ME7" s="618" t="s">
        <v>52</v>
      </c>
      <c r="MF7" s="583" t="s">
        <v>61</v>
      </c>
      <c r="MG7" s="584"/>
      <c r="MH7" s="585"/>
      <c r="MI7" s="620" t="s">
        <v>62</v>
      </c>
      <c r="MJ7" s="584"/>
      <c r="MK7" s="584"/>
      <c r="ML7" s="584"/>
      <c r="MM7" s="584"/>
      <c r="MN7" s="584"/>
      <c r="MO7" s="621"/>
      <c r="MP7" s="622" t="s">
        <v>52</v>
      </c>
      <c r="MQ7" s="600" t="s">
        <v>61</v>
      </c>
      <c r="MR7" s="593"/>
      <c r="MS7" s="594"/>
      <c r="MT7" s="623" t="s">
        <v>62</v>
      </c>
      <c r="MU7" s="593"/>
      <c r="MV7" s="593"/>
      <c r="MW7" s="593"/>
      <c r="MX7" s="593"/>
      <c r="MY7" s="593"/>
      <c r="MZ7" s="624"/>
      <c r="NA7" s="618" t="s">
        <v>52</v>
      </c>
      <c r="NB7" s="600" t="s">
        <v>61</v>
      </c>
      <c r="NC7" s="593"/>
      <c r="ND7" s="594"/>
      <c r="NE7" s="623" t="s">
        <v>62</v>
      </c>
      <c r="NF7" s="593"/>
      <c r="NG7" s="593"/>
      <c r="NH7" s="593"/>
      <c r="NI7" s="593"/>
      <c r="NJ7" s="593"/>
      <c r="NK7" s="624"/>
      <c r="NL7" s="618" t="s">
        <v>52</v>
      </c>
      <c r="NM7" s="600" t="s">
        <v>61</v>
      </c>
      <c r="NN7" s="593"/>
      <c r="NO7" s="594"/>
      <c r="NP7" s="623" t="s">
        <v>62</v>
      </c>
      <c r="NQ7" s="593"/>
      <c r="NR7" s="593"/>
      <c r="NS7" s="593"/>
      <c r="NT7" s="593"/>
      <c r="NU7" s="593"/>
      <c r="NV7" s="624"/>
      <c r="NW7" s="618" t="s">
        <v>52</v>
      </c>
      <c r="NX7" s="600" t="s">
        <v>61</v>
      </c>
      <c r="NY7" s="593"/>
      <c r="NZ7" s="594"/>
      <c r="OA7" s="623" t="s">
        <v>62</v>
      </c>
      <c r="OB7" s="593"/>
      <c r="OC7" s="593"/>
      <c r="OD7" s="593"/>
      <c r="OE7" s="593"/>
      <c r="OF7" s="593"/>
      <c r="OG7" s="624"/>
      <c r="OH7" s="618" t="s">
        <v>52</v>
      </c>
      <c r="OI7" s="583" t="s">
        <v>61</v>
      </c>
      <c r="OJ7" s="584"/>
      <c r="OK7" s="585"/>
      <c r="OL7" s="620" t="s">
        <v>62</v>
      </c>
      <c r="OM7" s="584"/>
      <c r="ON7" s="584"/>
      <c r="OO7" s="584"/>
      <c r="OP7" s="584"/>
      <c r="OQ7" s="584"/>
      <c r="OR7" s="621"/>
      <c r="OS7" s="622" t="s">
        <v>52</v>
      </c>
    </row>
    <row r="8" spans="1:409" ht="30" customHeight="1" thickBot="1" x14ac:dyDescent="0.25">
      <c r="B8" s="690"/>
      <c r="C8" s="325" t="s">
        <v>43</v>
      </c>
      <c r="D8" s="47" t="s">
        <v>44</v>
      </c>
      <c r="E8" s="326" t="s">
        <v>45</v>
      </c>
      <c r="F8" s="52" t="s">
        <v>83</v>
      </c>
      <c r="G8" s="47" t="s">
        <v>47</v>
      </c>
      <c r="H8" s="47" t="s">
        <v>48</v>
      </c>
      <c r="I8" s="47" t="s">
        <v>49</v>
      </c>
      <c r="J8" s="47" t="s">
        <v>50</v>
      </c>
      <c r="K8" s="47" t="s">
        <v>51</v>
      </c>
      <c r="L8" s="48" t="s">
        <v>45</v>
      </c>
      <c r="M8" s="714"/>
      <c r="N8" s="51" t="s">
        <v>43</v>
      </c>
      <c r="O8" s="47" t="s">
        <v>44</v>
      </c>
      <c r="P8" s="48" t="s">
        <v>45</v>
      </c>
      <c r="Q8" s="52" t="s">
        <v>83</v>
      </c>
      <c r="R8" s="47" t="s">
        <v>47</v>
      </c>
      <c r="S8" s="47" t="s">
        <v>48</v>
      </c>
      <c r="T8" s="47" t="s">
        <v>49</v>
      </c>
      <c r="U8" s="47" t="s">
        <v>50</v>
      </c>
      <c r="V8" s="47" t="s">
        <v>51</v>
      </c>
      <c r="W8" s="48" t="s">
        <v>45</v>
      </c>
      <c r="X8" s="721"/>
      <c r="Y8" s="51" t="s">
        <v>43</v>
      </c>
      <c r="Z8" s="47" t="s">
        <v>44</v>
      </c>
      <c r="AA8" s="48" t="s">
        <v>45</v>
      </c>
      <c r="AB8" s="52" t="s">
        <v>83</v>
      </c>
      <c r="AC8" s="47" t="s">
        <v>47</v>
      </c>
      <c r="AD8" s="47" t="s">
        <v>48</v>
      </c>
      <c r="AE8" s="47" t="s">
        <v>49</v>
      </c>
      <c r="AF8" s="47" t="s">
        <v>50</v>
      </c>
      <c r="AG8" s="47" t="s">
        <v>51</v>
      </c>
      <c r="AH8" s="48" t="s">
        <v>45</v>
      </c>
      <c r="AI8" s="724"/>
      <c r="AJ8" s="51" t="s">
        <v>43</v>
      </c>
      <c r="AK8" s="47" t="s">
        <v>44</v>
      </c>
      <c r="AL8" s="326" t="s">
        <v>45</v>
      </c>
      <c r="AM8" s="52" t="s">
        <v>83</v>
      </c>
      <c r="AN8" s="47" t="s">
        <v>47</v>
      </c>
      <c r="AO8" s="47" t="s">
        <v>48</v>
      </c>
      <c r="AP8" s="47" t="s">
        <v>49</v>
      </c>
      <c r="AQ8" s="47" t="s">
        <v>50</v>
      </c>
      <c r="AR8" s="47" t="s">
        <v>51</v>
      </c>
      <c r="AS8" s="48" t="s">
        <v>45</v>
      </c>
      <c r="AT8" s="724"/>
      <c r="AU8" s="51" t="s">
        <v>43</v>
      </c>
      <c r="AV8" s="47" t="s">
        <v>44</v>
      </c>
      <c r="AW8" s="326" t="s">
        <v>45</v>
      </c>
      <c r="AX8" s="52" t="s">
        <v>83</v>
      </c>
      <c r="AY8" s="47" t="s">
        <v>47</v>
      </c>
      <c r="AZ8" s="47" t="s">
        <v>48</v>
      </c>
      <c r="BA8" s="47" t="s">
        <v>49</v>
      </c>
      <c r="BB8" s="47" t="s">
        <v>50</v>
      </c>
      <c r="BC8" s="47" t="s">
        <v>51</v>
      </c>
      <c r="BD8" s="48" t="s">
        <v>45</v>
      </c>
      <c r="BE8" s="724"/>
      <c r="BF8" s="327" t="s">
        <v>43</v>
      </c>
      <c r="BG8" s="47" t="s">
        <v>44</v>
      </c>
      <c r="BH8" s="326" t="s">
        <v>45</v>
      </c>
      <c r="BI8" s="52" t="s">
        <v>83</v>
      </c>
      <c r="BJ8" s="47" t="s">
        <v>47</v>
      </c>
      <c r="BK8" s="47" t="s">
        <v>48</v>
      </c>
      <c r="BL8" s="47" t="s">
        <v>49</v>
      </c>
      <c r="BM8" s="47" t="s">
        <v>50</v>
      </c>
      <c r="BN8" s="47" t="s">
        <v>51</v>
      </c>
      <c r="BO8" s="48" t="s">
        <v>45</v>
      </c>
      <c r="BP8" s="724"/>
      <c r="BQ8" s="51" t="s">
        <v>43</v>
      </c>
      <c r="BR8" s="47" t="s">
        <v>44</v>
      </c>
      <c r="BS8" s="326" t="s">
        <v>45</v>
      </c>
      <c r="BT8" s="52" t="s">
        <v>83</v>
      </c>
      <c r="BU8" s="47" t="s">
        <v>47</v>
      </c>
      <c r="BV8" s="47" t="s">
        <v>48</v>
      </c>
      <c r="BW8" s="47" t="s">
        <v>49</v>
      </c>
      <c r="BX8" s="47" t="s">
        <v>50</v>
      </c>
      <c r="BY8" s="47" t="s">
        <v>51</v>
      </c>
      <c r="BZ8" s="48" t="s">
        <v>45</v>
      </c>
      <c r="CA8" s="724"/>
      <c r="CB8" s="51" t="s">
        <v>43</v>
      </c>
      <c r="CC8" s="47" t="s">
        <v>44</v>
      </c>
      <c r="CD8" s="326" t="s">
        <v>45</v>
      </c>
      <c r="CE8" s="52" t="s">
        <v>83</v>
      </c>
      <c r="CF8" s="47" t="s">
        <v>47</v>
      </c>
      <c r="CG8" s="47" t="s">
        <v>48</v>
      </c>
      <c r="CH8" s="47" t="s">
        <v>49</v>
      </c>
      <c r="CI8" s="47" t="s">
        <v>50</v>
      </c>
      <c r="CJ8" s="47" t="s">
        <v>51</v>
      </c>
      <c r="CK8" s="48" t="s">
        <v>45</v>
      </c>
      <c r="CL8" s="721"/>
      <c r="CM8" s="51" t="s">
        <v>43</v>
      </c>
      <c r="CN8" s="47" t="s">
        <v>44</v>
      </c>
      <c r="CO8" s="48" t="s">
        <v>45</v>
      </c>
      <c r="CP8" s="52" t="s">
        <v>83</v>
      </c>
      <c r="CQ8" s="47" t="s">
        <v>47</v>
      </c>
      <c r="CR8" s="47" t="s">
        <v>48</v>
      </c>
      <c r="CS8" s="47" t="s">
        <v>49</v>
      </c>
      <c r="CT8" s="47" t="s">
        <v>50</v>
      </c>
      <c r="CU8" s="47" t="s">
        <v>51</v>
      </c>
      <c r="CV8" s="48" t="s">
        <v>45</v>
      </c>
      <c r="CW8" s="721"/>
      <c r="CX8" s="51" t="s">
        <v>43</v>
      </c>
      <c r="CY8" s="47" t="s">
        <v>44</v>
      </c>
      <c r="CZ8" s="48" t="s">
        <v>45</v>
      </c>
      <c r="DA8" s="52" t="s">
        <v>83</v>
      </c>
      <c r="DB8" s="47" t="s">
        <v>47</v>
      </c>
      <c r="DC8" s="47" t="s">
        <v>48</v>
      </c>
      <c r="DD8" s="47" t="s">
        <v>49</v>
      </c>
      <c r="DE8" s="47" t="s">
        <v>50</v>
      </c>
      <c r="DF8" s="47" t="s">
        <v>51</v>
      </c>
      <c r="DG8" s="48" t="s">
        <v>45</v>
      </c>
      <c r="DH8" s="721"/>
      <c r="DI8" s="51" t="s">
        <v>43</v>
      </c>
      <c r="DJ8" s="47" t="s">
        <v>44</v>
      </c>
      <c r="DK8" s="48" t="s">
        <v>45</v>
      </c>
      <c r="DL8" s="52" t="s">
        <v>83</v>
      </c>
      <c r="DM8" s="47" t="s">
        <v>47</v>
      </c>
      <c r="DN8" s="47" t="s">
        <v>48</v>
      </c>
      <c r="DO8" s="47" t="s">
        <v>49</v>
      </c>
      <c r="DP8" s="47" t="s">
        <v>50</v>
      </c>
      <c r="DQ8" s="47" t="s">
        <v>51</v>
      </c>
      <c r="DR8" s="48" t="s">
        <v>45</v>
      </c>
      <c r="DS8" s="721"/>
      <c r="DT8" s="51" t="s">
        <v>43</v>
      </c>
      <c r="DU8" s="47" t="s">
        <v>44</v>
      </c>
      <c r="DV8" s="326" t="s">
        <v>45</v>
      </c>
      <c r="DW8" s="52" t="s">
        <v>83</v>
      </c>
      <c r="DX8" s="47" t="s">
        <v>47</v>
      </c>
      <c r="DY8" s="47" t="s">
        <v>48</v>
      </c>
      <c r="DZ8" s="47" t="s">
        <v>49</v>
      </c>
      <c r="EA8" s="47" t="s">
        <v>50</v>
      </c>
      <c r="EB8" s="47" t="s">
        <v>51</v>
      </c>
      <c r="EC8" s="48" t="s">
        <v>45</v>
      </c>
      <c r="ED8" s="724"/>
      <c r="EE8" s="51" t="s">
        <v>43</v>
      </c>
      <c r="EF8" s="47" t="s">
        <v>44</v>
      </c>
      <c r="EG8" s="326" t="s">
        <v>45</v>
      </c>
      <c r="EH8" s="52" t="s">
        <v>83</v>
      </c>
      <c r="EI8" s="47" t="s">
        <v>47</v>
      </c>
      <c r="EJ8" s="47" t="s">
        <v>48</v>
      </c>
      <c r="EK8" s="47" t="s">
        <v>49</v>
      </c>
      <c r="EL8" s="47" t="s">
        <v>50</v>
      </c>
      <c r="EM8" s="47" t="s">
        <v>51</v>
      </c>
      <c r="EN8" s="48" t="s">
        <v>45</v>
      </c>
      <c r="EO8" s="724"/>
      <c r="EP8" s="51" t="s">
        <v>43</v>
      </c>
      <c r="EQ8" s="47" t="s">
        <v>44</v>
      </c>
      <c r="ER8" s="326" t="s">
        <v>45</v>
      </c>
      <c r="ES8" s="52" t="s">
        <v>83</v>
      </c>
      <c r="ET8" s="47" t="s">
        <v>47</v>
      </c>
      <c r="EU8" s="47" t="s">
        <v>48</v>
      </c>
      <c r="EV8" s="47" t="s">
        <v>49</v>
      </c>
      <c r="EW8" s="47" t="s">
        <v>50</v>
      </c>
      <c r="EX8" s="47" t="s">
        <v>51</v>
      </c>
      <c r="EY8" s="48" t="s">
        <v>45</v>
      </c>
      <c r="EZ8" s="724"/>
      <c r="FA8" s="51" t="s">
        <v>43</v>
      </c>
      <c r="FB8" s="47" t="s">
        <v>44</v>
      </c>
      <c r="FC8" s="326" t="s">
        <v>45</v>
      </c>
      <c r="FD8" s="52" t="s">
        <v>83</v>
      </c>
      <c r="FE8" s="47" t="s">
        <v>47</v>
      </c>
      <c r="FF8" s="47" t="s">
        <v>48</v>
      </c>
      <c r="FG8" s="47" t="s">
        <v>49</v>
      </c>
      <c r="FH8" s="47" t="s">
        <v>50</v>
      </c>
      <c r="FI8" s="47" t="s">
        <v>51</v>
      </c>
      <c r="FJ8" s="48" t="s">
        <v>45</v>
      </c>
      <c r="FK8" s="724"/>
      <c r="FL8" s="51" t="s">
        <v>43</v>
      </c>
      <c r="FM8" s="47" t="s">
        <v>44</v>
      </c>
      <c r="FN8" s="326" t="s">
        <v>45</v>
      </c>
      <c r="FO8" s="52" t="s">
        <v>83</v>
      </c>
      <c r="FP8" s="47" t="s">
        <v>47</v>
      </c>
      <c r="FQ8" s="47" t="s">
        <v>48</v>
      </c>
      <c r="FR8" s="47" t="s">
        <v>49</v>
      </c>
      <c r="FS8" s="47" t="s">
        <v>50</v>
      </c>
      <c r="FT8" s="47" t="s">
        <v>51</v>
      </c>
      <c r="FU8" s="48" t="s">
        <v>45</v>
      </c>
      <c r="FV8" s="735"/>
      <c r="FW8" s="51" t="s">
        <v>43</v>
      </c>
      <c r="FX8" s="47" t="s">
        <v>44</v>
      </c>
      <c r="FY8" s="326" t="s">
        <v>45</v>
      </c>
      <c r="FZ8" s="52" t="s">
        <v>83</v>
      </c>
      <c r="GA8" s="47" t="s">
        <v>47</v>
      </c>
      <c r="GB8" s="47" t="s">
        <v>48</v>
      </c>
      <c r="GC8" s="47" t="s">
        <v>49</v>
      </c>
      <c r="GD8" s="47" t="s">
        <v>50</v>
      </c>
      <c r="GE8" s="47" t="s">
        <v>51</v>
      </c>
      <c r="GF8" s="48" t="s">
        <v>45</v>
      </c>
      <c r="GG8" s="724"/>
      <c r="GH8" s="51" t="s">
        <v>43</v>
      </c>
      <c r="GI8" s="47" t="s">
        <v>44</v>
      </c>
      <c r="GJ8" s="326" t="s">
        <v>45</v>
      </c>
      <c r="GK8" s="52" t="s">
        <v>83</v>
      </c>
      <c r="GL8" s="47" t="s">
        <v>47</v>
      </c>
      <c r="GM8" s="47" t="s">
        <v>48</v>
      </c>
      <c r="GN8" s="47" t="s">
        <v>49</v>
      </c>
      <c r="GO8" s="47" t="s">
        <v>50</v>
      </c>
      <c r="GP8" s="47" t="s">
        <v>51</v>
      </c>
      <c r="GQ8" s="48" t="s">
        <v>45</v>
      </c>
      <c r="GR8" s="734"/>
      <c r="GS8" s="51" t="s">
        <v>43</v>
      </c>
      <c r="GT8" s="47" t="s">
        <v>44</v>
      </c>
      <c r="GU8" s="326" t="s">
        <v>45</v>
      </c>
      <c r="GV8" s="52" t="s">
        <v>83</v>
      </c>
      <c r="GW8" s="47" t="s">
        <v>47</v>
      </c>
      <c r="GX8" s="47" t="s">
        <v>48</v>
      </c>
      <c r="GY8" s="47" t="s">
        <v>49</v>
      </c>
      <c r="GZ8" s="47" t="s">
        <v>50</v>
      </c>
      <c r="HA8" s="47" t="s">
        <v>51</v>
      </c>
      <c r="HB8" s="48" t="s">
        <v>45</v>
      </c>
      <c r="HC8" s="734"/>
      <c r="HD8" s="51" t="s">
        <v>43</v>
      </c>
      <c r="HE8" s="47" t="s">
        <v>44</v>
      </c>
      <c r="HF8" s="326" t="s">
        <v>45</v>
      </c>
      <c r="HG8" s="52" t="s">
        <v>83</v>
      </c>
      <c r="HH8" s="47" t="s">
        <v>47</v>
      </c>
      <c r="HI8" s="47" t="s">
        <v>48</v>
      </c>
      <c r="HJ8" s="47" t="s">
        <v>49</v>
      </c>
      <c r="HK8" s="47" t="s">
        <v>50</v>
      </c>
      <c r="HL8" s="47" t="s">
        <v>51</v>
      </c>
      <c r="HM8" s="48" t="s">
        <v>45</v>
      </c>
      <c r="HN8" s="724"/>
      <c r="HO8" s="51" t="s">
        <v>43</v>
      </c>
      <c r="HP8" s="501" t="s">
        <v>44</v>
      </c>
      <c r="HQ8" s="326" t="s">
        <v>45</v>
      </c>
      <c r="HR8" s="52" t="s">
        <v>83</v>
      </c>
      <c r="HS8" s="501" t="s">
        <v>47</v>
      </c>
      <c r="HT8" s="501" t="s">
        <v>48</v>
      </c>
      <c r="HU8" s="501" t="s">
        <v>49</v>
      </c>
      <c r="HV8" s="501" t="s">
        <v>50</v>
      </c>
      <c r="HW8" s="501" t="s">
        <v>51</v>
      </c>
      <c r="HX8" s="48" t="s">
        <v>45</v>
      </c>
      <c r="HY8" s="724"/>
      <c r="HZ8" s="368" t="s">
        <v>43</v>
      </c>
      <c r="IA8" s="369" t="s">
        <v>44</v>
      </c>
      <c r="IB8" s="41" t="s">
        <v>45</v>
      </c>
      <c r="IC8" s="42" t="s">
        <v>83</v>
      </c>
      <c r="ID8" s="369" t="s">
        <v>47</v>
      </c>
      <c r="IE8" s="369" t="s">
        <v>48</v>
      </c>
      <c r="IF8" s="369" t="s">
        <v>49</v>
      </c>
      <c r="IG8" s="369" t="s">
        <v>50</v>
      </c>
      <c r="IH8" s="369" t="s">
        <v>51</v>
      </c>
      <c r="II8" s="17" t="s">
        <v>45</v>
      </c>
      <c r="IJ8" s="660"/>
      <c r="IK8" s="368" t="s">
        <v>43</v>
      </c>
      <c r="IL8" s="369" t="s">
        <v>44</v>
      </c>
      <c r="IM8" s="41" t="s">
        <v>45</v>
      </c>
      <c r="IN8" s="42" t="s">
        <v>83</v>
      </c>
      <c r="IO8" s="59" t="s">
        <v>47</v>
      </c>
      <c r="IP8" s="59" t="s">
        <v>48</v>
      </c>
      <c r="IQ8" s="59" t="s">
        <v>49</v>
      </c>
      <c r="IR8" s="59" t="s">
        <v>50</v>
      </c>
      <c r="IS8" s="59" t="s">
        <v>51</v>
      </c>
      <c r="IT8" s="64" t="s">
        <v>45</v>
      </c>
      <c r="IU8" s="659"/>
      <c r="IV8" s="61" t="s">
        <v>43</v>
      </c>
      <c r="IW8" s="59" t="s">
        <v>44</v>
      </c>
      <c r="IX8" s="64" t="s">
        <v>45</v>
      </c>
      <c r="IY8" s="33" t="s">
        <v>83</v>
      </c>
      <c r="IZ8" s="59" t="s">
        <v>47</v>
      </c>
      <c r="JA8" s="59" t="s">
        <v>48</v>
      </c>
      <c r="JB8" s="59" t="s">
        <v>49</v>
      </c>
      <c r="JC8" s="59" t="s">
        <v>50</v>
      </c>
      <c r="JD8" s="59" t="s">
        <v>51</v>
      </c>
      <c r="JE8" s="64" t="s">
        <v>45</v>
      </c>
      <c r="JF8" s="659"/>
      <c r="JG8" s="61" t="s">
        <v>43</v>
      </c>
      <c r="JH8" s="59" t="s">
        <v>44</v>
      </c>
      <c r="JI8" s="60" t="s">
        <v>45</v>
      </c>
      <c r="JJ8" s="33" t="s">
        <v>83</v>
      </c>
      <c r="JK8" s="59" t="s">
        <v>47</v>
      </c>
      <c r="JL8" s="59" t="s">
        <v>48</v>
      </c>
      <c r="JM8" s="59" t="s">
        <v>49</v>
      </c>
      <c r="JN8" s="59" t="s">
        <v>50</v>
      </c>
      <c r="JO8" s="59" t="s">
        <v>51</v>
      </c>
      <c r="JP8" s="64" t="s">
        <v>45</v>
      </c>
      <c r="JQ8" s="619"/>
      <c r="JR8" s="61" t="s">
        <v>43</v>
      </c>
      <c r="JS8" s="59" t="s">
        <v>44</v>
      </c>
      <c r="JT8" s="60" t="s">
        <v>45</v>
      </c>
      <c r="JU8" s="33" t="s">
        <v>83</v>
      </c>
      <c r="JV8" s="59" t="s">
        <v>47</v>
      </c>
      <c r="JW8" s="59" t="s">
        <v>48</v>
      </c>
      <c r="JX8" s="59" t="s">
        <v>49</v>
      </c>
      <c r="JY8" s="59" t="s">
        <v>50</v>
      </c>
      <c r="JZ8" s="59" t="s">
        <v>51</v>
      </c>
      <c r="KA8" s="64" t="s">
        <v>45</v>
      </c>
      <c r="KB8" s="619"/>
      <c r="KC8" s="61" t="s">
        <v>43</v>
      </c>
      <c r="KD8" s="59" t="s">
        <v>44</v>
      </c>
      <c r="KE8" s="60" t="s">
        <v>45</v>
      </c>
      <c r="KF8" s="33" t="s">
        <v>83</v>
      </c>
      <c r="KG8" s="59" t="s">
        <v>47</v>
      </c>
      <c r="KH8" s="59" t="s">
        <v>48</v>
      </c>
      <c r="KI8" s="59" t="s">
        <v>49</v>
      </c>
      <c r="KJ8" s="59" t="s">
        <v>50</v>
      </c>
      <c r="KK8" s="59" t="s">
        <v>51</v>
      </c>
      <c r="KL8" s="64" t="s">
        <v>45</v>
      </c>
      <c r="KM8" s="619"/>
      <c r="KN8" s="61" t="s">
        <v>43</v>
      </c>
      <c r="KO8" s="59" t="s">
        <v>44</v>
      </c>
      <c r="KP8" s="60" t="s">
        <v>45</v>
      </c>
      <c r="KQ8" s="42" t="s">
        <v>83</v>
      </c>
      <c r="KR8" s="59" t="s">
        <v>47</v>
      </c>
      <c r="KS8" s="59" t="s">
        <v>48</v>
      </c>
      <c r="KT8" s="59" t="s">
        <v>49</v>
      </c>
      <c r="KU8" s="59" t="s">
        <v>50</v>
      </c>
      <c r="KV8" s="59" t="s">
        <v>51</v>
      </c>
      <c r="KW8" s="64" t="s">
        <v>45</v>
      </c>
      <c r="KX8" s="619"/>
      <c r="KY8" s="61" t="s">
        <v>43</v>
      </c>
      <c r="KZ8" s="59" t="s">
        <v>44</v>
      </c>
      <c r="LA8" s="60" t="s">
        <v>45</v>
      </c>
      <c r="LB8" s="42" t="s">
        <v>83</v>
      </c>
      <c r="LC8" s="59" t="s">
        <v>47</v>
      </c>
      <c r="LD8" s="59" t="s">
        <v>48</v>
      </c>
      <c r="LE8" s="59" t="s">
        <v>49</v>
      </c>
      <c r="LF8" s="59" t="s">
        <v>50</v>
      </c>
      <c r="LG8" s="59" t="s">
        <v>51</v>
      </c>
      <c r="LH8" s="64" t="s">
        <v>45</v>
      </c>
      <c r="LI8" s="619"/>
      <c r="LJ8" s="61" t="s">
        <v>43</v>
      </c>
      <c r="LK8" s="59" t="s">
        <v>44</v>
      </c>
      <c r="LL8" s="60" t="s">
        <v>45</v>
      </c>
      <c r="LM8" s="42" t="s">
        <v>83</v>
      </c>
      <c r="LN8" s="59" t="s">
        <v>47</v>
      </c>
      <c r="LO8" s="59" t="s">
        <v>48</v>
      </c>
      <c r="LP8" s="59" t="s">
        <v>49</v>
      </c>
      <c r="LQ8" s="59" t="s">
        <v>50</v>
      </c>
      <c r="LR8" s="59" t="s">
        <v>51</v>
      </c>
      <c r="LS8" s="64" t="s">
        <v>45</v>
      </c>
      <c r="LT8" s="619"/>
      <c r="LU8" s="61" t="s">
        <v>43</v>
      </c>
      <c r="LV8" s="59" t="s">
        <v>44</v>
      </c>
      <c r="LW8" s="60" t="s">
        <v>45</v>
      </c>
      <c r="LX8" s="42" t="s">
        <v>83</v>
      </c>
      <c r="LY8" s="59" t="s">
        <v>47</v>
      </c>
      <c r="LZ8" s="59" t="s">
        <v>48</v>
      </c>
      <c r="MA8" s="59" t="s">
        <v>49</v>
      </c>
      <c r="MB8" s="59" t="s">
        <v>50</v>
      </c>
      <c r="MC8" s="59" t="s">
        <v>51</v>
      </c>
      <c r="MD8" s="64" t="s">
        <v>45</v>
      </c>
      <c r="ME8" s="619"/>
      <c r="MF8" s="61" t="s">
        <v>43</v>
      </c>
      <c r="MG8" s="59" t="s">
        <v>44</v>
      </c>
      <c r="MH8" s="60" t="s">
        <v>45</v>
      </c>
      <c r="MI8" s="42" t="s">
        <v>83</v>
      </c>
      <c r="MJ8" s="59" t="s">
        <v>47</v>
      </c>
      <c r="MK8" s="59" t="s">
        <v>48</v>
      </c>
      <c r="ML8" s="59" t="s">
        <v>49</v>
      </c>
      <c r="MM8" s="59" t="s">
        <v>50</v>
      </c>
      <c r="MN8" s="59" t="s">
        <v>51</v>
      </c>
      <c r="MO8" s="64" t="s">
        <v>45</v>
      </c>
      <c r="MP8" s="619"/>
      <c r="MQ8" s="61" t="s">
        <v>43</v>
      </c>
      <c r="MR8" s="59" t="s">
        <v>44</v>
      </c>
      <c r="MS8" s="60" t="s">
        <v>45</v>
      </c>
      <c r="MT8" s="42" t="s">
        <v>83</v>
      </c>
      <c r="MU8" s="59" t="s">
        <v>47</v>
      </c>
      <c r="MV8" s="59" t="s">
        <v>48</v>
      </c>
      <c r="MW8" s="59" t="s">
        <v>49</v>
      </c>
      <c r="MX8" s="59" t="s">
        <v>50</v>
      </c>
      <c r="MY8" s="59" t="s">
        <v>51</v>
      </c>
      <c r="MZ8" s="64" t="s">
        <v>45</v>
      </c>
      <c r="NA8" s="619"/>
      <c r="NB8" s="61" t="s">
        <v>43</v>
      </c>
      <c r="NC8" s="59" t="s">
        <v>44</v>
      </c>
      <c r="ND8" s="60" t="s">
        <v>45</v>
      </c>
      <c r="NE8" s="42" t="s">
        <v>83</v>
      </c>
      <c r="NF8" s="59" t="s">
        <v>47</v>
      </c>
      <c r="NG8" s="59" t="s">
        <v>48</v>
      </c>
      <c r="NH8" s="59" t="s">
        <v>49</v>
      </c>
      <c r="NI8" s="59" t="s">
        <v>50</v>
      </c>
      <c r="NJ8" s="59" t="s">
        <v>51</v>
      </c>
      <c r="NK8" s="64" t="s">
        <v>45</v>
      </c>
      <c r="NL8" s="619"/>
      <c r="NM8" s="61" t="s">
        <v>43</v>
      </c>
      <c r="NN8" s="59" t="s">
        <v>44</v>
      </c>
      <c r="NO8" s="60" t="s">
        <v>45</v>
      </c>
      <c r="NP8" s="42" t="s">
        <v>83</v>
      </c>
      <c r="NQ8" s="59" t="s">
        <v>47</v>
      </c>
      <c r="NR8" s="59" t="s">
        <v>48</v>
      </c>
      <c r="NS8" s="59" t="s">
        <v>49</v>
      </c>
      <c r="NT8" s="59" t="s">
        <v>50</v>
      </c>
      <c r="NU8" s="59" t="s">
        <v>51</v>
      </c>
      <c r="NV8" s="64" t="s">
        <v>45</v>
      </c>
      <c r="NW8" s="619"/>
      <c r="NX8" s="61" t="s">
        <v>43</v>
      </c>
      <c r="NY8" s="59" t="s">
        <v>44</v>
      </c>
      <c r="NZ8" s="60" t="s">
        <v>45</v>
      </c>
      <c r="OA8" s="42" t="s">
        <v>83</v>
      </c>
      <c r="OB8" s="59" t="s">
        <v>47</v>
      </c>
      <c r="OC8" s="59" t="s">
        <v>48</v>
      </c>
      <c r="OD8" s="59" t="s">
        <v>49</v>
      </c>
      <c r="OE8" s="59" t="s">
        <v>50</v>
      </c>
      <c r="OF8" s="59" t="s">
        <v>51</v>
      </c>
      <c r="OG8" s="64" t="s">
        <v>45</v>
      </c>
      <c r="OH8" s="619"/>
      <c r="OI8" s="61" t="s">
        <v>43</v>
      </c>
      <c r="OJ8" s="59" t="s">
        <v>44</v>
      </c>
      <c r="OK8" s="60" t="s">
        <v>45</v>
      </c>
      <c r="OL8" s="33" t="s">
        <v>83</v>
      </c>
      <c r="OM8" s="59" t="s">
        <v>47</v>
      </c>
      <c r="ON8" s="59" t="s">
        <v>48</v>
      </c>
      <c r="OO8" s="59" t="s">
        <v>49</v>
      </c>
      <c r="OP8" s="59" t="s">
        <v>50</v>
      </c>
      <c r="OQ8" s="59" t="s">
        <v>51</v>
      </c>
      <c r="OR8" s="64" t="s">
        <v>45</v>
      </c>
      <c r="OS8" s="619"/>
    </row>
    <row r="9" spans="1:409" s="473" customFormat="1" ht="21" customHeight="1" x14ac:dyDescent="0.2">
      <c r="A9" s="44"/>
      <c r="B9" s="467" t="s">
        <v>4</v>
      </c>
      <c r="C9" s="387">
        <v>26029417</v>
      </c>
      <c r="D9" s="388">
        <v>44812614</v>
      </c>
      <c r="E9" s="389">
        <v>70842031</v>
      </c>
      <c r="F9" s="390">
        <v>0</v>
      </c>
      <c r="G9" s="388">
        <v>302108244</v>
      </c>
      <c r="H9" s="388">
        <v>388551524</v>
      </c>
      <c r="I9" s="388">
        <v>352899969</v>
      </c>
      <c r="J9" s="388">
        <v>316447174</v>
      </c>
      <c r="K9" s="388">
        <v>212622790</v>
      </c>
      <c r="L9" s="391">
        <v>1572629701</v>
      </c>
      <c r="M9" s="392">
        <v>1643471732</v>
      </c>
      <c r="N9" s="387">
        <v>7178913</v>
      </c>
      <c r="O9" s="388">
        <v>15157721</v>
      </c>
      <c r="P9" s="393">
        <v>22336634</v>
      </c>
      <c r="Q9" s="387">
        <v>0</v>
      </c>
      <c r="R9" s="388">
        <v>94725837</v>
      </c>
      <c r="S9" s="388">
        <v>129401128</v>
      </c>
      <c r="T9" s="388">
        <v>114452000</v>
      </c>
      <c r="U9" s="388">
        <v>116813310</v>
      </c>
      <c r="V9" s="388">
        <v>107650666</v>
      </c>
      <c r="W9" s="393">
        <v>563042941</v>
      </c>
      <c r="X9" s="392">
        <v>585379575</v>
      </c>
      <c r="Y9" s="387">
        <v>0</v>
      </c>
      <c r="Z9" s="388">
        <v>0</v>
      </c>
      <c r="AA9" s="393">
        <v>0</v>
      </c>
      <c r="AB9" s="394">
        <v>0</v>
      </c>
      <c r="AC9" s="395">
        <v>40945629</v>
      </c>
      <c r="AD9" s="395">
        <v>55981818</v>
      </c>
      <c r="AE9" s="395">
        <v>56255500</v>
      </c>
      <c r="AF9" s="395">
        <v>60670627</v>
      </c>
      <c r="AG9" s="395">
        <v>57875593</v>
      </c>
      <c r="AH9" s="393">
        <v>271729167</v>
      </c>
      <c r="AI9" s="392">
        <v>271729167</v>
      </c>
      <c r="AJ9" s="396">
        <v>17647</v>
      </c>
      <c r="AK9" s="395">
        <v>42751</v>
      </c>
      <c r="AL9" s="393">
        <v>60398</v>
      </c>
      <c r="AM9" s="394">
        <v>0</v>
      </c>
      <c r="AN9" s="395">
        <v>182417</v>
      </c>
      <c r="AO9" s="391">
        <v>1831857</v>
      </c>
      <c r="AP9" s="395">
        <v>3009593</v>
      </c>
      <c r="AQ9" s="395">
        <v>7211448</v>
      </c>
      <c r="AR9" s="395">
        <v>12747483</v>
      </c>
      <c r="AS9" s="393">
        <v>24982798</v>
      </c>
      <c r="AT9" s="392">
        <v>25043196</v>
      </c>
      <c r="AU9" s="396">
        <v>3602235</v>
      </c>
      <c r="AV9" s="395">
        <v>10364188</v>
      </c>
      <c r="AW9" s="393">
        <v>13966423</v>
      </c>
      <c r="AX9" s="394">
        <v>0</v>
      </c>
      <c r="AY9" s="395">
        <v>34701426</v>
      </c>
      <c r="AZ9" s="395">
        <v>47908242</v>
      </c>
      <c r="BA9" s="395">
        <v>34548407</v>
      </c>
      <c r="BB9" s="395">
        <v>29198150</v>
      </c>
      <c r="BC9" s="395">
        <v>24653831</v>
      </c>
      <c r="BD9" s="393">
        <v>171010056</v>
      </c>
      <c r="BE9" s="397">
        <v>184976479</v>
      </c>
      <c r="BF9" s="396">
        <v>312207</v>
      </c>
      <c r="BG9" s="391">
        <v>1365598</v>
      </c>
      <c r="BH9" s="398">
        <v>1677805</v>
      </c>
      <c r="BI9" s="394">
        <v>0</v>
      </c>
      <c r="BJ9" s="395">
        <v>2069885</v>
      </c>
      <c r="BK9" s="395">
        <v>4246143</v>
      </c>
      <c r="BL9" s="395">
        <v>2436652</v>
      </c>
      <c r="BM9" s="395">
        <v>2699949</v>
      </c>
      <c r="BN9" s="395">
        <v>900351</v>
      </c>
      <c r="BO9" s="393">
        <v>12352980</v>
      </c>
      <c r="BP9" s="392">
        <v>14030785</v>
      </c>
      <c r="BQ9" s="396">
        <v>3246824</v>
      </c>
      <c r="BR9" s="395">
        <v>3385184</v>
      </c>
      <c r="BS9" s="393">
        <v>6632008</v>
      </c>
      <c r="BT9" s="394">
        <v>0</v>
      </c>
      <c r="BU9" s="395">
        <v>16826480</v>
      </c>
      <c r="BV9" s="395">
        <v>19433068</v>
      </c>
      <c r="BW9" s="395">
        <v>18201848</v>
      </c>
      <c r="BX9" s="395">
        <v>17033136</v>
      </c>
      <c r="BY9" s="395">
        <v>11473408</v>
      </c>
      <c r="BZ9" s="393">
        <v>82967940</v>
      </c>
      <c r="CA9" s="392">
        <v>89599948</v>
      </c>
      <c r="CB9" s="396">
        <v>2688685</v>
      </c>
      <c r="CC9" s="395">
        <v>6217768</v>
      </c>
      <c r="CD9" s="393">
        <v>8906453</v>
      </c>
      <c r="CE9" s="394">
        <v>0</v>
      </c>
      <c r="CF9" s="395">
        <v>95189288</v>
      </c>
      <c r="CG9" s="395">
        <v>117768370</v>
      </c>
      <c r="CH9" s="399">
        <v>88055237</v>
      </c>
      <c r="CI9" s="395">
        <v>48236778</v>
      </c>
      <c r="CJ9" s="395">
        <v>19227120</v>
      </c>
      <c r="CK9" s="393">
        <v>368476793</v>
      </c>
      <c r="CL9" s="392">
        <v>377383246</v>
      </c>
      <c r="CM9" s="387">
        <v>0</v>
      </c>
      <c r="CN9" s="388">
        <v>0</v>
      </c>
      <c r="CO9" s="393">
        <v>0</v>
      </c>
      <c r="CP9" s="394">
        <v>0</v>
      </c>
      <c r="CQ9" s="395">
        <v>77111360</v>
      </c>
      <c r="CR9" s="395">
        <v>85878965</v>
      </c>
      <c r="CS9" s="395">
        <v>65369410</v>
      </c>
      <c r="CT9" s="395">
        <v>33352635</v>
      </c>
      <c r="CU9" s="395">
        <v>14619437</v>
      </c>
      <c r="CV9" s="400">
        <v>276331807</v>
      </c>
      <c r="CW9" s="392">
        <v>276331807</v>
      </c>
      <c r="CX9" s="396">
        <v>2688685</v>
      </c>
      <c r="CY9" s="395">
        <v>6217768</v>
      </c>
      <c r="CZ9" s="393">
        <v>8906453</v>
      </c>
      <c r="DA9" s="394">
        <v>0</v>
      </c>
      <c r="DB9" s="395">
        <v>18077928</v>
      </c>
      <c r="DC9" s="395">
        <v>31889405</v>
      </c>
      <c r="DD9" s="395">
        <v>22685827</v>
      </c>
      <c r="DE9" s="395">
        <v>14884143</v>
      </c>
      <c r="DF9" s="395">
        <v>4607683</v>
      </c>
      <c r="DG9" s="393">
        <v>92144986</v>
      </c>
      <c r="DH9" s="392">
        <v>101051439</v>
      </c>
      <c r="DI9" s="396">
        <v>194355</v>
      </c>
      <c r="DJ9" s="395">
        <v>903549</v>
      </c>
      <c r="DK9" s="398">
        <v>1097904</v>
      </c>
      <c r="DL9" s="394">
        <v>0</v>
      </c>
      <c r="DM9" s="395">
        <v>9803149</v>
      </c>
      <c r="DN9" s="395">
        <v>17638881</v>
      </c>
      <c r="DO9" s="395">
        <v>31467766</v>
      </c>
      <c r="DP9" s="395">
        <v>31050939</v>
      </c>
      <c r="DQ9" s="395">
        <v>11683873</v>
      </c>
      <c r="DR9" s="401">
        <v>101644608</v>
      </c>
      <c r="DS9" s="392">
        <v>102742512</v>
      </c>
      <c r="DT9" s="396">
        <v>194355</v>
      </c>
      <c r="DU9" s="395">
        <v>812104</v>
      </c>
      <c r="DV9" s="393">
        <v>1006459</v>
      </c>
      <c r="DW9" s="394">
        <v>0</v>
      </c>
      <c r="DX9" s="395">
        <v>8455541</v>
      </c>
      <c r="DY9" s="395">
        <v>14894695</v>
      </c>
      <c r="DZ9" s="395">
        <v>27071337</v>
      </c>
      <c r="EA9" s="395">
        <v>26957635</v>
      </c>
      <c r="EB9" s="395">
        <v>10102288</v>
      </c>
      <c r="EC9" s="393">
        <v>87481496</v>
      </c>
      <c r="ED9" s="392">
        <v>88487955</v>
      </c>
      <c r="EE9" s="396">
        <v>0</v>
      </c>
      <c r="EF9" s="391">
        <v>91445</v>
      </c>
      <c r="EG9" s="393">
        <v>91445</v>
      </c>
      <c r="EH9" s="397">
        <v>0</v>
      </c>
      <c r="EI9" s="395">
        <v>1347608</v>
      </c>
      <c r="EJ9" s="395">
        <v>2744186</v>
      </c>
      <c r="EK9" s="395">
        <v>4396429</v>
      </c>
      <c r="EL9" s="395">
        <v>4093304</v>
      </c>
      <c r="EM9" s="399">
        <v>1581585</v>
      </c>
      <c r="EN9" s="391">
        <v>14163112</v>
      </c>
      <c r="EO9" s="392">
        <v>14254557</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5680476</v>
      </c>
      <c r="FM9" s="395">
        <v>9550097</v>
      </c>
      <c r="FN9" s="393">
        <v>15230573</v>
      </c>
      <c r="FO9" s="394">
        <v>0</v>
      </c>
      <c r="FP9" s="395">
        <v>15461905</v>
      </c>
      <c r="FQ9" s="395">
        <v>37712285</v>
      </c>
      <c r="FR9" s="395">
        <v>27887865</v>
      </c>
      <c r="FS9" s="395">
        <v>26290594</v>
      </c>
      <c r="FT9" s="395">
        <v>17516290</v>
      </c>
      <c r="FU9" s="393">
        <v>124868939</v>
      </c>
      <c r="FV9" s="392">
        <v>140099512</v>
      </c>
      <c r="FW9" s="396">
        <v>2738432</v>
      </c>
      <c r="FX9" s="395">
        <v>6127646</v>
      </c>
      <c r="FY9" s="391">
        <v>8866078</v>
      </c>
      <c r="FZ9" s="397">
        <v>0</v>
      </c>
      <c r="GA9" s="395">
        <v>10926784</v>
      </c>
      <c r="GB9" s="403">
        <v>33860686</v>
      </c>
      <c r="GC9" s="395">
        <v>25622040</v>
      </c>
      <c r="GD9" s="403">
        <v>23290966</v>
      </c>
      <c r="GE9" s="395">
        <v>16269783</v>
      </c>
      <c r="GF9" s="400">
        <v>109970259</v>
      </c>
      <c r="GG9" s="404">
        <v>118836337</v>
      </c>
      <c r="GH9" s="405">
        <v>270761</v>
      </c>
      <c r="GI9" s="395">
        <v>495364</v>
      </c>
      <c r="GJ9" s="403">
        <v>766125</v>
      </c>
      <c r="GK9" s="390">
        <v>0</v>
      </c>
      <c r="GL9" s="395">
        <v>780029</v>
      </c>
      <c r="GM9" s="391">
        <v>986356</v>
      </c>
      <c r="GN9" s="395">
        <v>641529</v>
      </c>
      <c r="GO9" s="391">
        <v>986764</v>
      </c>
      <c r="GP9" s="395">
        <v>364347</v>
      </c>
      <c r="GQ9" s="401">
        <v>3759025</v>
      </c>
      <c r="GR9" s="392">
        <v>4525150</v>
      </c>
      <c r="GS9" s="391">
        <v>2671283</v>
      </c>
      <c r="GT9" s="395">
        <v>2927087</v>
      </c>
      <c r="GU9" s="393">
        <v>5598370</v>
      </c>
      <c r="GV9" s="391">
        <v>0</v>
      </c>
      <c r="GW9" s="395">
        <v>3755092</v>
      </c>
      <c r="GX9" s="391">
        <v>2865243</v>
      </c>
      <c r="GY9" s="395">
        <v>1624296</v>
      </c>
      <c r="GZ9" s="391">
        <v>2012864</v>
      </c>
      <c r="HA9" s="395">
        <v>882160</v>
      </c>
      <c r="HB9" s="391">
        <v>11139655</v>
      </c>
      <c r="HC9" s="392">
        <v>16738025</v>
      </c>
      <c r="HD9" s="391">
        <v>10286988</v>
      </c>
      <c r="HE9" s="395">
        <v>12983479</v>
      </c>
      <c r="HF9" s="391">
        <v>23270467</v>
      </c>
      <c r="HG9" s="397">
        <v>0</v>
      </c>
      <c r="HH9" s="395">
        <v>86928065</v>
      </c>
      <c r="HI9" s="403">
        <v>86030860</v>
      </c>
      <c r="HJ9" s="395">
        <v>91037101</v>
      </c>
      <c r="HK9" s="403">
        <v>94055553</v>
      </c>
      <c r="HL9" s="395">
        <v>56544841</v>
      </c>
      <c r="HM9" s="400">
        <v>414596420</v>
      </c>
      <c r="HN9" s="392">
        <v>437866887</v>
      </c>
      <c r="HO9" s="471"/>
      <c r="HP9" s="504"/>
      <c r="HQ9" s="505"/>
      <c r="HR9" s="506"/>
      <c r="HS9" s="504"/>
      <c r="HT9" s="504"/>
      <c r="HU9" s="504"/>
      <c r="HV9" s="504"/>
      <c r="HW9" s="504"/>
      <c r="HX9" s="504"/>
      <c r="HY9" s="508"/>
      <c r="HZ9" s="408">
        <v>568280</v>
      </c>
      <c r="IA9" s="407">
        <v>1146409</v>
      </c>
      <c r="IB9" s="408">
        <v>1714689</v>
      </c>
      <c r="IC9" s="409">
        <v>0</v>
      </c>
      <c r="ID9" s="407">
        <v>86461791</v>
      </c>
      <c r="IE9" s="410">
        <v>107109423</v>
      </c>
      <c r="IF9" s="411">
        <v>109793580</v>
      </c>
      <c r="IG9" s="407">
        <v>91540430</v>
      </c>
      <c r="IH9" s="411">
        <v>55233160</v>
      </c>
      <c r="II9" s="412">
        <v>450138384</v>
      </c>
      <c r="IJ9" s="413">
        <v>451853073</v>
      </c>
      <c r="IK9" s="414">
        <v>0</v>
      </c>
      <c r="IL9" s="415">
        <v>0</v>
      </c>
      <c r="IM9" s="416">
        <v>0</v>
      </c>
      <c r="IN9" s="417"/>
      <c r="IO9" s="418">
        <v>1427950</v>
      </c>
      <c r="IP9" s="418">
        <v>3013253</v>
      </c>
      <c r="IQ9" s="418">
        <v>3853424</v>
      </c>
      <c r="IR9" s="418">
        <v>6257462</v>
      </c>
      <c r="IS9" s="418">
        <v>4119956</v>
      </c>
      <c r="IT9" s="419">
        <v>18672045</v>
      </c>
      <c r="IU9" s="420">
        <v>18672045</v>
      </c>
      <c r="IV9" s="421">
        <v>0</v>
      </c>
      <c r="IW9" s="418">
        <v>0</v>
      </c>
      <c r="IX9" s="422">
        <v>0</v>
      </c>
      <c r="IY9" s="423"/>
      <c r="IZ9" s="418">
        <v>311615</v>
      </c>
      <c r="JA9" s="418">
        <v>528784</v>
      </c>
      <c r="JB9" s="418">
        <v>781259</v>
      </c>
      <c r="JC9" s="418">
        <v>1442080</v>
      </c>
      <c r="JD9" s="418">
        <v>1124276</v>
      </c>
      <c r="JE9" s="422">
        <v>4188014</v>
      </c>
      <c r="JF9" s="424">
        <v>4188014</v>
      </c>
      <c r="JG9" s="421">
        <v>0</v>
      </c>
      <c r="JH9" s="418">
        <v>0</v>
      </c>
      <c r="JI9" s="419">
        <v>0</v>
      </c>
      <c r="JJ9" s="425">
        <v>0</v>
      </c>
      <c r="JK9" s="418">
        <v>38814557</v>
      </c>
      <c r="JL9" s="418">
        <v>35411324</v>
      </c>
      <c r="JM9" s="418">
        <v>28810795</v>
      </c>
      <c r="JN9" s="418">
        <v>15228658</v>
      </c>
      <c r="JO9" s="418">
        <v>8842250</v>
      </c>
      <c r="JP9" s="422">
        <v>127107584</v>
      </c>
      <c r="JQ9" s="420">
        <v>127107584</v>
      </c>
      <c r="JR9" s="421">
        <v>26763</v>
      </c>
      <c r="JS9" s="418">
        <v>0</v>
      </c>
      <c r="JT9" s="419">
        <v>26763</v>
      </c>
      <c r="JU9" s="425">
        <v>0</v>
      </c>
      <c r="JV9" s="418">
        <v>6299587</v>
      </c>
      <c r="JW9" s="418">
        <v>8664498</v>
      </c>
      <c r="JX9" s="418">
        <v>9011941</v>
      </c>
      <c r="JY9" s="418">
        <v>4289577</v>
      </c>
      <c r="JZ9" s="418">
        <v>2866525</v>
      </c>
      <c r="KA9" s="422">
        <v>31132128</v>
      </c>
      <c r="KB9" s="420">
        <v>31158891</v>
      </c>
      <c r="KC9" s="426">
        <v>541517</v>
      </c>
      <c r="KD9" s="427">
        <v>881385</v>
      </c>
      <c r="KE9" s="422">
        <v>1422902</v>
      </c>
      <c r="KF9" s="425">
        <v>0</v>
      </c>
      <c r="KG9" s="418">
        <v>9869422</v>
      </c>
      <c r="KH9" s="418">
        <v>14637200</v>
      </c>
      <c r="KI9" s="418">
        <v>16037082</v>
      </c>
      <c r="KJ9" s="418">
        <v>14194893</v>
      </c>
      <c r="KK9" s="418">
        <v>5363213</v>
      </c>
      <c r="KL9" s="422">
        <v>60101810</v>
      </c>
      <c r="KM9" s="428">
        <v>61524712</v>
      </c>
      <c r="KN9" s="414">
        <v>0</v>
      </c>
      <c r="KO9" s="415">
        <v>265024</v>
      </c>
      <c r="KP9" s="416">
        <v>265024</v>
      </c>
      <c r="KQ9" s="417"/>
      <c r="KR9" s="418">
        <v>26240335</v>
      </c>
      <c r="KS9" s="418">
        <v>39714285</v>
      </c>
      <c r="KT9" s="418">
        <v>38163981</v>
      </c>
      <c r="KU9" s="418">
        <v>34535814</v>
      </c>
      <c r="KV9" s="418">
        <v>16515294</v>
      </c>
      <c r="KW9" s="422">
        <v>155169709</v>
      </c>
      <c r="KX9" s="420">
        <v>155434733</v>
      </c>
      <c r="KY9" s="421">
        <v>0</v>
      </c>
      <c r="KZ9" s="418">
        <v>0</v>
      </c>
      <c r="LA9" s="422">
        <v>0</v>
      </c>
      <c r="LB9" s="429"/>
      <c r="LC9" s="418">
        <v>526048</v>
      </c>
      <c r="LD9" s="418">
        <v>1268530</v>
      </c>
      <c r="LE9" s="418">
        <v>592449</v>
      </c>
      <c r="LF9" s="418">
        <v>1426113</v>
      </c>
      <c r="LG9" s="418">
        <v>711219</v>
      </c>
      <c r="LH9" s="422">
        <v>4524359</v>
      </c>
      <c r="LI9" s="424">
        <v>4524359</v>
      </c>
      <c r="LJ9" s="421">
        <v>0</v>
      </c>
      <c r="LK9" s="418">
        <v>0</v>
      </c>
      <c r="LL9" s="422">
        <v>0</v>
      </c>
      <c r="LM9" s="429"/>
      <c r="LN9" s="418">
        <v>0</v>
      </c>
      <c r="LO9" s="418">
        <v>463007</v>
      </c>
      <c r="LP9" s="418">
        <v>4956978</v>
      </c>
      <c r="LQ9" s="418">
        <v>4408272</v>
      </c>
      <c r="LR9" s="418">
        <v>2715544</v>
      </c>
      <c r="LS9" s="422">
        <v>12543801</v>
      </c>
      <c r="LT9" s="420">
        <v>12543801</v>
      </c>
      <c r="LU9" s="421">
        <v>0</v>
      </c>
      <c r="LV9" s="418">
        <v>0</v>
      </c>
      <c r="LW9" s="422">
        <v>0</v>
      </c>
      <c r="LX9" s="429"/>
      <c r="LY9" s="418">
        <v>2972277</v>
      </c>
      <c r="LZ9" s="418">
        <v>3408542</v>
      </c>
      <c r="MA9" s="418">
        <v>7585671</v>
      </c>
      <c r="MB9" s="418">
        <v>9757561</v>
      </c>
      <c r="MC9" s="418">
        <v>12974883</v>
      </c>
      <c r="MD9" s="422">
        <v>36698934</v>
      </c>
      <c r="ME9" s="424">
        <v>36698934</v>
      </c>
      <c r="MF9" s="421">
        <v>0</v>
      </c>
      <c r="MG9" s="418">
        <v>0</v>
      </c>
      <c r="MH9" s="422">
        <v>0</v>
      </c>
      <c r="MI9" s="429"/>
      <c r="MJ9" s="418">
        <v>23334239</v>
      </c>
      <c r="MK9" s="418">
        <v>63736311</v>
      </c>
      <c r="ML9" s="418">
        <v>189161506</v>
      </c>
      <c r="MM9" s="418">
        <v>272959343</v>
      </c>
      <c r="MN9" s="418">
        <v>167407927</v>
      </c>
      <c r="MO9" s="422">
        <v>716599326</v>
      </c>
      <c r="MP9" s="428">
        <v>716599326</v>
      </c>
      <c r="MQ9" s="421">
        <v>0</v>
      </c>
      <c r="MR9" s="418">
        <v>0</v>
      </c>
      <c r="MS9" s="422">
        <v>0</v>
      </c>
      <c r="MT9" s="429"/>
      <c r="MU9" s="418">
        <v>2993682</v>
      </c>
      <c r="MV9" s="418">
        <v>14164055</v>
      </c>
      <c r="MW9" s="418">
        <v>110656928</v>
      </c>
      <c r="MX9" s="418">
        <v>169702578</v>
      </c>
      <c r="MY9" s="418">
        <v>103992391</v>
      </c>
      <c r="MZ9" s="422">
        <v>401509634</v>
      </c>
      <c r="NA9" s="428">
        <v>401509634</v>
      </c>
      <c r="NB9" s="421">
        <v>0</v>
      </c>
      <c r="NC9" s="418">
        <v>0</v>
      </c>
      <c r="ND9" s="422">
        <v>0</v>
      </c>
      <c r="NE9" s="429"/>
      <c r="NF9" s="418">
        <v>20340557</v>
      </c>
      <c r="NG9" s="418">
        <v>49160336</v>
      </c>
      <c r="NH9" s="418">
        <v>77553425</v>
      </c>
      <c r="NI9" s="418">
        <v>94464725</v>
      </c>
      <c r="NJ9" s="418">
        <v>51663461</v>
      </c>
      <c r="NK9" s="422">
        <v>293182504</v>
      </c>
      <c r="NL9" s="420">
        <v>293182504</v>
      </c>
      <c r="NM9" s="421">
        <v>0</v>
      </c>
      <c r="NN9" s="418">
        <v>0</v>
      </c>
      <c r="NO9" s="422">
        <v>0</v>
      </c>
      <c r="NP9" s="429"/>
      <c r="NQ9" s="418">
        <v>0</v>
      </c>
      <c r="NR9" s="418">
        <v>0</v>
      </c>
      <c r="NS9" s="418">
        <v>315888</v>
      </c>
      <c r="NT9" s="418">
        <v>3254762</v>
      </c>
      <c r="NU9" s="418">
        <v>3679048</v>
      </c>
      <c r="NV9" s="422">
        <v>7249698</v>
      </c>
      <c r="NW9" s="424">
        <v>7249698</v>
      </c>
      <c r="NX9" s="421">
        <v>0</v>
      </c>
      <c r="NY9" s="418">
        <v>0</v>
      </c>
      <c r="NZ9" s="422">
        <v>0</v>
      </c>
      <c r="OA9" s="429"/>
      <c r="OB9" s="418">
        <v>0</v>
      </c>
      <c r="OC9" s="418">
        <v>411920</v>
      </c>
      <c r="OD9" s="418">
        <v>635265</v>
      </c>
      <c r="OE9" s="418">
        <v>5537278</v>
      </c>
      <c r="OF9" s="418">
        <v>8073027</v>
      </c>
      <c r="OG9" s="422">
        <v>14657490</v>
      </c>
      <c r="OH9" s="424">
        <v>14657490</v>
      </c>
      <c r="OI9" s="421">
        <v>26597697</v>
      </c>
      <c r="OJ9" s="418">
        <v>45959023</v>
      </c>
      <c r="OK9" s="419">
        <v>72556720</v>
      </c>
      <c r="OL9" s="425">
        <v>0</v>
      </c>
      <c r="OM9" s="418">
        <v>411904274</v>
      </c>
      <c r="ON9" s="418">
        <v>559397258</v>
      </c>
      <c r="OO9" s="418">
        <v>651855055</v>
      </c>
      <c r="OP9" s="418">
        <v>680946947</v>
      </c>
      <c r="OQ9" s="418">
        <v>435263877</v>
      </c>
      <c r="OR9" s="422">
        <v>2739367411</v>
      </c>
      <c r="OS9" s="428">
        <v>2811924131</v>
      </c>
    </row>
    <row r="10" spans="1:409" s="473" customFormat="1" ht="21" customHeight="1" x14ac:dyDescent="0.2">
      <c r="A10" s="44"/>
      <c r="B10" s="474" t="s">
        <v>5</v>
      </c>
      <c r="C10" s="432">
        <v>11116372</v>
      </c>
      <c r="D10" s="433">
        <v>23285511</v>
      </c>
      <c r="E10" s="434">
        <v>34401883</v>
      </c>
      <c r="F10" s="435">
        <v>0</v>
      </c>
      <c r="G10" s="433">
        <v>111304400</v>
      </c>
      <c r="H10" s="433">
        <v>184517971</v>
      </c>
      <c r="I10" s="433">
        <v>157939575</v>
      </c>
      <c r="J10" s="433">
        <v>134829716</v>
      </c>
      <c r="K10" s="433">
        <v>95817792</v>
      </c>
      <c r="L10" s="435">
        <v>684409454</v>
      </c>
      <c r="M10" s="436">
        <v>718811337</v>
      </c>
      <c r="N10" s="432">
        <v>3302248</v>
      </c>
      <c r="O10" s="433">
        <v>8814074</v>
      </c>
      <c r="P10" s="434">
        <v>12116322</v>
      </c>
      <c r="Q10" s="432">
        <v>0</v>
      </c>
      <c r="R10" s="433">
        <v>36218927</v>
      </c>
      <c r="S10" s="433">
        <v>63186630</v>
      </c>
      <c r="T10" s="433">
        <v>51737492</v>
      </c>
      <c r="U10" s="433">
        <v>49812550</v>
      </c>
      <c r="V10" s="433">
        <v>47442053</v>
      </c>
      <c r="W10" s="434">
        <v>248397652</v>
      </c>
      <c r="X10" s="436">
        <v>260513974</v>
      </c>
      <c r="Y10" s="432">
        <v>0</v>
      </c>
      <c r="Z10" s="433">
        <v>0</v>
      </c>
      <c r="AA10" s="434">
        <v>0</v>
      </c>
      <c r="AB10" s="432">
        <v>0</v>
      </c>
      <c r="AC10" s="433">
        <v>16188465</v>
      </c>
      <c r="AD10" s="433">
        <v>25574505</v>
      </c>
      <c r="AE10" s="433">
        <v>24151834</v>
      </c>
      <c r="AF10" s="433">
        <v>24233361</v>
      </c>
      <c r="AG10" s="433">
        <v>23990353</v>
      </c>
      <c r="AH10" s="434">
        <v>114138518</v>
      </c>
      <c r="AI10" s="436">
        <v>114138518</v>
      </c>
      <c r="AJ10" s="432">
        <v>0</v>
      </c>
      <c r="AK10" s="433">
        <v>34747</v>
      </c>
      <c r="AL10" s="434">
        <v>34747</v>
      </c>
      <c r="AM10" s="432">
        <v>0</v>
      </c>
      <c r="AN10" s="433">
        <v>24303</v>
      </c>
      <c r="AO10" s="433">
        <v>735046</v>
      </c>
      <c r="AP10" s="433">
        <v>1173237</v>
      </c>
      <c r="AQ10" s="433">
        <v>3120309</v>
      </c>
      <c r="AR10" s="433">
        <v>6120241</v>
      </c>
      <c r="AS10" s="434">
        <v>11173136</v>
      </c>
      <c r="AT10" s="436">
        <v>11207883</v>
      </c>
      <c r="AU10" s="432">
        <v>1673525</v>
      </c>
      <c r="AV10" s="433">
        <v>6159124</v>
      </c>
      <c r="AW10" s="434">
        <v>7832649</v>
      </c>
      <c r="AX10" s="432">
        <v>0</v>
      </c>
      <c r="AY10" s="433">
        <v>13475252</v>
      </c>
      <c r="AZ10" s="433">
        <v>25921110</v>
      </c>
      <c r="BA10" s="433">
        <v>17461200</v>
      </c>
      <c r="BB10" s="433">
        <v>14375852</v>
      </c>
      <c r="BC10" s="433">
        <v>12093188</v>
      </c>
      <c r="BD10" s="434">
        <v>83326602</v>
      </c>
      <c r="BE10" s="436">
        <v>91159251</v>
      </c>
      <c r="BF10" s="432">
        <v>151339</v>
      </c>
      <c r="BG10" s="433">
        <v>797195</v>
      </c>
      <c r="BH10" s="437">
        <v>948534</v>
      </c>
      <c r="BI10" s="438">
        <v>0</v>
      </c>
      <c r="BJ10" s="433">
        <v>404547</v>
      </c>
      <c r="BK10" s="433">
        <v>1802173</v>
      </c>
      <c r="BL10" s="433">
        <v>1009501</v>
      </c>
      <c r="BM10" s="433">
        <v>992028</v>
      </c>
      <c r="BN10" s="433">
        <v>442111</v>
      </c>
      <c r="BO10" s="434">
        <v>4650360</v>
      </c>
      <c r="BP10" s="436">
        <v>5598894</v>
      </c>
      <c r="BQ10" s="432">
        <v>1477384</v>
      </c>
      <c r="BR10" s="433">
        <v>1823008</v>
      </c>
      <c r="BS10" s="434">
        <v>3300392</v>
      </c>
      <c r="BT10" s="432">
        <v>0</v>
      </c>
      <c r="BU10" s="433">
        <v>6126360</v>
      </c>
      <c r="BV10" s="433">
        <v>9153796</v>
      </c>
      <c r="BW10" s="433">
        <v>7941720</v>
      </c>
      <c r="BX10" s="433">
        <v>7091000</v>
      </c>
      <c r="BY10" s="433">
        <v>4796160</v>
      </c>
      <c r="BZ10" s="434">
        <v>35109036</v>
      </c>
      <c r="CA10" s="436">
        <v>38409428</v>
      </c>
      <c r="CB10" s="432">
        <v>1298001</v>
      </c>
      <c r="CC10" s="433">
        <v>3445767</v>
      </c>
      <c r="CD10" s="434">
        <v>4743768</v>
      </c>
      <c r="CE10" s="432">
        <v>0</v>
      </c>
      <c r="CF10" s="433">
        <v>34013255</v>
      </c>
      <c r="CG10" s="433">
        <v>53584310</v>
      </c>
      <c r="CH10" s="433">
        <v>37247604</v>
      </c>
      <c r="CI10" s="433">
        <v>18017110</v>
      </c>
      <c r="CJ10" s="433">
        <v>7997578</v>
      </c>
      <c r="CK10" s="434">
        <v>150859857</v>
      </c>
      <c r="CL10" s="436">
        <v>155603625</v>
      </c>
      <c r="CM10" s="432">
        <v>0</v>
      </c>
      <c r="CN10" s="433">
        <v>0</v>
      </c>
      <c r="CO10" s="434">
        <v>0</v>
      </c>
      <c r="CP10" s="438">
        <v>0</v>
      </c>
      <c r="CQ10" s="433">
        <v>27995292</v>
      </c>
      <c r="CR10" s="433">
        <v>39370173</v>
      </c>
      <c r="CS10" s="433">
        <v>25966207</v>
      </c>
      <c r="CT10" s="433">
        <v>11254861</v>
      </c>
      <c r="CU10" s="433">
        <v>5777288</v>
      </c>
      <c r="CV10" s="434">
        <v>110363821</v>
      </c>
      <c r="CW10" s="436">
        <v>110363821</v>
      </c>
      <c r="CX10" s="432">
        <v>1298001</v>
      </c>
      <c r="CY10" s="433">
        <v>3445767</v>
      </c>
      <c r="CZ10" s="434">
        <v>4743768</v>
      </c>
      <c r="DA10" s="432">
        <v>0</v>
      </c>
      <c r="DB10" s="433">
        <v>6017963</v>
      </c>
      <c r="DC10" s="433">
        <v>14214137</v>
      </c>
      <c r="DD10" s="433">
        <v>11281397</v>
      </c>
      <c r="DE10" s="433">
        <v>6762249</v>
      </c>
      <c r="DF10" s="433">
        <v>2220290</v>
      </c>
      <c r="DG10" s="434">
        <v>40496036</v>
      </c>
      <c r="DH10" s="436">
        <v>45239804</v>
      </c>
      <c r="DI10" s="432">
        <v>25284</v>
      </c>
      <c r="DJ10" s="433">
        <v>424896</v>
      </c>
      <c r="DK10" s="437">
        <v>450180</v>
      </c>
      <c r="DL10" s="438">
        <v>0</v>
      </c>
      <c r="DM10" s="433">
        <v>3965501</v>
      </c>
      <c r="DN10" s="433">
        <v>8639689</v>
      </c>
      <c r="DO10" s="433">
        <v>14895283</v>
      </c>
      <c r="DP10" s="433">
        <v>13828571</v>
      </c>
      <c r="DQ10" s="433">
        <v>6353944</v>
      </c>
      <c r="DR10" s="434">
        <v>47682988</v>
      </c>
      <c r="DS10" s="436">
        <v>48133168</v>
      </c>
      <c r="DT10" s="432">
        <v>25284</v>
      </c>
      <c r="DU10" s="433">
        <v>424896</v>
      </c>
      <c r="DV10" s="434">
        <v>450180</v>
      </c>
      <c r="DW10" s="432">
        <v>0</v>
      </c>
      <c r="DX10" s="433">
        <v>3203094</v>
      </c>
      <c r="DY10" s="433">
        <v>7037649</v>
      </c>
      <c r="DZ10" s="433">
        <v>11652272</v>
      </c>
      <c r="EA10" s="433">
        <v>10907619</v>
      </c>
      <c r="EB10" s="433">
        <v>5028462</v>
      </c>
      <c r="EC10" s="434">
        <v>37829096</v>
      </c>
      <c r="ED10" s="436">
        <v>38279276</v>
      </c>
      <c r="EE10" s="432">
        <v>0</v>
      </c>
      <c r="EF10" s="437">
        <v>0</v>
      </c>
      <c r="EG10" s="434">
        <v>0</v>
      </c>
      <c r="EH10" s="432">
        <v>0</v>
      </c>
      <c r="EI10" s="433">
        <v>762407</v>
      </c>
      <c r="EJ10" s="433">
        <v>1602040</v>
      </c>
      <c r="EK10" s="433">
        <v>3243011</v>
      </c>
      <c r="EL10" s="433">
        <v>2920952</v>
      </c>
      <c r="EM10" s="433">
        <v>1325482</v>
      </c>
      <c r="EN10" s="437">
        <v>9853892</v>
      </c>
      <c r="EO10" s="436">
        <v>9853892</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2314932</v>
      </c>
      <c r="FM10" s="433">
        <v>4770846</v>
      </c>
      <c r="FN10" s="434">
        <v>7085778</v>
      </c>
      <c r="FO10" s="432">
        <v>0</v>
      </c>
      <c r="FP10" s="433">
        <v>4670405</v>
      </c>
      <c r="FQ10" s="433">
        <v>16773774</v>
      </c>
      <c r="FR10" s="433">
        <v>12174001</v>
      </c>
      <c r="FS10" s="433">
        <v>10738002</v>
      </c>
      <c r="FT10" s="433">
        <v>8086871</v>
      </c>
      <c r="FU10" s="434">
        <v>52443053</v>
      </c>
      <c r="FV10" s="436">
        <v>59528831</v>
      </c>
      <c r="FW10" s="440">
        <v>1057816</v>
      </c>
      <c r="FX10" s="433">
        <v>2874350</v>
      </c>
      <c r="FY10" s="437">
        <v>3932166</v>
      </c>
      <c r="FZ10" s="438">
        <v>0</v>
      </c>
      <c r="GA10" s="433">
        <v>3237600</v>
      </c>
      <c r="GB10" s="433">
        <v>14940002</v>
      </c>
      <c r="GC10" s="433">
        <v>10991232</v>
      </c>
      <c r="GD10" s="433">
        <v>9271382</v>
      </c>
      <c r="GE10" s="433">
        <v>7414335</v>
      </c>
      <c r="GF10" s="434">
        <v>45854551</v>
      </c>
      <c r="GG10" s="441">
        <v>49786717</v>
      </c>
      <c r="GH10" s="440">
        <v>73956</v>
      </c>
      <c r="GI10" s="433">
        <v>301689</v>
      </c>
      <c r="GJ10" s="437">
        <v>375645</v>
      </c>
      <c r="GK10" s="438">
        <v>0</v>
      </c>
      <c r="GL10" s="433">
        <v>216157</v>
      </c>
      <c r="GM10" s="433">
        <v>444092</v>
      </c>
      <c r="GN10" s="433">
        <v>317809</v>
      </c>
      <c r="GO10" s="433">
        <v>260708</v>
      </c>
      <c r="GP10" s="433">
        <v>148136</v>
      </c>
      <c r="GQ10" s="434">
        <v>1386902</v>
      </c>
      <c r="GR10" s="436">
        <v>1762547</v>
      </c>
      <c r="GS10" s="432">
        <v>1183160</v>
      </c>
      <c r="GT10" s="433">
        <v>1594807</v>
      </c>
      <c r="GU10" s="434">
        <v>2777967</v>
      </c>
      <c r="GV10" s="432">
        <v>0</v>
      </c>
      <c r="GW10" s="433">
        <v>1216648</v>
      </c>
      <c r="GX10" s="433">
        <v>1389680</v>
      </c>
      <c r="GY10" s="433">
        <v>864960</v>
      </c>
      <c r="GZ10" s="433">
        <v>1205912</v>
      </c>
      <c r="HA10" s="433">
        <v>524400</v>
      </c>
      <c r="HB10" s="437">
        <v>5201600</v>
      </c>
      <c r="HC10" s="436">
        <v>7979567</v>
      </c>
      <c r="HD10" s="432">
        <v>4175907</v>
      </c>
      <c r="HE10" s="433">
        <v>5829928</v>
      </c>
      <c r="HF10" s="437">
        <v>10005835</v>
      </c>
      <c r="HG10" s="438">
        <v>0</v>
      </c>
      <c r="HH10" s="433">
        <v>32436312</v>
      </c>
      <c r="HI10" s="433">
        <v>42333568</v>
      </c>
      <c r="HJ10" s="433">
        <v>41885195</v>
      </c>
      <c r="HK10" s="433">
        <v>42433483</v>
      </c>
      <c r="HL10" s="433">
        <v>25937346</v>
      </c>
      <c r="HM10" s="434">
        <v>185025904</v>
      </c>
      <c r="HN10" s="436">
        <v>195031739</v>
      </c>
      <c r="HO10" s="502"/>
      <c r="HP10" s="476"/>
      <c r="HQ10" s="477"/>
      <c r="HR10" s="478"/>
      <c r="HS10" s="476"/>
      <c r="HT10" s="476"/>
      <c r="HU10" s="476"/>
      <c r="HV10" s="476"/>
      <c r="HW10" s="476"/>
      <c r="HX10" s="476"/>
      <c r="HY10" s="509"/>
      <c r="HZ10" s="444">
        <v>183138</v>
      </c>
      <c r="IA10" s="443">
        <v>569020</v>
      </c>
      <c r="IB10" s="444">
        <v>752158</v>
      </c>
      <c r="IC10" s="445">
        <v>0</v>
      </c>
      <c r="ID10" s="446">
        <v>34255650</v>
      </c>
      <c r="IE10" s="447">
        <v>47772172</v>
      </c>
      <c r="IF10" s="448">
        <v>44333474</v>
      </c>
      <c r="IG10" s="446">
        <v>36103752</v>
      </c>
      <c r="IH10" s="448">
        <v>24850694</v>
      </c>
      <c r="II10" s="449">
        <v>187315742</v>
      </c>
      <c r="IJ10" s="450">
        <v>188067900</v>
      </c>
      <c r="IK10" s="451">
        <v>0</v>
      </c>
      <c r="IL10" s="452">
        <v>0</v>
      </c>
      <c r="IM10" s="453">
        <v>0</v>
      </c>
      <c r="IN10" s="454"/>
      <c r="IO10" s="455">
        <v>390343</v>
      </c>
      <c r="IP10" s="455">
        <v>1466492</v>
      </c>
      <c r="IQ10" s="455">
        <v>1538538</v>
      </c>
      <c r="IR10" s="455">
        <v>2827239</v>
      </c>
      <c r="IS10" s="455">
        <v>2710594</v>
      </c>
      <c r="IT10" s="456">
        <v>8933206</v>
      </c>
      <c r="IU10" s="457">
        <v>8933206</v>
      </c>
      <c r="IV10" s="458">
        <v>0</v>
      </c>
      <c r="IW10" s="455">
        <v>0</v>
      </c>
      <c r="IX10" s="459">
        <v>0</v>
      </c>
      <c r="IY10" s="460"/>
      <c r="IZ10" s="455">
        <v>239561</v>
      </c>
      <c r="JA10" s="455">
        <v>398952</v>
      </c>
      <c r="JB10" s="455">
        <v>510153</v>
      </c>
      <c r="JC10" s="455">
        <v>1288916</v>
      </c>
      <c r="JD10" s="455">
        <v>1005280</v>
      </c>
      <c r="JE10" s="459">
        <v>3442862</v>
      </c>
      <c r="JF10" s="461">
        <v>3442862</v>
      </c>
      <c r="JG10" s="458">
        <v>0</v>
      </c>
      <c r="JH10" s="455">
        <v>0</v>
      </c>
      <c r="JI10" s="456">
        <v>0</v>
      </c>
      <c r="JJ10" s="462">
        <v>0</v>
      </c>
      <c r="JK10" s="455">
        <v>16438987</v>
      </c>
      <c r="JL10" s="455">
        <v>17355520</v>
      </c>
      <c r="JM10" s="455">
        <v>13926968</v>
      </c>
      <c r="JN10" s="455">
        <v>8122438</v>
      </c>
      <c r="JO10" s="455">
        <v>5068989</v>
      </c>
      <c r="JP10" s="459">
        <v>60912902</v>
      </c>
      <c r="JQ10" s="457">
        <v>60912902</v>
      </c>
      <c r="JR10" s="458">
        <v>0</v>
      </c>
      <c r="JS10" s="455">
        <v>0</v>
      </c>
      <c r="JT10" s="456">
        <v>0</v>
      </c>
      <c r="JU10" s="462">
        <v>0</v>
      </c>
      <c r="JV10" s="455">
        <v>2965758</v>
      </c>
      <c r="JW10" s="455">
        <v>4965655</v>
      </c>
      <c r="JX10" s="455">
        <v>5400612</v>
      </c>
      <c r="JY10" s="455">
        <v>2747871</v>
      </c>
      <c r="JZ10" s="455">
        <v>1156649</v>
      </c>
      <c r="KA10" s="459">
        <v>17236545</v>
      </c>
      <c r="KB10" s="457">
        <v>17236545</v>
      </c>
      <c r="KC10" s="463">
        <v>183138</v>
      </c>
      <c r="KD10" s="464">
        <v>569020</v>
      </c>
      <c r="KE10" s="459">
        <v>752158</v>
      </c>
      <c r="KF10" s="462">
        <v>0</v>
      </c>
      <c r="KG10" s="455">
        <v>4485809</v>
      </c>
      <c r="KH10" s="455">
        <v>5653059</v>
      </c>
      <c r="KI10" s="455">
        <v>6310196</v>
      </c>
      <c r="KJ10" s="455">
        <v>5235611</v>
      </c>
      <c r="KK10" s="455">
        <v>1787327</v>
      </c>
      <c r="KL10" s="459">
        <v>23472002</v>
      </c>
      <c r="KM10" s="465">
        <v>24224160</v>
      </c>
      <c r="KN10" s="451">
        <v>0</v>
      </c>
      <c r="KO10" s="452">
        <v>0</v>
      </c>
      <c r="KP10" s="453">
        <v>0</v>
      </c>
      <c r="KQ10" s="454"/>
      <c r="KR10" s="455">
        <v>8935837</v>
      </c>
      <c r="KS10" s="455">
        <v>16862992</v>
      </c>
      <c r="KT10" s="455">
        <v>13818058</v>
      </c>
      <c r="KU10" s="455">
        <v>11750029</v>
      </c>
      <c r="KV10" s="455">
        <v>5570664</v>
      </c>
      <c r="KW10" s="459">
        <v>56937580</v>
      </c>
      <c r="KX10" s="457">
        <v>56937580</v>
      </c>
      <c r="KY10" s="458">
        <v>0</v>
      </c>
      <c r="KZ10" s="455">
        <v>0</v>
      </c>
      <c r="LA10" s="459">
        <v>0</v>
      </c>
      <c r="LB10" s="466"/>
      <c r="LC10" s="455">
        <v>0</v>
      </c>
      <c r="LD10" s="455">
        <v>0</v>
      </c>
      <c r="LE10" s="455">
        <v>0</v>
      </c>
      <c r="LF10" s="455">
        <v>0</v>
      </c>
      <c r="LG10" s="455">
        <v>0</v>
      </c>
      <c r="LH10" s="459">
        <v>0</v>
      </c>
      <c r="LI10" s="461">
        <v>0</v>
      </c>
      <c r="LJ10" s="458">
        <v>0</v>
      </c>
      <c r="LK10" s="455">
        <v>0</v>
      </c>
      <c r="LL10" s="459">
        <v>0</v>
      </c>
      <c r="LM10" s="466"/>
      <c r="LN10" s="455">
        <v>0</v>
      </c>
      <c r="LO10" s="455">
        <v>250024</v>
      </c>
      <c r="LP10" s="455">
        <v>1312046</v>
      </c>
      <c r="LQ10" s="455">
        <v>864982</v>
      </c>
      <c r="LR10" s="455">
        <v>465452</v>
      </c>
      <c r="LS10" s="459">
        <v>2892504</v>
      </c>
      <c r="LT10" s="457">
        <v>2892504</v>
      </c>
      <c r="LU10" s="458">
        <v>0</v>
      </c>
      <c r="LV10" s="455">
        <v>0</v>
      </c>
      <c r="LW10" s="459">
        <v>0</v>
      </c>
      <c r="LX10" s="466"/>
      <c r="LY10" s="455">
        <v>799355</v>
      </c>
      <c r="LZ10" s="455">
        <v>819478</v>
      </c>
      <c r="MA10" s="455">
        <v>1516903</v>
      </c>
      <c r="MB10" s="455">
        <v>3266666</v>
      </c>
      <c r="MC10" s="455">
        <v>7085739</v>
      </c>
      <c r="MD10" s="459">
        <v>13488141</v>
      </c>
      <c r="ME10" s="461">
        <v>13488141</v>
      </c>
      <c r="MF10" s="458">
        <v>0</v>
      </c>
      <c r="MG10" s="455">
        <v>0</v>
      </c>
      <c r="MH10" s="459">
        <v>0</v>
      </c>
      <c r="MI10" s="466"/>
      <c r="MJ10" s="455">
        <v>9581839</v>
      </c>
      <c r="MK10" s="455">
        <v>35172071</v>
      </c>
      <c r="ML10" s="455">
        <v>98382660</v>
      </c>
      <c r="MM10" s="455">
        <v>121621253</v>
      </c>
      <c r="MN10" s="455">
        <v>79779624</v>
      </c>
      <c r="MO10" s="459">
        <v>344537447</v>
      </c>
      <c r="MP10" s="465">
        <v>344537447</v>
      </c>
      <c r="MQ10" s="458">
        <v>0</v>
      </c>
      <c r="MR10" s="455">
        <v>0</v>
      </c>
      <c r="MS10" s="459">
        <v>0</v>
      </c>
      <c r="MT10" s="466"/>
      <c r="MU10" s="455">
        <v>1695803</v>
      </c>
      <c r="MV10" s="455">
        <v>9478724</v>
      </c>
      <c r="MW10" s="455">
        <v>57491819</v>
      </c>
      <c r="MX10" s="455">
        <v>71320038</v>
      </c>
      <c r="MY10" s="455">
        <v>46520434</v>
      </c>
      <c r="MZ10" s="459">
        <v>186506818</v>
      </c>
      <c r="NA10" s="465">
        <v>186506818</v>
      </c>
      <c r="NB10" s="458">
        <v>0</v>
      </c>
      <c r="NC10" s="455">
        <v>0</v>
      </c>
      <c r="ND10" s="459">
        <v>0</v>
      </c>
      <c r="NE10" s="466"/>
      <c r="NF10" s="455">
        <v>7886036</v>
      </c>
      <c r="NG10" s="455">
        <v>25693347</v>
      </c>
      <c r="NH10" s="455">
        <v>40255576</v>
      </c>
      <c r="NI10" s="455">
        <v>47834645</v>
      </c>
      <c r="NJ10" s="455">
        <v>28900164</v>
      </c>
      <c r="NK10" s="459">
        <v>150569768</v>
      </c>
      <c r="NL10" s="457">
        <v>150569768</v>
      </c>
      <c r="NM10" s="458">
        <v>0</v>
      </c>
      <c r="NN10" s="455">
        <v>0</v>
      </c>
      <c r="NO10" s="459">
        <v>0</v>
      </c>
      <c r="NP10" s="466"/>
      <c r="NQ10" s="455">
        <v>0</v>
      </c>
      <c r="NR10" s="455">
        <v>0</v>
      </c>
      <c r="NS10" s="455">
        <v>0</v>
      </c>
      <c r="NT10" s="455">
        <v>975045</v>
      </c>
      <c r="NU10" s="455">
        <v>1392747</v>
      </c>
      <c r="NV10" s="459">
        <v>2367792</v>
      </c>
      <c r="NW10" s="461">
        <v>2367792</v>
      </c>
      <c r="NX10" s="458">
        <v>0</v>
      </c>
      <c r="NY10" s="455">
        <v>0</v>
      </c>
      <c r="NZ10" s="459">
        <v>0</v>
      </c>
      <c r="OA10" s="466"/>
      <c r="OB10" s="455">
        <v>0</v>
      </c>
      <c r="OC10" s="455">
        <v>0</v>
      </c>
      <c r="OD10" s="455">
        <v>635265</v>
      </c>
      <c r="OE10" s="455">
        <v>1491525</v>
      </c>
      <c r="OF10" s="455">
        <v>2966279</v>
      </c>
      <c r="OG10" s="459">
        <v>5093069</v>
      </c>
      <c r="OH10" s="461">
        <v>5093069</v>
      </c>
      <c r="OI10" s="458">
        <v>11299510</v>
      </c>
      <c r="OJ10" s="455">
        <v>23854531</v>
      </c>
      <c r="OK10" s="456">
        <v>35154041</v>
      </c>
      <c r="OL10" s="462">
        <v>0</v>
      </c>
      <c r="OM10" s="455">
        <v>155141889</v>
      </c>
      <c r="ON10" s="455">
        <v>267462214</v>
      </c>
      <c r="OO10" s="455">
        <v>300655709</v>
      </c>
      <c r="OP10" s="455">
        <v>292554721</v>
      </c>
      <c r="OQ10" s="455">
        <v>200448110</v>
      </c>
      <c r="OR10" s="459">
        <v>1216262643</v>
      </c>
      <c r="OS10" s="465">
        <v>1251416684</v>
      </c>
    </row>
    <row r="11" spans="1:409" ht="21" customHeight="1" x14ac:dyDescent="0.2">
      <c r="B11" s="126" t="s">
        <v>6</v>
      </c>
      <c r="C11" s="110">
        <v>4153468</v>
      </c>
      <c r="D11" s="114">
        <v>4904555</v>
      </c>
      <c r="E11" s="113">
        <v>9058023</v>
      </c>
      <c r="F11" s="109">
        <v>0</v>
      </c>
      <c r="G11" s="114">
        <v>42088792</v>
      </c>
      <c r="H11" s="114">
        <v>43628170</v>
      </c>
      <c r="I11" s="114">
        <v>42023882</v>
      </c>
      <c r="J11" s="114">
        <v>39681824</v>
      </c>
      <c r="K11" s="114">
        <v>30908874</v>
      </c>
      <c r="L11" s="109">
        <v>198331542</v>
      </c>
      <c r="M11" s="116">
        <v>207389565</v>
      </c>
      <c r="N11" s="110">
        <v>1052244</v>
      </c>
      <c r="O11" s="114">
        <v>1626907</v>
      </c>
      <c r="P11" s="113">
        <v>2679151</v>
      </c>
      <c r="Q11" s="110">
        <v>0</v>
      </c>
      <c r="R11" s="114">
        <v>13211208</v>
      </c>
      <c r="S11" s="114">
        <v>15133225</v>
      </c>
      <c r="T11" s="114">
        <v>13688101</v>
      </c>
      <c r="U11" s="114">
        <v>15837221</v>
      </c>
      <c r="V11" s="114">
        <v>15969965</v>
      </c>
      <c r="W11" s="113">
        <v>73839720</v>
      </c>
      <c r="X11" s="116">
        <v>76518871</v>
      </c>
      <c r="Y11" s="110">
        <v>0</v>
      </c>
      <c r="Z11" s="114">
        <v>0</v>
      </c>
      <c r="AA11" s="113">
        <v>0</v>
      </c>
      <c r="AB11" s="110">
        <v>0</v>
      </c>
      <c r="AC11" s="114">
        <v>5352441</v>
      </c>
      <c r="AD11" s="114">
        <v>6290558</v>
      </c>
      <c r="AE11" s="114">
        <v>6499944</v>
      </c>
      <c r="AF11" s="114">
        <v>7908325</v>
      </c>
      <c r="AG11" s="114">
        <v>8524876</v>
      </c>
      <c r="AH11" s="113">
        <v>34576144</v>
      </c>
      <c r="AI11" s="116">
        <v>34576144</v>
      </c>
      <c r="AJ11" s="110">
        <v>0</v>
      </c>
      <c r="AK11" s="114">
        <v>0</v>
      </c>
      <c r="AL11" s="113">
        <v>0</v>
      </c>
      <c r="AM11" s="110">
        <v>0</v>
      </c>
      <c r="AN11" s="114">
        <v>62679</v>
      </c>
      <c r="AO11" s="114">
        <v>259798</v>
      </c>
      <c r="AP11" s="114">
        <v>281384</v>
      </c>
      <c r="AQ11" s="114">
        <v>646435</v>
      </c>
      <c r="AR11" s="114">
        <v>1697137</v>
      </c>
      <c r="AS11" s="113">
        <v>2947433</v>
      </c>
      <c r="AT11" s="116">
        <v>2947433</v>
      </c>
      <c r="AU11" s="110">
        <v>436268</v>
      </c>
      <c r="AV11" s="114">
        <v>1215587</v>
      </c>
      <c r="AW11" s="113">
        <v>1651855</v>
      </c>
      <c r="AX11" s="110">
        <v>0</v>
      </c>
      <c r="AY11" s="114">
        <v>4897107</v>
      </c>
      <c r="AZ11" s="114">
        <v>5620181</v>
      </c>
      <c r="BA11" s="114">
        <v>3906882</v>
      </c>
      <c r="BB11" s="114">
        <v>4236589</v>
      </c>
      <c r="BC11" s="114">
        <v>3616618</v>
      </c>
      <c r="BD11" s="113">
        <v>22277377</v>
      </c>
      <c r="BE11" s="116">
        <v>23929232</v>
      </c>
      <c r="BF11" s="110">
        <v>64128</v>
      </c>
      <c r="BG11" s="114">
        <v>0</v>
      </c>
      <c r="BH11" s="112">
        <v>64128</v>
      </c>
      <c r="BI11" s="111">
        <v>0</v>
      </c>
      <c r="BJ11" s="114">
        <v>264189</v>
      </c>
      <c r="BK11" s="114">
        <v>444816</v>
      </c>
      <c r="BL11" s="114">
        <v>294683</v>
      </c>
      <c r="BM11" s="114">
        <v>417616</v>
      </c>
      <c r="BN11" s="114">
        <v>161446</v>
      </c>
      <c r="BO11" s="113">
        <v>1582750</v>
      </c>
      <c r="BP11" s="116">
        <v>1646878</v>
      </c>
      <c r="BQ11" s="110">
        <v>551848</v>
      </c>
      <c r="BR11" s="114">
        <v>411320</v>
      </c>
      <c r="BS11" s="113">
        <v>963168</v>
      </c>
      <c r="BT11" s="110">
        <v>0</v>
      </c>
      <c r="BU11" s="114">
        <v>2634792</v>
      </c>
      <c r="BV11" s="114">
        <v>2517872</v>
      </c>
      <c r="BW11" s="114">
        <v>2705208</v>
      </c>
      <c r="BX11" s="114">
        <v>2628256</v>
      </c>
      <c r="BY11" s="114">
        <v>1969888</v>
      </c>
      <c r="BZ11" s="113">
        <v>12456016</v>
      </c>
      <c r="CA11" s="116">
        <v>13419184</v>
      </c>
      <c r="CB11" s="110">
        <v>148995</v>
      </c>
      <c r="CC11" s="114">
        <v>390793</v>
      </c>
      <c r="CD11" s="113">
        <v>539788</v>
      </c>
      <c r="CE11" s="110">
        <v>0</v>
      </c>
      <c r="CF11" s="114">
        <v>13295229</v>
      </c>
      <c r="CG11" s="114">
        <v>11827942</v>
      </c>
      <c r="CH11" s="114">
        <v>9460909</v>
      </c>
      <c r="CI11" s="114">
        <v>6444672</v>
      </c>
      <c r="CJ11" s="114">
        <v>3157010</v>
      </c>
      <c r="CK11" s="113">
        <v>44185762</v>
      </c>
      <c r="CL11" s="116">
        <v>44725550</v>
      </c>
      <c r="CM11" s="110">
        <v>0</v>
      </c>
      <c r="CN11" s="114">
        <v>0</v>
      </c>
      <c r="CO11" s="113">
        <v>0</v>
      </c>
      <c r="CP11" s="111">
        <v>0</v>
      </c>
      <c r="CQ11" s="114">
        <v>10865375</v>
      </c>
      <c r="CR11" s="114">
        <v>8311890</v>
      </c>
      <c r="CS11" s="114">
        <v>6565173</v>
      </c>
      <c r="CT11" s="114">
        <v>5039560</v>
      </c>
      <c r="CU11" s="114">
        <v>2264623</v>
      </c>
      <c r="CV11" s="113">
        <v>33046621</v>
      </c>
      <c r="CW11" s="116">
        <v>33046621</v>
      </c>
      <c r="CX11" s="110">
        <v>148995</v>
      </c>
      <c r="CY11" s="114">
        <v>390793</v>
      </c>
      <c r="CZ11" s="113">
        <v>539788</v>
      </c>
      <c r="DA11" s="110">
        <v>0</v>
      </c>
      <c r="DB11" s="114">
        <v>2429854</v>
      </c>
      <c r="DC11" s="114">
        <v>3516052</v>
      </c>
      <c r="DD11" s="114">
        <v>2895736</v>
      </c>
      <c r="DE11" s="114">
        <v>1405112</v>
      </c>
      <c r="DF11" s="114">
        <v>892387</v>
      </c>
      <c r="DG11" s="113">
        <v>11139141</v>
      </c>
      <c r="DH11" s="116">
        <v>11678929</v>
      </c>
      <c r="DI11" s="110">
        <v>74843</v>
      </c>
      <c r="DJ11" s="114">
        <v>119311</v>
      </c>
      <c r="DK11" s="112">
        <v>194154</v>
      </c>
      <c r="DL11" s="111">
        <v>0</v>
      </c>
      <c r="DM11" s="114">
        <v>1139923</v>
      </c>
      <c r="DN11" s="114">
        <v>1672656</v>
      </c>
      <c r="DO11" s="114">
        <v>2503537</v>
      </c>
      <c r="DP11" s="114">
        <v>2001406</v>
      </c>
      <c r="DQ11" s="114">
        <v>1131109</v>
      </c>
      <c r="DR11" s="113">
        <v>8448631</v>
      </c>
      <c r="DS11" s="116">
        <v>8642785</v>
      </c>
      <c r="DT11" s="110">
        <v>74843</v>
      </c>
      <c r="DU11" s="114">
        <v>57393</v>
      </c>
      <c r="DV11" s="113">
        <v>132236</v>
      </c>
      <c r="DW11" s="110">
        <v>0</v>
      </c>
      <c r="DX11" s="114">
        <v>912646</v>
      </c>
      <c r="DY11" s="114">
        <v>1472933</v>
      </c>
      <c r="DZ11" s="114">
        <v>1876662</v>
      </c>
      <c r="EA11" s="114">
        <v>1254588</v>
      </c>
      <c r="EB11" s="114">
        <v>1052391</v>
      </c>
      <c r="EC11" s="113">
        <v>6569220</v>
      </c>
      <c r="ED11" s="116">
        <v>6701456</v>
      </c>
      <c r="EE11" s="110">
        <v>0</v>
      </c>
      <c r="EF11" s="112">
        <v>61918</v>
      </c>
      <c r="EG11" s="113">
        <v>61918</v>
      </c>
      <c r="EH11" s="110">
        <v>0</v>
      </c>
      <c r="EI11" s="114">
        <v>227277</v>
      </c>
      <c r="EJ11" s="114">
        <v>199723</v>
      </c>
      <c r="EK11" s="114">
        <v>626875</v>
      </c>
      <c r="EL11" s="114">
        <v>746818</v>
      </c>
      <c r="EM11" s="114">
        <v>78718</v>
      </c>
      <c r="EN11" s="112">
        <v>1879411</v>
      </c>
      <c r="EO11" s="116">
        <v>1941329</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859768</v>
      </c>
      <c r="FM11" s="114">
        <v>853624</v>
      </c>
      <c r="FN11" s="113">
        <v>1713392</v>
      </c>
      <c r="FO11" s="110">
        <v>0</v>
      </c>
      <c r="FP11" s="114">
        <v>2344396</v>
      </c>
      <c r="FQ11" s="114">
        <v>3860512</v>
      </c>
      <c r="FR11" s="114">
        <v>3395592</v>
      </c>
      <c r="FS11" s="114">
        <v>3529944</v>
      </c>
      <c r="FT11" s="114">
        <v>2572696</v>
      </c>
      <c r="FU11" s="113">
        <v>15703140</v>
      </c>
      <c r="FV11" s="116">
        <v>17416532</v>
      </c>
      <c r="FW11" s="115">
        <v>392672</v>
      </c>
      <c r="FX11" s="114">
        <v>506848</v>
      </c>
      <c r="FY11" s="112">
        <v>899520</v>
      </c>
      <c r="FZ11" s="111">
        <v>0</v>
      </c>
      <c r="GA11" s="114">
        <v>1686712</v>
      </c>
      <c r="GB11" s="114">
        <v>3650512</v>
      </c>
      <c r="GC11" s="114">
        <v>3098056</v>
      </c>
      <c r="GD11" s="114">
        <v>3264760</v>
      </c>
      <c r="GE11" s="114">
        <v>2464416</v>
      </c>
      <c r="GF11" s="113">
        <v>14164456</v>
      </c>
      <c r="GG11" s="318">
        <v>15063976</v>
      </c>
      <c r="GH11" s="115">
        <v>50000</v>
      </c>
      <c r="GI11" s="114">
        <v>55176</v>
      </c>
      <c r="GJ11" s="112">
        <v>105176</v>
      </c>
      <c r="GK11" s="111">
        <v>0</v>
      </c>
      <c r="GL11" s="114">
        <v>144024</v>
      </c>
      <c r="GM11" s="114">
        <v>55920</v>
      </c>
      <c r="GN11" s="114">
        <v>85136</v>
      </c>
      <c r="GO11" s="114">
        <v>105184</v>
      </c>
      <c r="GP11" s="114">
        <v>58200</v>
      </c>
      <c r="GQ11" s="113">
        <v>448464</v>
      </c>
      <c r="GR11" s="116">
        <v>553640</v>
      </c>
      <c r="GS11" s="110">
        <v>417096</v>
      </c>
      <c r="GT11" s="114">
        <v>291600</v>
      </c>
      <c r="GU11" s="113">
        <v>708696</v>
      </c>
      <c r="GV11" s="110">
        <v>0</v>
      </c>
      <c r="GW11" s="114">
        <v>513660</v>
      </c>
      <c r="GX11" s="114">
        <v>154080</v>
      </c>
      <c r="GY11" s="114">
        <v>212400</v>
      </c>
      <c r="GZ11" s="114">
        <v>160000</v>
      </c>
      <c r="HA11" s="114">
        <v>50080</v>
      </c>
      <c r="HB11" s="112">
        <v>1090220</v>
      </c>
      <c r="HC11" s="116">
        <v>1798916</v>
      </c>
      <c r="HD11" s="110">
        <v>2017618</v>
      </c>
      <c r="HE11" s="114">
        <v>1913920</v>
      </c>
      <c r="HF11" s="112">
        <v>3931538</v>
      </c>
      <c r="HG11" s="111">
        <v>0</v>
      </c>
      <c r="HH11" s="114">
        <v>12098036</v>
      </c>
      <c r="HI11" s="114">
        <v>11133835</v>
      </c>
      <c r="HJ11" s="114">
        <v>12975743</v>
      </c>
      <c r="HK11" s="114">
        <v>11868581</v>
      </c>
      <c r="HL11" s="114">
        <v>8078094</v>
      </c>
      <c r="HM11" s="113">
        <v>56154289</v>
      </c>
      <c r="HN11" s="116">
        <v>60085827</v>
      </c>
      <c r="HO11" s="503"/>
      <c r="HP11" s="329"/>
      <c r="HQ11" s="330"/>
      <c r="HR11" s="331"/>
      <c r="HS11" s="329"/>
      <c r="HT11" s="329"/>
      <c r="HU11" s="329"/>
      <c r="HV11" s="329"/>
      <c r="HW11" s="329"/>
      <c r="HX11" s="329"/>
      <c r="HY11" s="510"/>
      <c r="HZ11" s="133">
        <v>44276</v>
      </c>
      <c r="IA11" s="132">
        <v>0</v>
      </c>
      <c r="IB11" s="133">
        <v>44276</v>
      </c>
      <c r="IC11" s="146">
        <v>0</v>
      </c>
      <c r="ID11" s="132">
        <v>11599036</v>
      </c>
      <c r="IE11" s="147">
        <v>14211919</v>
      </c>
      <c r="IF11" s="133">
        <v>16811218</v>
      </c>
      <c r="IG11" s="132">
        <v>16758632</v>
      </c>
      <c r="IH11" s="133">
        <v>9020377</v>
      </c>
      <c r="II11" s="148">
        <v>68401182</v>
      </c>
      <c r="IJ11" s="139">
        <v>68445458</v>
      </c>
      <c r="IK11" s="232">
        <v>0</v>
      </c>
      <c r="IL11" s="236">
        <v>0</v>
      </c>
      <c r="IM11" s="237">
        <v>0</v>
      </c>
      <c r="IN11" s="140"/>
      <c r="IO11" s="119">
        <v>389863</v>
      </c>
      <c r="IP11" s="119">
        <v>584934</v>
      </c>
      <c r="IQ11" s="119">
        <v>1147323</v>
      </c>
      <c r="IR11" s="119">
        <v>1645469</v>
      </c>
      <c r="IS11" s="119">
        <v>1124229</v>
      </c>
      <c r="IT11" s="141">
        <v>4891818</v>
      </c>
      <c r="IU11" s="320">
        <v>4891818</v>
      </c>
      <c r="IV11" s="142">
        <v>0</v>
      </c>
      <c r="IW11" s="119">
        <v>0</v>
      </c>
      <c r="IX11" s="120">
        <v>0</v>
      </c>
      <c r="IY11" s="144"/>
      <c r="IZ11" s="119">
        <v>61362</v>
      </c>
      <c r="JA11" s="119">
        <v>119140</v>
      </c>
      <c r="JB11" s="119">
        <v>206563</v>
      </c>
      <c r="JC11" s="119">
        <v>134594</v>
      </c>
      <c r="JD11" s="119">
        <v>118996</v>
      </c>
      <c r="JE11" s="120">
        <v>640655</v>
      </c>
      <c r="JF11" s="121">
        <v>640655</v>
      </c>
      <c r="JG11" s="142">
        <v>0</v>
      </c>
      <c r="JH11" s="119">
        <v>0</v>
      </c>
      <c r="JI11" s="141">
        <v>0</v>
      </c>
      <c r="JJ11" s="118">
        <v>0</v>
      </c>
      <c r="JK11" s="119">
        <v>4029915</v>
      </c>
      <c r="JL11" s="119">
        <v>2998525</v>
      </c>
      <c r="JM11" s="119">
        <v>2547009</v>
      </c>
      <c r="JN11" s="119">
        <v>2021784</v>
      </c>
      <c r="JO11" s="119">
        <v>862103</v>
      </c>
      <c r="JP11" s="120">
        <v>12459336</v>
      </c>
      <c r="JQ11" s="320">
        <v>12459336</v>
      </c>
      <c r="JR11" s="142">
        <v>0</v>
      </c>
      <c r="JS11" s="119">
        <v>0</v>
      </c>
      <c r="JT11" s="141">
        <v>0</v>
      </c>
      <c r="JU11" s="118">
        <v>0</v>
      </c>
      <c r="JV11" s="119">
        <v>1471840</v>
      </c>
      <c r="JW11" s="119">
        <v>1452315</v>
      </c>
      <c r="JX11" s="119">
        <v>1172927</v>
      </c>
      <c r="JY11" s="119">
        <v>558942</v>
      </c>
      <c r="JZ11" s="119">
        <v>1203583</v>
      </c>
      <c r="KA11" s="120">
        <v>5859607</v>
      </c>
      <c r="KB11" s="320">
        <v>5859607</v>
      </c>
      <c r="KC11" s="234">
        <v>44276</v>
      </c>
      <c r="KD11" s="230">
        <v>0</v>
      </c>
      <c r="KE11" s="120">
        <v>44276</v>
      </c>
      <c r="KF11" s="118">
        <v>0</v>
      </c>
      <c r="KG11" s="119">
        <v>604306</v>
      </c>
      <c r="KH11" s="119">
        <v>1739887</v>
      </c>
      <c r="KI11" s="119">
        <v>1188544</v>
      </c>
      <c r="KJ11" s="119">
        <v>2639503</v>
      </c>
      <c r="KK11" s="119">
        <v>360466</v>
      </c>
      <c r="KL11" s="120">
        <v>6532706</v>
      </c>
      <c r="KM11" s="143">
        <v>6576982</v>
      </c>
      <c r="KN11" s="232">
        <v>0</v>
      </c>
      <c r="KO11" s="236">
        <v>0</v>
      </c>
      <c r="KP11" s="237">
        <v>0</v>
      </c>
      <c r="KQ11" s="140"/>
      <c r="KR11" s="119">
        <v>4261101</v>
      </c>
      <c r="KS11" s="119">
        <v>6707588</v>
      </c>
      <c r="KT11" s="119">
        <v>7592307</v>
      </c>
      <c r="KU11" s="119">
        <v>6177543</v>
      </c>
      <c r="KV11" s="119">
        <v>2893397</v>
      </c>
      <c r="KW11" s="120">
        <v>27631936</v>
      </c>
      <c r="KX11" s="320">
        <v>27631936</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0</v>
      </c>
      <c r="LO11" s="119">
        <v>0</v>
      </c>
      <c r="LP11" s="119">
        <v>1763170</v>
      </c>
      <c r="LQ11" s="119">
        <v>1131550</v>
      </c>
      <c r="LR11" s="119">
        <v>348202</v>
      </c>
      <c r="LS11" s="120">
        <v>3242922</v>
      </c>
      <c r="LT11" s="320">
        <v>3242922</v>
      </c>
      <c r="LU11" s="142">
        <v>0</v>
      </c>
      <c r="LV11" s="119">
        <v>0</v>
      </c>
      <c r="LW11" s="120">
        <v>0</v>
      </c>
      <c r="LX11" s="145"/>
      <c r="LY11" s="119">
        <v>780649</v>
      </c>
      <c r="LZ11" s="119">
        <v>609530</v>
      </c>
      <c r="MA11" s="119">
        <v>1193375</v>
      </c>
      <c r="MB11" s="119">
        <v>2449247</v>
      </c>
      <c r="MC11" s="119">
        <v>2109401</v>
      </c>
      <c r="MD11" s="120">
        <v>7142202</v>
      </c>
      <c r="ME11" s="121">
        <v>7142202</v>
      </c>
      <c r="MF11" s="142">
        <v>0</v>
      </c>
      <c r="MG11" s="119">
        <v>0</v>
      </c>
      <c r="MH11" s="120">
        <v>0</v>
      </c>
      <c r="MI11" s="145"/>
      <c r="MJ11" s="119">
        <v>2869605</v>
      </c>
      <c r="MK11" s="119">
        <v>6985279</v>
      </c>
      <c r="ML11" s="119">
        <v>18327263</v>
      </c>
      <c r="MM11" s="119">
        <v>25409717</v>
      </c>
      <c r="MN11" s="119">
        <v>22147414</v>
      </c>
      <c r="MO11" s="120">
        <v>75739278</v>
      </c>
      <c r="MP11" s="143">
        <v>75739278</v>
      </c>
      <c r="MQ11" s="142">
        <v>0</v>
      </c>
      <c r="MR11" s="119">
        <v>0</v>
      </c>
      <c r="MS11" s="120">
        <v>0</v>
      </c>
      <c r="MT11" s="145"/>
      <c r="MU11" s="119">
        <v>199254</v>
      </c>
      <c r="MV11" s="119">
        <v>1308306</v>
      </c>
      <c r="MW11" s="119">
        <v>10588374</v>
      </c>
      <c r="MX11" s="119">
        <v>13783310</v>
      </c>
      <c r="MY11" s="119">
        <v>11659787</v>
      </c>
      <c r="MZ11" s="120">
        <v>37539031</v>
      </c>
      <c r="NA11" s="143">
        <v>37539031</v>
      </c>
      <c r="NB11" s="142">
        <v>0</v>
      </c>
      <c r="NC11" s="119">
        <v>0</v>
      </c>
      <c r="ND11" s="120">
        <v>0</v>
      </c>
      <c r="NE11" s="145"/>
      <c r="NF11" s="119">
        <v>2670351</v>
      </c>
      <c r="NG11" s="119">
        <v>5676973</v>
      </c>
      <c r="NH11" s="119">
        <v>7423001</v>
      </c>
      <c r="NI11" s="119">
        <v>8611972</v>
      </c>
      <c r="NJ11" s="119">
        <v>6531863</v>
      </c>
      <c r="NK11" s="120">
        <v>30914160</v>
      </c>
      <c r="NL11" s="320">
        <v>30914160</v>
      </c>
      <c r="NM11" s="142">
        <v>0</v>
      </c>
      <c r="NN11" s="119">
        <v>0</v>
      </c>
      <c r="NO11" s="120">
        <v>0</v>
      </c>
      <c r="NP11" s="145"/>
      <c r="NQ11" s="119">
        <v>0</v>
      </c>
      <c r="NR11" s="119">
        <v>0</v>
      </c>
      <c r="NS11" s="119">
        <v>315888</v>
      </c>
      <c r="NT11" s="119">
        <v>1989733</v>
      </c>
      <c r="NU11" s="119">
        <v>1975145</v>
      </c>
      <c r="NV11" s="120">
        <v>4280766</v>
      </c>
      <c r="NW11" s="121">
        <v>4280766</v>
      </c>
      <c r="NX11" s="142">
        <v>0</v>
      </c>
      <c r="NY11" s="119">
        <v>0</v>
      </c>
      <c r="NZ11" s="120">
        <v>0</v>
      </c>
      <c r="OA11" s="145"/>
      <c r="OB11" s="119">
        <v>0</v>
      </c>
      <c r="OC11" s="119">
        <v>0</v>
      </c>
      <c r="OD11" s="119">
        <v>0</v>
      </c>
      <c r="OE11" s="119">
        <v>1024702</v>
      </c>
      <c r="OF11" s="119">
        <v>1980619</v>
      </c>
      <c r="OG11" s="120">
        <v>3005321</v>
      </c>
      <c r="OH11" s="121">
        <v>3005321</v>
      </c>
      <c r="OI11" s="142">
        <v>4197744</v>
      </c>
      <c r="OJ11" s="119">
        <v>4904555</v>
      </c>
      <c r="OK11" s="141">
        <v>9102299</v>
      </c>
      <c r="OL11" s="118">
        <v>0</v>
      </c>
      <c r="OM11" s="119">
        <v>56557433</v>
      </c>
      <c r="ON11" s="119">
        <v>64825368</v>
      </c>
      <c r="OO11" s="119">
        <v>77162363</v>
      </c>
      <c r="OP11" s="119">
        <v>81850173</v>
      </c>
      <c r="OQ11" s="119">
        <v>62076665</v>
      </c>
      <c r="OR11" s="120">
        <v>342472002</v>
      </c>
      <c r="OS11" s="143">
        <v>351574301</v>
      </c>
    </row>
    <row r="12" spans="1:409" ht="21" customHeight="1" x14ac:dyDescent="0.2">
      <c r="B12" s="126" t="s">
        <v>14</v>
      </c>
      <c r="C12" s="110">
        <v>1643032</v>
      </c>
      <c r="D12" s="114">
        <v>3363826</v>
      </c>
      <c r="E12" s="113">
        <v>5006858</v>
      </c>
      <c r="F12" s="109">
        <v>0</v>
      </c>
      <c r="G12" s="114">
        <v>19868960</v>
      </c>
      <c r="H12" s="114">
        <v>26791254</v>
      </c>
      <c r="I12" s="114">
        <v>27526005</v>
      </c>
      <c r="J12" s="114">
        <v>18838393</v>
      </c>
      <c r="K12" s="114">
        <v>11779964</v>
      </c>
      <c r="L12" s="112">
        <v>104804576</v>
      </c>
      <c r="M12" s="116">
        <v>109811434</v>
      </c>
      <c r="N12" s="110">
        <v>270058</v>
      </c>
      <c r="O12" s="114">
        <v>903449</v>
      </c>
      <c r="P12" s="113">
        <v>1173507</v>
      </c>
      <c r="Q12" s="110">
        <v>0</v>
      </c>
      <c r="R12" s="114">
        <v>6142271</v>
      </c>
      <c r="S12" s="114">
        <v>9962048</v>
      </c>
      <c r="T12" s="114">
        <v>9245343</v>
      </c>
      <c r="U12" s="114">
        <v>6356049</v>
      </c>
      <c r="V12" s="114">
        <v>5970110</v>
      </c>
      <c r="W12" s="113">
        <v>37675821</v>
      </c>
      <c r="X12" s="116">
        <v>38849328</v>
      </c>
      <c r="Y12" s="110">
        <v>0</v>
      </c>
      <c r="Z12" s="114">
        <v>0</v>
      </c>
      <c r="AA12" s="113">
        <v>0</v>
      </c>
      <c r="AB12" s="110">
        <v>0</v>
      </c>
      <c r="AC12" s="114">
        <v>2934653</v>
      </c>
      <c r="AD12" s="114">
        <v>5285065</v>
      </c>
      <c r="AE12" s="114">
        <v>4431983</v>
      </c>
      <c r="AF12" s="114">
        <v>3244945</v>
      </c>
      <c r="AG12" s="114">
        <v>3373648</v>
      </c>
      <c r="AH12" s="113">
        <v>19270294</v>
      </c>
      <c r="AI12" s="116">
        <v>19270294</v>
      </c>
      <c r="AJ12" s="110">
        <v>0</v>
      </c>
      <c r="AK12" s="114">
        <v>8004</v>
      </c>
      <c r="AL12" s="113">
        <v>8004</v>
      </c>
      <c r="AM12" s="110">
        <v>0</v>
      </c>
      <c r="AN12" s="114">
        <v>0</v>
      </c>
      <c r="AO12" s="114">
        <v>0</v>
      </c>
      <c r="AP12" s="114">
        <v>62549</v>
      </c>
      <c r="AQ12" s="114">
        <v>277357</v>
      </c>
      <c r="AR12" s="114">
        <v>579359</v>
      </c>
      <c r="AS12" s="113">
        <v>919265</v>
      </c>
      <c r="AT12" s="116">
        <v>927269</v>
      </c>
      <c r="AU12" s="110">
        <v>52090</v>
      </c>
      <c r="AV12" s="114">
        <v>506364</v>
      </c>
      <c r="AW12" s="113">
        <v>558454</v>
      </c>
      <c r="AX12" s="110">
        <v>0</v>
      </c>
      <c r="AY12" s="114">
        <v>1895027</v>
      </c>
      <c r="AZ12" s="114">
        <v>3296432</v>
      </c>
      <c r="BA12" s="114">
        <v>3053980</v>
      </c>
      <c r="BB12" s="114">
        <v>1569970</v>
      </c>
      <c r="BC12" s="114">
        <v>1302025</v>
      </c>
      <c r="BD12" s="113">
        <v>11117434</v>
      </c>
      <c r="BE12" s="116">
        <v>11675888</v>
      </c>
      <c r="BF12" s="110">
        <v>0</v>
      </c>
      <c r="BG12" s="114">
        <v>101241</v>
      </c>
      <c r="BH12" s="112">
        <v>101241</v>
      </c>
      <c r="BI12" s="111">
        <v>0</v>
      </c>
      <c r="BJ12" s="114">
        <v>49351</v>
      </c>
      <c r="BK12" s="114">
        <v>58535</v>
      </c>
      <c r="BL12" s="114">
        <v>16015</v>
      </c>
      <c r="BM12" s="114">
        <v>162849</v>
      </c>
      <c r="BN12" s="114">
        <v>60318</v>
      </c>
      <c r="BO12" s="113">
        <v>347068</v>
      </c>
      <c r="BP12" s="116">
        <v>448309</v>
      </c>
      <c r="BQ12" s="110">
        <v>217968</v>
      </c>
      <c r="BR12" s="114">
        <v>287840</v>
      </c>
      <c r="BS12" s="113">
        <v>505808</v>
      </c>
      <c r="BT12" s="110">
        <v>0</v>
      </c>
      <c r="BU12" s="114">
        <v>1263240</v>
      </c>
      <c r="BV12" s="114">
        <v>1322016</v>
      </c>
      <c r="BW12" s="114">
        <v>1680816</v>
      </c>
      <c r="BX12" s="114">
        <v>1100928</v>
      </c>
      <c r="BY12" s="114">
        <v>654760</v>
      </c>
      <c r="BZ12" s="113">
        <v>6021760</v>
      </c>
      <c r="CA12" s="116">
        <v>6527568</v>
      </c>
      <c r="CB12" s="110">
        <v>164685</v>
      </c>
      <c r="CC12" s="114">
        <v>358056</v>
      </c>
      <c r="CD12" s="113">
        <v>522741</v>
      </c>
      <c r="CE12" s="110">
        <v>0</v>
      </c>
      <c r="CF12" s="114">
        <v>6833601</v>
      </c>
      <c r="CG12" s="114">
        <v>9186700</v>
      </c>
      <c r="CH12" s="114">
        <v>8213346</v>
      </c>
      <c r="CI12" s="114">
        <v>4821969</v>
      </c>
      <c r="CJ12" s="114">
        <v>1221419</v>
      </c>
      <c r="CK12" s="113">
        <v>30277035</v>
      </c>
      <c r="CL12" s="116">
        <v>30799776</v>
      </c>
      <c r="CM12" s="110">
        <v>0</v>
      </c>
      <c r="CN12" s="114">
        <v>0</v>
      </c>
      <c r="CO12" s="113">
        <v>0</v>
      </c>
      <c r="CP12" s="111">
        <v>0</v>
      </c>
      <c r="CQ12" s="114">
        <v>6100058</v>
      </c>
      <c r="CR12" s="114">
        <v>7389180</v>
      </c>
      <c r="CS12" s="114">
        <v>7160666</v>
      </c>
      <c r="CT12" s="114">
        <v>3503035</v>
      </c>
      <c r="CU12" s="114">
        <v>1140975</v>
      </c>
      <c r="CV12" s="113">
        <v>25293914</v>
      </c>
      <c r="CW12" s="116">
        <v>25293914</v>
      </c>
      <c r="CX12" s="110">
        <v>164685</v>
      </c>
      <c r="CY12" s="114">
        <v>358056</v>
      </c>
      <c r="CZ12" s="113">
        <v>522741</v>
      </c>
      <c r="DA12" s="110">
        <v>0</v>
      </c>
      <c r="DB12" s="114">
        <v>733543</v>
      </c>
      <c r="DC12" s="114">
        <v>1797520</v>
      </c>
      <c r="DD12" s="114">
        <v>1052680</v>
      </c>
      <c r="DE12" s="114">
        <v>1318934</v>
      </c>
      <c r="DF12" s="114">
        <v>80444</v>
      </c>
      <c r="DG12" s="113">
        <v>4983121</v>
      </c>
      <c r="DH12" s="116">
        <v>5505862</v>
      </c>
      <c r="DI12" s="110">
        <v>14001</v>
      </c>
      <c r="DJ12" s="114">
        <v>63448</v>
      </c>
      <c r="DK12" s="112">
        <v>77449</v>
      </c>
      <c r="DL12" s="111">
        <v>0</v>
      </c>
      <c r="DM12" s="114">
        <v>327555</v>
      </c>
      <c r="DN12" s="114">
        <v>1139172</v>
      </c>
      <c r="DO12" s="114">
        <v>2098080</v>
      </c>
      <c r="DP12" s="114">
        <v>1577694</v>
      </c>
      <c r="DQ12" s="114">
        <v>376669</v>
      </c>
      <c r="DR12" s="113">
        <v>5519170</v>
      </c>
      <c r="DS12" s="116">
        <v>5596619</v>
      </c>
      <c r="DT12" s="110">
        <v>14001</v>
      </c>
      <c r="DU12" s="114">
        <v>63448</v>
      </c>
      <c r="DV12" s="113">
        <v>77449</v>
      </c>
      <c r="DW12" s="110">
        <v>0</v>
      </c>
      <c r="DX12" s="114">
        <v>327555</v>
      </c>
      <c r="DY12" s="114">
        <v>947607</v>
      </c>
      <c r="DZ12" s="114">
        <v>2043228</v>
      </c>
      <c r="EA12" s="114">
        <v>1577694</v>
      </c>
      <c r="EB12" s="114">
        <v>376669</v>
      </c>
      <c r="EC12" s="113">
        <v>5272753</v>
      </c>
      <c r="ED12" s="116">
        <v>5350202</v>
      </c>
      <c r="EE12" s="110">
        <v>0</v>
      </c>
      <c r="EF12" s="112">
        <v>0</v>
      </c>
      <c r="EG12" s="113">
        <v>0</v>
      </c>
      <c r="EH12" s="110">
        <v>0</v>
      </c>
      <c r="EI12" s="114">
        <v>0</v>
      </c>
      <c r="EJ12" s="114">
        <v>191565</v>
      </c>
      <c r="EK12" s="114">
        <v>54852</v>
      </c>
      <c r="EL12" s="114">
        <v>0</v>
      </c>
      <c r="EM12" s="114">
        <v>0</v>
      </c>
      <c r="EN12" s="112">
        <v>246417</v>
      </c>
      <c r="EO12" s="116">
        <v>246417</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416784</v>
      </c>
      <c r="FM12" s="114">
        <v>984800</v>
      </c>
      <c r="FN12" s="113">
        <v>1401584</v>
      </c>
      <c r="FO12" s="110">
        <v>0</v>
      </c>
      <c r="FP12" s="114">
        <v>1093960</v>
      </c>
      <c r="FQ12" s="114">
        <v>3136916</v>
      </c>
      <c r="FR12" s="114">
        <v>2011940</v>
      </c>
      <c r="FS12" s="114">
        <v>1940072</v>
      </c>
      <c r="FT12" s="114">
        <v>1033696</v>
      </c>
      <c r="FU12" s="113">
        <v>9216584</v>
      </c>
      <c r="FV12" s="116">
        <v>10618168</v>
      </c>
      <c r="FW12" s="115">
        <v>171424</v>
      </c>
      <c r="FX12" s="114">
        <v>714056</v>
      </c>
      <c r="FY12" s="112">
        <v>885480</v>
      </c>
      <c r="FZ12" s="111">
        <v>0</v>
      </c>
      <c r="GA12" s="114">
        <v>801816</v>
      </c>
      <c r="GB12" s="114">
        <v>2797800</v>
      </c>
      <c r="GC12" s="114">
        <v>1905040</v>
      </c>
      <c r="GD12" s="114">
        <v>1763976</v>
      </c>
      <c r="GE12" s="114">
        <v>996016</v>
      </c>
      <c r="GF12" s="113">
        <v>8264648</v>
      </c>
      <c r="GG12" s="318">
        <v>9150128</v>
      </c>
      <c r="GH12" s="115">
        <v>11440</v>
      </c>
      <c r="GI12" s="114">
        <v>89144</v>
      </c>
      <c r="GJ12" s="112">
        <v>100584</v>
      </c>
      <c r="GK12" s="111">
        <v>0</v>
      </c>
      <c r="GL12" s="114">
        <v>75424</v>
      </c>
      <c r="GM12" s="114">
        <v>19008</v>
      </c>
      <c r="GN12" s="114">
        <v>64500</v>
      </c>
      <c r="GO12" s="114">
        <v>124896</v>
      </c>
      <c r="GP12" s="114">
        <v>37680</v>
      </c>
      <c r="GQ12" s="113">
        <v>321508</v>
      </c>
      <c r="GR12" s="116">
        <v>422092</v>
      </c>
      <c r="GS12" s="110">
        <v>233920</v>
      </c>
      <c r="GT12" s="114">
        <v>181600</v>
      </c>
      <c r="GU12" s="113">
        <v>415520</v>
      </c>
      <c r="GV12" s="110">
        <v>0</v>
      </c>
      <c r="GW12" s="114">
        <v>216720</v>
      </c>
      <c r="GX12" s="114">
        <v>320108</v>
      </c>
      <c r="GY12" s="114">
        <v>42400</v>
      </c>
      <c r="GZ12" s="114">
        <v>51200</v>
      </c>
      <c r="HA12" s="114">
        <v>0</v>
      </c>
      <c r="HB12" s="112">
        <v>630428</v>
      </c>
      <c r="HC12" s="116">
        <v>1045948</v>
      </c>
      <c r="HD12" s="110">
        <v>777504</v>
      </c>
      <c r="HE12" s="114">
        <v>1054073</v>
      </c>
      <c r="HF12" s="112">
        <v>1831577</v>
      </c>
      <c r="HG12" s="111">
        <v>0</v>
      </c>
      <c r="HH12" s="114">
        <v>5471573</v>
      </c>
      <c r="HI12" s="114">
        <v>3366418</v>
      </c>
      <c r="HJ12" s="114">
        <v>5957296</v>
      </c>
      <c r="HK12" s="114">
        <v>4142609</v>
      </c>
      <c r="HL12" s="114">
        <v>3178070</v>
      </c>
      <c r="HM12" s="113">
        <v>22115966</v>
      </c>
      <c r="HN12" s="116">
        <v>23947543</v>
      </c>
      <c r="HO12" s="503"/>
      <c r="HP12" s="329"/>
      <c r="HQ12" s="330"/>
      <c r="HR12" s="331"/>
      <c r="HS12" s="329"/>
      <c r="HT12" s="329"/>
      <c r="HU12" s="329"/>
      <c r="HV12" s="329"/>
      <c r="HW12" s="329"/>
      <c r="HX12" s="329"/>
      <c r="HY12" s="510"/>
      <c r="HZ12" s="133">
        <v>39527</v>
      </c>
      <c r="IA12" s="132">
        <v>77050</v>
      </c>
      <c r="IB12" s="133">
        <v>116577</v>
      </c>
      <c r="IC12" s="134">
        <v>0</v>
      </c>
      <c r="ID12" s="135">
        <v>5953444</v>
      </c>
      <c r="IE12" s="136">
        <v>7523136</v>
      </c>
      <c r="IF12" s="137">
        <v>8290844</v>
      </c>
      <c r="IG12" s="135">
        <v>7601095</v>
      </c>
      <c r="IH12" s="137">
        <v>4528932</v>
      </c>
      <c r="II12" s="138">
        <v>33897451</v>
      </c>
      <c r="IJ12" s="139">
        <v>34014028</v>
      </c>
      <c r="IK12" s="232">
        <v>0</v>
      </c>
      <c r="IL12" s="236">
        <v>0</v>
      </c>
      <c r="IM12" s="237">
        <v>0</v>
      </c>
      <c r="IN12" s="140"/>
      <c r="IO12" s="119">
        <v>130338</v>
      </c>
      <c r="IP12" s="119">
        <v>207364</v>
      </c>
      <c r="IQ12" s="119">
        <v>0</v>
      </c>
      <c r="IR12" s="119">
        <v>602919</v>
      </c>
      <c r="IS12" s="119">
        <v>31565</v>
      </c>
      <c r="IT12" s="141">
        <v>972186</v>
      </c>
      <c r="IU12" s="320">
        <v>972186</v>
      </c>
      <c r="IV12" s="142">
        <v>0</v>
      </c>
      <c r="IW12" s="119">
        <v>0</v>
      </c>
      <c r="IX12" s="120">
        <v>0</v>
      </c>
      <c r="IY12" s="144"/>
      <c r="IZ12" s="119">
        <v>0</v>
      </c>
      <c r="JA12" s="119">
        <v>0</v>
      </c>
      <c r="JB12" s="119">
        <v>0</v>
      </c>
      <c r="JC12" s="119">
        <v>0</v>
      </c>
      <c r="JD12" s="119">
        <v>0</v>
      </c>
      <c r="JE12" s="120">
        <v>0</v>
      </c>
      <c r="JF12" s="121">
        <v>0</v>
      </c>
      <c r="JG12" s="142">
        <v>0</v>
      </c>
      <c r="JH12" s="119">
        <v>0</v>
      </c>
      <c r="JI12" s="141">
        <v>0</v>
      </c>
      <c r="JJ12" s="118">
        <v>0</v>
      </c>
      <c r="JK12" s="119">
        <v>2884338</v>
      </c>
      <c r="JL12" s="119">
        <v>3419636</v>
      </c>
      <c r="JM12" s="119">
        <v>3107469</v>
      </c>
      <c r="JN12" s="119">
        <v>1007255</v>
      </c>
      <c r="JO12" s="119">
        <v>1043992</v>
      </c>
      <c r="JP12" s="120">
        <v>11462690</v>
      </c>
      <c r="JQ12" s="320">
        <v>11462690</v>
      </c>
      <c r="JR12" s="142">
        <v>0</v>
      </c>
      <c r="JS12" s="119">
        <v>0</v>
      </c>
      <c r="JT12" s="141">
        <v>0</v>
      </c>
      <c r="JU12" s="118">
        <v>0</v>
      </c>
      <c r="JV12" s="119">
        <v>44558</v>
      </c>
      <c r="JW12" s="119">
        <v>257676</v>
      </c>
      <c r="JX12" s="119">
        <v>62458</v>
      </c>
      <c r="JY12" s="119">
        <v>109456</v>
      </c>
      <c r="JZ12" s="119">
        <v>0</v>
      </c>
      <c r="KA12" s="120">
        <v>474148</v>
      </c>
      <c r="KB12" s="320">
        <v>474148</v>
      </c>
      <c r="KC12" s="234">
        <v>39527</v>
      </c>
      <c r="KD12" s="230">
        <v>77050</v>
      </c>
      <c r="KE12" s="120">
        <v>116577</v>
      </c>
      <c r="KF12" s="118">
        <v>0</v>
      </c>
      <c r="KG12" s="119">
        <v>1058104</v>
      </c>
      <c r="KH12" s="119">
        <v>821124</v>
      </c>
      <c r="KI12" s="119">
        <v>997746</v>
      </c>
      <c r="KJ12" s="119">
        <v>1345698</v>
      </c>
      <c r="KK12" s="119">
        <v>828877</v>
      </c>
      <c r="KL12" s="120">
        <v>5051549</v>
      </c>
      <c r="KM12" s="143">
        <v>5168126</v>
      </c>
      <c r="KN12" s="232">
        <v>0</v>
      </c>
      <c r="KO12" s="236">
        <v>0</v>
      </c>
      <c r="KP12" s="237">
        <v>0</v>
      </c>
      <c r="KQ12" s="140"/>
      <c r="KR12" s="119">
        <v>1686134</v>
      </c>
      <c r="KS12" s="119">
        <v>2626719</v>
      </c>
      <c r="KT12" s="119">
        <v>3619188</v>
      </c>
      <c r="KU12" s="119">
        <v>4179841</v>
      </c>
      <c r="KV12" s="119">
        <v>2245941</v>
      </c>
      <c r="KW12" s="120">
        <v>14357823</v>
      </c>
      <c r="KX12" s="320">
        <v>14357823</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0</v>
      </c>
      <c r="LP12" s="119">
        <v>228734</v>
      </c>
      <c r="LQ12" s="119">
        <v>284326</v>
      </c>
      <c r="LR12" s="119">
        <v>0</v>
      </c>
      <c r="LS12" s="120">
        <v>513060</v>
      </c>
      <c r="LT12" s="320">
        <v>513060</v>
      </c>
      <c r="LU12" s="142">
        <v>0</v>
      </c>
      <c r="LV12" s="119">
        <v>0</v>
      </c>
      <c r="LW12" s="120">
        <v>0</v>
      </c>
      <c r="LX12" s="145"/>
      <c r="LY12" s="119">
        <v>149972</v>
      </c>
      <c r="LZ12" s="119">
        <v>190617</v>
      </c>
      <c r="MA12" s="119">
        <v>275249</v>
      </c>
      <c r="MB12" s="119">
        <v>71600</v>
      </c>
      <c r="MC12" s="119">
        <v>378557</v>
      </c>
      <c r="MD12" s="120">
        <v>1065995</v>
      </c>
      <c r="ME12" s="121">
        <v>1065995</v>
      </c>
      <c r="MF12" s="142">
        <v>0</v>
      </c>
      <c r="MG12" s="119">
        <v>0</v>
      </c>
      <c r="MH12" s="120">
        <v>0</v>
      </c>
      <c r="MI12" s="145"/>
      <c r="MJ12" s="119">
        <v>453674</v>
      </c>
      <c r="MK12" s="119">
        <v>2032837</v>
      </c>
      <c r="ML12" s="119">
        <v>10599478</v>
      </c>
      <c r="MM12" s="119">
        <v>22076248</v>
      </c>
      <c r="MN12" s="119">
        <v>10585966</v>
      </c>
      <c r="MO12" s="120">
        <v>45748203</v>
      </c>
      <c r="MP12" s="143">
        <v>45748203</v>
      </c>
      <c r="MQ12" s="142">
        <v>0</v>
      </c>
      <c r="MR12" s="119">
        <v>0</v>
      </c>
      <c r="MS12" s="120">
        <v>0</v>
      </c>
      <c r="MT12" s="145"/>
      <c r="MU12" s="119">
        <v>224063</v>
      </c>
      <c r="MV12" s="119">
        <v>0</v>
      </c>
      <c r="MW12" s="119">
        <v>6815076</v>
      </c>
      <c r="MX12" s="119">
        <v>15755316</v>
      </c>
      <c r="MY12" s="119">
        <v>7828978</v>
      </c>
      <c r="MZ12" s="120">
        <v>30623433</v>
      </c>
      <c r="NA12" s="143">
        <v>30623433</v>
      </c>
      <c r="NB12" s="142">
        <v>0</v>
      </c>
      <c r="NC12" s="119">
        <v>0</v>
      </c>
      <c r="ND12" s="120">
        <v>0</v>
      </c>
      <c r="NE12" s="145"/>
      <c r="NF12" s="119">
        <v>229611</v>
      </c>
      <c r="NG12" s="119">
        <v>2032837</v>
      </c>
      <c r="NH12" s="119">
        <v>3784402</v>
      </c>
      <c r="NI12" s="119">
        <v>5001790</v>
      </c>
      <c r="NJ12" s="119">
        <v>1610662</v>
      </c>
      <c r="NK12" s="120">
        <v>12659302</v>
      </c>
      <c r="NL12" s="320">
        <v>12659302</v>
      </c>
      <c r="NM12" s="142">
        <v>0</v>
      </c>
      <c r="NN12" s="119">
        <v>0</v>
      </c>
      <c r="NO12" s="120">
        <v>0</v>
      </c>
      <c r="NP12" s="145"/>
      <c r="NQ12" s="119">
        <v>0</v>
      </c>
      <c r="NR12" s="119">
        <v>0</v>
      </c>
      <c r="NS12" s="119">
        <v>0</v>
      </c>
      <c r="NT12" s="119">
        <v>289984</v>
      </c>
      <c r="NU12" s="119">
        <v>311156</v>
      </c>
      <c r="NV12" s="120">
        <v>601140</v>
      </c>
      <c r="NW12" s="121">
        <v>601140</v>
      </c>
      <c r="NX12" s="142">
        <v>0</v>
      </c>
      <c r="NY12" s="119">
        <v>0</v>
      </c>
      <c r="NZ12" s="120">
        <v>0</v>
      </c>
      <c r="OA12" s="145"/>
      <c r="OB12" s="119">
        <v>0</v>
      </c>
      <c r="OC12" s="119">
        <v>0</v>
      </c>
      <c r="OD12" s="119">
        <v>0</v>
      </c>
      <c r="OE12" s="119">
        <v>1029158</v>
      </c>
      <c r="OF12" s="119">
        <v>835170</v>
      </c>
      <c r="OG12" s="120">
        <v>1864328</v>
      </c>
      <c r="OH12" s="121">
        <v>1864328</v>
      </c>
      <c r="OI12" s="142">
        <v>1682559</v>
      </c>
      <c r="OJ12" s="119">
        <v>3440876</v>
      </c>
      <c r="OK12" s="141">
        <v>5123435</v>
      </c>
      <c r="OL12" s="118">
        <v>0</v>
      </c>
      <c r="OM12" s="119">
        <v>26276078</v>
      </c>
      <c r="ON12" s="119">
        <v>36347227</v>
      </c>
      <c r="OO12" s="119">
        <v>46416327</v>
      </c>
      <c r="OP12" s="119">
        <v>48515736</v>
      </c>
      <c r="OQ12" s="119">
        <v>26894862</v>
      </c>
      <c r="OR12" s="120">
        <v>184450230</v>
      </c>
      <c r="OS12" s="143">
        <v>189573665</v>
      </c>
    </row>
    <row r="13" spans="1:409" ht="21" customHeight="1" x14ac:dyDescent="0.2">
      <c r="B13" s="126" t="s">
        <v>7</v>
      </c>
      <c r="C13" s="110">
        <v>995974</v>
      </c>
      <c r="D13" s="114">
        <v>968809</v>
      </c>
      <c r="E13" s="113">
        <v>1964783</v>
      </c>
      <c r="F13" s="109">
        <v>0</v>
      </c>
      <c r="G13" s="114">
        <v>26748985</v>
      </c>
      <c r="H13" s="114">
        <v>23696370</v>
      </c>
      <c r="I13" s="114">
        <v>21132254</v>
      </c>
      <c r="J13" s="114">
        <v>20398833</v>
      </c>
      <c r="K13" s="114">
        <v>11624842</v>
      </c>
      <c r="L13" s="109">
        <v>103601284</v>
      </c>
      <c r="M13" s="116">
        <v>105566067</v>
      </c>
      <c r="N13" s="110">
        <v>211581</v>
      </c>
      <c r="O13" s="114">
        <v>215402</v>
      </c>
      <c r="P13" s="113">
        <v>426983</v>
      </c>
      <c r="Q13" s="110">
        <v>0</v>
      </c>
      <c r="R13" s="114">
        <v>7624311</v>
      </c>
      <c r="S13" s="114">
        <v>7255212</v>
      </c>
      <c r="T13" s="114">
        <v>7341629</v>
      </c>
      <c r="U13" s="114">
        <v>8237032</v>
      </c>
      <c r="V13" s="114">
        <v>6162610</v>
      </c>
      <c r="W13" s="113">
        <v>36620794</v>
      </c>
      <c r="X13" s="116">
        <v>37047777</v>
      </c>
      <c r="Y13" s="110">
        <v>0</v>
      </c>
      <c r="Z13" s="114">
        <v>0</v>
      </c>
      <c r="AA13" s="113">
        <v>0</v>
      </c>
      <c r="AB13" s="110">
        <v>0</v>
      </c>
      <c r="AC13" s="114">
        <v>3548840</v>
      </c>
      <c r="AD13" s="114">
        <v>3519783</v>
      </c>
      <c r="AE13" s="114">
        <v>4063139</v>
      </c>
      <c r="AF13" s="114">
        <v>5022767</v>
      </c>
      <c r="AG13" s="114">
        <v>3794525</v>
      </c>
      <c r="AH13" s="113">
        <v>19949054</v>
      </c>
      <c r="AI13" s="116">
        <v>19949054</v>
      </c>
      <c r="AJ13" s="110">
        <v>0</v>
      </c>
      <c r="AK13" s="114">
        <v>0</v>
      </c>
      <c r="AL13" s="113">
        <v>0</v>
      </c>
      <c r="AM13" s="110">
        <v>0</v>
      </c>
      <c r="AN13" s="114">
        <v>46763</v>
      </c>
      <c r="AO13" s="114">
        <v>450798</v>
      </c>
      <c r="AP13" s="114">
        <v>553344</v>
      </c>
      <c r="AQ13" s="114">
        <v>883631</v>
      </c>
      <c r="AR13" s="114">
        <v>756106</v>
      </c>
      <c r="AS13" s="113">
        <v>2690642</v>
      </c>
      <c r="AT13" s="116">
        <v>2690642</v>
      </c>
      <c r="AU13" s="110">
        <v>52557</v>
      </c>
      <c r="AV13" s="114">
        <v>111234</v>
      </c>
      <c r="AW13" s="113">
        <v>163791</v>
      </c>
      <c r="AX13" s="110">
        <v>0</v>
      </c>
      <c r="AY13" s="114">
        <v>2230223</v>
      </c>
      <c r="AZ13" s="114">
        <v>2055144</v>
      </c>
      <c r="BA13" s="114">
        <v>1314157</v>
      </c>
      <c r="BB13" s="114">
        <v>1085633</v>
      </c>
      <c r="BC13" s="114">
        <v>1047811</v>
      </c>
      <c r="BD13" s="113">
        <v>7732968</v>
      </c>
      <c r="BE13" s="116">
        <v>7896759</v>
      </c>
      <c r="BF13" s="110">
        <v>0</v>
      </c>
      <c r="BG13" s="114">
        <v>0</v>
      </c>
      <c r="BH13" s="112">
        <v>0</v>
      </c>
      <c r="BI13" s="111">
        <v>0</v>
      </c>
      <c r="BJ13" s="114">
        <v>270885</v>
      </c>
      <c r="BK13" s="114">
        <v>95327</v>
      </c>
      <c r="BL13" s="114">
        <v>296077</v>
      </c>
      <c r="BM13" s="114">
        <v>92457</v>
      </c>
      <c r="BN13" s="114">
        <v>0</v>
      </c>
      <c r="BO13" s="113">
        <v>754746</v>
      </c>
      <c r="BP13" s="116">
        <v>754746</v>
      </c>
      <c r="BQ13" s="110">
        <v>159024</v>
      </c>
      <c r="BR13" s="114">
        <v>104168</v>
      </c>
      <c r="BS13" s="113">
        <v>263192</v>
      </c>
      <c r="BT13" s="110">
        <v>0</v>
      </c>
      <c r="BU13" s="114">
        <v>1527600</v>
      </c>
      <c r="BV13" s="114">
        <v>1134160</v>
      </c>
      <c r="BW13" s="114">
        <v>1114912</v>
      </c>
      <c r="BX13" s="114">
        <v>1152544</v>
      </c>
      <c r="BY13" s="114">
        <v>564168</v>
      </c>
      <c r="BZ13" s="113">
        <v>5493384</v>
      </c>
      <c r="CA13" s="116">
        <v>5756576</v>
      </c>
      <c r="CB13" s="110">
        <v>58006</v>
      </c>
      <c r="CC13" s="114">
        <v>0</v>
      </c>
      <c r="CD13" s="113">
        <v>58006</v>
      </c>
      <c r="CE13" s="110">
        <v>0</v>
      </c>
      <c r="CF13" s="114">
        <v>7890791</v>
      </c>
      <c r="CG13" s="114">
        <v>6701135</v>
      </c>
      <c r="CH13" s="114">
        <v>4596192</v>
      </c>
      <c r="CI13" s="114">
        <v>2024854</v>
      </c>
      <c r="CJ13" s="114">
        <v>1061290</v>
      </c>
      <c r="CK13" s="113">
        <v>22274262</v>
      </c>
      <c r="CL13" s="116">
        <v>22332268</v>
      </c>
      <c r="CM13" s="110">
        <v>0</v>
      </c>
      <c r="CN13" s="114">
        <v>0</v>
      </c>
      <c r="CO13" s="113">
        <v>0</v>
      </c>
      <c r="CP13" s="111">
        <v>0</v>
      </c>
      <c r="CQ13" s="114">
        <v>6751359</v>
      </c>
      <c r="CR13" s="114">
        <v>5196306</v>
      </c>
      <c r="CS13" s="114">
        <v>3626760</v>
      </c>
      <c r="CT13" s="114">
        <v>1515784</v>
      </c>
      <c r="CU13" s="114">
        <v>1061290</v>
      </c>
      <c r="CV13" s="113">
        <v>18151499</v>
      </c>
      <c r="CW13" s="116">
        <v>18151499</v>
      </c>
      <c r="CX13" s="110">
        <v>58006</v>
      </c>
      <c r="CY13" s="114">
        <v>0</v>
      </c>
      <c r="CZ13" s="113">
        <v>58006</v>
      </c>
      <c r="DA13" s="110">
        <v>0</v>
      </c>
      <c r="DB13" s="114">
        <v>1139432</v>
      </c>
      <c r="DC13" s="114">
        <v>1504829</v>
      </c>
      <c r="DD13" s="114">
        <v>969432</v>
      </c>
      <c r="DE13" s="114">
        <v>509070</v>
      </c>
      <c r="DF13" s="114">
        <v>0</v>
      </c>
      <c r="DG13" s="113">
        <v>4122763</v>
      </c>
      <c r="DH13" s="116">
        <v>4180769</v>
      </c>
      <c r="DI13" s="110">
        <v>0</v>
      </c>
      <c r="DJ13" s="114">
        <v>0</v>
      </c>
      <c r="DK13" s="112">
        <v>0</v>
      </c>
      <c r="DL13" s="111">
        <v>0</v>
      </c>
      <c r="DM13" s="114">
        <v>1146022</v>
      </c>
      <c r="DN13" s="114">
        <v>1724902</v>
      </c>
      <c r="DO13" s="114">
        <v>1863934</v>
      </c>
      <c r="DP13" s="114">
        <v>1762341</v>
      </c>
      <c r="DQ13" s="114">
        <v>647728</v>
      </c>
      <c r="DR13" s="113">
        <v>7144927</v>
      </c>
      <c r="DS13" s="116">
        <v>7144927</v>
      </c>
      <c r="DT13" s="110">
        <v>0</v>
      </c>
      <c r="DU13" s="114">
        <v>0</v>
      </c>
      <c r="DV13" s="113">
        <v>0</v>
      </c>
      <c r="DW13" s="110">
        <v>0</v>
      </c>
      <c r="DX13" s="114">
        <v>1090133</v>
      </c>
      <c r="DY13" s="114">
        <v>1507510</v>
      </c>
      <c r="DZ13" s="114">
        <v>1863934</v>
      </c>
      <c r="EA13" s="114">
        <v>1762341</v>
      </c>
      <c r="EB13" s="114">
        <v>647728</v>
      </c>
      <c r="EC13" s="113">
        <v>6871646</v>
      </c>
      <c r="ED13" s="116">
        <v>6871646</v>
      </c>
      <c r="EE13" s="110">
        <v>0</v>
      </c>
      <c r="EF13" s="112">
        <v>0</v>
      </c>
      <c r="EG13" s="113">
        <v>0</v>
      </c>
      <c r="EH13" s="110">
        <v>0</v>
      </c>
      <c r="EI13" s="114">
        <v>55889</v>
      </c>
      <c r="EJ13" s="114">
        <v>217392</v>
      </c>
      <c r="EK13" s="114">
        <v>0</v>
      </c>
      <c r="EL13" s="114">
        <v>0</v>
      </c>
      <c r="EM13" s="114">
        <v>0</v>
      </c>
      <c r="EN13" s="112">
        <v>273281</v>
      </c>
      <c r="EO13" s="116">
        <v>273281</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222328</v>
      </c>
      <c r="FM13" s="114">
        <v>382384</v>
      </c>
      <c r="FN13" s="113">
        <v>604712</v>
      </c>
      <c r="FO13" s="110">
        <v>0</v>
      </c>
      <c r="FP13" s="114">
        <v>772760</v>
      </c>
      <c r="FQ13" s="114">
        <v>2430704</v>
      </c>
      <c r="FR13" s="114">
        <v>1554256</v>
      </c>
      <c r="FS13" s="114">
        <v>1426108</v>
      </c>
      <c r="FT13" s="114">
        <v>826760</v>
      </c>
      <c r="FU13" s="113">
        <v>7010588</v>
      </c>
      <c r="FV13" s="116">
        <v>7615300</v>
      </c>
      <c r="FW13" s="115">
        <v>99928</v>
      </c>
      <c r="FX13" s="114">
        <v>156784</v>
      </c>
      <c r="FY13" s="112">
        <v>256712</v>
      </c>
      <c r="FZ13" s="111">
        <v>0</v>
      </c>
      <c r="GA13" s="114">
        <v>698480</v>
      </c>
      <c r="GB13" s="114">
        <v>2343144</v>
      </c>
      <c r="GC13" s="114">
        <v>1508936</v>
      </c>
      <c r="GD13" s="114">
        <v>1213648</v>
      </c>
      <c r="GE13" s="114">
        <v>778280</v>
      </c>
      <c r="GF13" s="113">
        <v>6542488</v>
      </c>
      <c r="GG13" s="318">
        <v>6799200</v>
      </c>
      <c r="GH13" s="115">
        <v>0</v>
      </c>
      <c r="GI13" s="114">
        <v>12800</v>
      </c>
      <c r="GJ13" s="112">
        <v>12800</v>
      </c>
      <c r="GK13" s="111">
        <v>0</v>
      </c>
      <c r="GL13" s="114">
        <v>54040</v>
      </c>
      <c r="GM13" s="114">
        <v>87560</v>
      </c>
      <c r="GN13" s="114">
        <v>36520</v>
      </c>
      <c r="GO13" s="114">
        <v>38060</v>
      </c>
      <c r="GP13" s="114">
        <v>0</v>
      </c>
      <c r="GQ13" s="113">
        <v>216180</v>
      </c>
      <c r="GR13" s="116">
        <v>228980</v>
      </c>
      <c r="GS13" s="110">
        <v>122400</v>
      </c>
      <c r="GT13" s="114">
        <v>212800</v>
      </c>
      <c r="GU13" s="113">
        <v>335200</v>
      </c>
      <c r="GV13" s="110">
        <v>0</v>
      </c>
      <c r="GW13" s="114">
        <v>20240</v>
      </c>
      <c r="GX13" s="114">
        <v>0</v>
      </c>
      <c r="GY13" s="114">
        <v>8800</v>
      </c>
      <c r="GZ13" s="114">
        <v>174400</v>
      </c>
      <c r="HA13" s="114">
        <v>48480</v>
      </c>
      <c r="HB13" s="112">
        <v>251920</v>
      </c>
      <c r="HC13" s="116">
        <v>587120</v>
      </c>
      <c r="HD13" s="110">
        <v>504059</v>
      </c>
      <c r="HE13" s="114">
        <v>371023</v>
      </c>
      <c r="HF13" s="112">
        <v>875082</v>
      </c>
      <c r="HG13" s="111">
        <v>0</v>
      </c>
      <c r="HH13" s="114">
        <v>9315101</v>
      </c>
      <c r="HI13" s="114">
        <v>5584417</v>
      </c>
      <c r="HJ13" s="114">
        <v>5776243</v>
      </c>
      <c r="HK13" s="114">
        <v>6948498</v>
      </c>
      <c r="HL13" s="114">
        <v>2926454</v>
      </c>
      <c r="HM13" s="113">
        <v>30550713</v>
      </c>
      <c r="HN13" s="116">
        <v>31425795</v>
      </c>
      <c r="HO13" s="503"/>
      <c r="HP13" s="329"/>
      <c r="HQ13" s="330"/>
      <c r="HR13" s="331"/>
      <c r="HS13" s="329"/>
      <c r="HT13" s="329"/>
      <c r="HU13" s="329"/>
      <c r="HV13" s="329"/>
      <c r="HW13" s="329"/>
      <c r="HX13" s="329"/>
      <c r="HY13" s="510"/>
      <c r="HZ13" s="133">
        <v>49044</v>
      </c>
      <c r="IA13" s="132">
        <v>0</v>
      </c>
      <c r="IB13" s="133">
        <v>49044</v>
      </c>
      <c r="IC13" s="146">
        <v>0</v>
      </c>
      <c r="ID13" s="132">
        <v>7861563</v>
      </c>
      <c r="IE13" s="147">
        <v>4872689</v>
      </c>
      <c r="IF13" s="133">
        <v>6229998</v>
      </c>
      <c r="IG13" s="132">
        <v>3836258</v>
      </c>
      <c r="IH13" s="133">
        <v>1735588</v>
      </c>
      <c r="II13" s="148">
        <v>24536096</v>
      </c>
      <c r="IJ13" s="139">
        <v>24585140</v>
      </c>
      <c r="IK13" s="232">
        <v>0</v>
      </c>
      <c r="IL13" s="236">
        <v>0</v>
      </c>
      <c r="IM13" s="237">
        <v>0</v>
      </c>
      <c r="IN13" s="140"/>
      <c r="IO13" s="119">
        <v>0</v>
      </c>
      <c r="IP13" s="119">
        <v>0</v>
      </c>
      <c r="IQ13" s="119">
        <v>0</v>
      </c>
      <c r="IR13" s="119">
        <v>0</v>
      </c>
      <c r="IS13" s="119">
        <v>0</v>
      </c>
      <c r="IT13" s="141">
        <v>0</v>
      </c>
      <c r="IU13" s="320">
        <v>0</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3747424</v>
      </c>
      <c r="JL13" s="119">
        <v>1999459</v>
      </c>
      <c r="JM13" s="119">
        <v>1658332</v>
      </c>
      <c r="JN13" s="119">
        <v>453097</v>
      </c>
      <c r="JO13" s="119">
        <v>472888</v>
      </c>
      <c r="JP13" s="120">
        <v>8331200</v>
      </c>
      <c r="JQ13" s="320">
        <v>8331200</v>
      </c>
      <c r="JR13" s="142">
        <v>0</v>
      </c>
      <c r="JS13" s="119">
        <v>0</v>
      </c>
      <c r="JT13" s="141">
        <v>0</v>
      </c>
      <c r="JU13" s="118">
        <v>0</v>
      </c>
      <c r="JV13" s="119">
        <v>825839</v>
      </c>
      <c r="JW13" s="119">
        <v>1184506</v>
      </c>
      <c r="JX13" s="119">
        <v>851058</v>
      </c>
      <c r="JY13" s="119">
        <v>262168</v>
      </c>
      <c r="JZ13" s="119">
        <v>173500</v>
      </c>
      <c r="KA13" s="120">
        <v>3297071</v>
      </c>
      <c r="KB13" s="320">
        <v>3297071</v>
      </c>
      <c r="KC13" s="234">
        <v>49044</v>
      </c>
      <c r="KD13" s="230">
        <v>0</v>
      </c>
      <c r="KE13" s="120">
        <v>49044</v>
      </c>
      <c r="KF13" s="118">
        <v>0</v>
      </c>
      <c r="KG13" s="119">
        <v>340476</v>
      </c>
      <c r="KH13" s="119">
        <v>783279</v>
      </c>
      <c r="KI13" s="119">
        <v>0</v>
      </c>
      <c r="KJ13" s="119">
        <v>226630</v>
      </c>
      <c r="KK13" s="119">
        <v>0</v>
      </c>
      <c r="KL13" s="120">
        <v>1350385</v>
      </c>
      <c r="KM13" s="143">
        <v>1399429</v>
      </c>
      <c r="KN13" s="232">
        <v>0</v>
      </c>
      <c r="KO13" s="236">
        <v>0</v>
      </c>
      <c r="KP13" s="237">
        <v>0</v>
      </c>
      <c r="KQ13" s="140"/>
      <c r="KR13" s="119">
        <v>2806058</v>
      </c>
      <c r="KS13" s="119">
        <v>738604</v>
      </c>
      <c r="KT13" s="119">
        <v>3436105</v>
      </c>
      <c r="KU13" s="119">
        <v>2357732</v>
      </c>
      <c r="KV13" s="119">
        <v>736012</v>
      </c>
      <c r="KW13" s="120">
        <v>10074511</v>
      </c>
      <c r="KX13" s="320">
        <v>10074511</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141766</v>
      </c>
      <c r="LZ13" s="119">
        <v>166841</v>
      </c>
      <c r="MA13" s="119">
        <v>284503</v>
      </c>
      <c r="MB13" s="119">
        <v>536631</v>
      </c>
      <c r="MC13" s="119">
        <v>353188</v>
      </c>
      <c r="MD13" s="120">
        <v>1482929</v>
      </c>
      <c r="ME13" s="121">
        <v>1482929</v>
      </c>
      <c r="MF13" s="142">
        <v>0</v>
      </c>
      <c r="MG13" s="119">
        <v>0</v>
      </c>
      <c r="MH13" s="120">
        <v>0</v>
      </c>
      <c r="MI13" s="145"/>
      <c r="MJ13" s="119">
        <v>2099900</v>
      </c>
      <c r="MK13" s="119">
        <v>4264063</v>
      </c>
      <c r="ML13" s="119">
        <v>7507838</v>
      </c>
      <c r="MM13" s="119">
        <v>21182220</v>
      </c>
      <c r="MN13" s="119">
        <v>10464281</v>
      </c>
      <c r="MO13" s="120">
        <v>45518302</v>
      </c>
      <c r="MP13" s="143">
        <v>45518302</v>
      </c>
      <c r="MQ13" s="142">
        <v>0</v>
      </c>
      <c r="MR13" s="119">
        <v>0</v>
      </c>
      <c r="MS13" s="120">
        <v>0</v>
      </c>
      <c r="MT13" s="145"/>
      <c r="MU13" s="119">
        <v>0</v>
      </c>
      <c r="MV13" s="119">
        <v>703182</v>
      </c>
      <c r="MW13" s="119">
        <v>4620898</v>
      </c>
      <c r="MX13" s="119">
        <v>13354859</v>
      </c>
      <c r="MY13" s="119">
        <v>8116357</v>
      </c>
      <c r="MZ13" s="120">
        <v>26795296</v>
      </c>
      <c r="NA13" s="143">
        <v>26795296</v>
      </c>
      <c r="NB13" s="142">
        <v>0</v>
      </c>
      <c r="NC13" s="119">
        <v>0</v>
      </c>
      <c r="ND13" s="120">
        <v>0</v>
      </c>
      <c r="NE13" s="145"/>
      <c r="NF13" s="119">
        <v>2099900</v>
      </c>
      <c r="NG13" s="119">
        <v>3560881</v>
      </c>
      <c r="NH13" s="119">
        <v>2886940</v>
      </c>
      <c r="NI13" s="119">
        <v>7827361</v>
      </c>
      <c r="NJ13" s="119">
        <v>2347924</v>
      </c>
      <c r="NK13" s="120">
        <v>18723006</v>
      </c>
      <c r="NL13" s="320">
        <v>18723006</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1045018</v>
      </c>
      <c r="OJ13" s="119">
        <v>968809</v>
      </c>
      <c r="OK13" s="141">
        <v>2013827</v>
      </c>
      <c r="OL13" s="118">
        <v>0</v>
      </c>
      <c r="OM13" s="119">
        <v>36710448</v>
      </c>
      <c r="ON13" s="119">
        <v>32833122</v>
      </c>
      <c r="OO13" s="119">
        <v>34870090</v>
      </c>
      <c r="OP13" s="119">
        <v>45417311</v>
      </c>
      <c r="OQ13" s="119">
        <v>23824711</v>
      </c>
      <c r="OR13" s="120">
        <v>173655682</v>
      </c>
      <c r="OS13" s="143">
        <v>175669509</v>
      </c>
    </row>
    <row r="14" spans="1:409" ht="21" customHeight="1" x14ac:dyDescent="0.2">
      <c r="B14" s="126" t="s">
        <v>8</v>
      </c>
      <c r="C14" s="110">
        <v>734928</v>
      </c>
      <c r="D14" s="114">
        <v>884201</v>
      </c>
      <c r="E14" s="113">
        <v>1619129</v>
      </c>
      <c r="F14" s="109">
        <v>0</v>
      </c>
      <c r="G14" s="114">
        <v>6879057</v>
      </c>
      <c r="H14" s="114">
        <v>9717941</v>
      </c>
      <c r="I14" s="114">
        <v>8637884</v>
      </c>
      <c r="J14" s="114">
        <v>6880276</v>
      </c>
      <c r="K14" s="114">
        <v>5598837</v>
      </c>
      <c r="L14" s="109">
        <v>37713995</v>
      </c>
      <c r="M14" s="116">
        <v>39333124</v>
      </c>
      <c r="N14" s="110">
        <v>181157</v>
      </c>
      <c r="O14" s="114">
        <v>291071</v>
      </c>
      <c r="P14" s="113">
        <v>472228</v>
      </c>
      <c r="Q14" s="110">
        <v>0</v>
      </c>
      <c r="R14" s="114">
        <v>2444453</v>
      </c>
      <c r="S14" s="114">
        <v>3162711</v>
      </c>
      <c r="T14" s="114">
        <v>2734647</v>
      </c>
      <c r="U14" s="114">
        <v>2060375</v>
      </c>
      <c r="V14" s="114">
        <v>2806899</v>
      </c>
      <c r="W14" s="113">
        <v>13209085</v>
      </c>
      <c r="X14" s="116">
        <v>13681313</v>
      </c>
      <c r="Y14" s="110">
        <v>0</v>
      </c>
      <c r="Z14" s="114">
        <v>0</v>
      </c>
      <c r="AA14" s="113">
        <v>0</v>
      </c>
      <c r="AB14" s="110">
        <v>0</v>
      </c>
      <c r="AC14" s="114">
        <v>1109454</v>
      </c>
      <c r="AD14" s="114">
        <v>1901178</v>
      </c>
      <c r="AE14" s="114">
        <v>1300272</v>
      </c>
      <c r="AF14" s="114">
        <v>833969</v>
      </c>
      <c r="AG14" s="114">
        <v>1645359</v>
      </c>
      <c r="AH14" s="113">
        <v>6790232</v>
      </c>
      <c r="AI14" s="116">
        <v>6790232</v>
      </c>
      <c r="AJ14" s="110">
        <v>0</v>
      </c>
      <c r="AK14" s="114">
        <v>0</v>
      </c>
      <c r="AL14" s="113">
        <v>0</v>
      </c>
      <c r="AM14" s="110">
        <v>0</v>
      </c>
      <c r="AN14" s="114">
        <v>0</v>
      </c>
      <c r="AO14" s="114">
        <v>0</v>
      </c>
      <c r="AP14" s="114">
        <v>103772</v>
      </c>
      <c r="AQ14" s="114">
        <v>138310</v>
      </c>
      <c r="AR14" s="114">
        <v>319909</v>
      </c>
      <c r="AS14" s="113">
        <v>561991</v>
      </c>
      <c r="AT14" s="116">
        <v>561991</v>
      </c>
      <c r="AU14" s="110">
        <v>58669</v>
      </c>
      <c r="AV14" s="114">
        <v>211075</v>
      </c>
      <c r="AW14" s="113">
        <v>269744</v>
      </c>
      <c r="AX14" s="110">
        <v>0</v>
      </c>
      <c r="AY14" s="114">
        <v>927521</v>
      </c>
      <c r="AZ14" s="114">
        <v>842343</v>
      </c>
      <c r="BA14" s="114">
        <v>898174</v>
      </c>
      <c r="BB14" s="114">
        <v>674693</v>
      </c>
      <c r="BC14" s="114">
        <v>573330</v>
      </c>
      <c r="BD14" s="113">
        <v>3916061</v>
      </c>
      <c r="BE14" s="116">
        <v>4185805</v>
      </c>
      <c r="BF14" s="110">
        <v>0</v>
      </c>
      <c r="BG14" s="114">
        <v>20796</v>
      </c>
      <c r="BH14" s="112">
        <v>20796</v>
      </c>
      <c r="BI14" s="111">
        <v>0</v>
      </c>
      <c r="BJ14" s="114">
        <v>58150</v>
      </c>
      <c r="BK14" s="114">
        <v>62726</v>
      </c>
      <c r="BL14" s="114">
        <v>141445</v>
      </c>
      <c r="BM14" s="114">
        <v>79427</v>
      </c>
      <c r="BN14" s="114">
        <v>21133</v>
      </c>
      <c r="BO14" s="113">
        <v>362881</v>
      </c>
      <c r="BP14" s="116">
        <v>383677</v>
      </c>
      <c r="BQ14" s="110">
        <v>122488</v>
      </c>
      <c r="BR14" s="114">
        <v>59200</v>
      </c>
      <c r="BS14" s="113">
        <v>181688</v>
      </c>
      <c r="BT14" s="110">
        <v>0</v>
      </c>
      <c r="BU14" s="114">
        <v>349328</v>
      </c>
      <c r="BV14" s="114">
        <v>356464</v>
      </c>
      <c r="BW14" s="114">
        <v>290984</v>
      </c>
      <c r="BX14" s="114">
        <v>333976</v>
      </c>
      <c r="BY14" s="114">
        <v>247168</v>
      </c>
      <c r="BZ14" s="113">
        <v>1577920</v>
      </c>
      <c r="CA14" s="116">
        <v>1759608</v>
      </c>
      <c r="CB14" s="110">
        <v>120061</v>
      </c>
      <c r="CC14" s="114">
        <v>115736</v>
      </c>
      <c r="CD14" s="113">
        <v>235797</v>
      </c>
      <c r="CE14" s="110">
        <v>0</v>
      </c>
      <c r="CF14" s="114">
        <v>1968013</v>
      </c>
      <c r="CG14" s="114">
        <v>3832454</v>
      </c>
      <c r="CH14" s="114">
        <v>2592354</v>
      </c>
      <c r="CI14" s="114">
        <v>2118846</v>
      </c>
      <c r="CJ14" s="114">
        <v>280367</v>
      </c>
      <c r="CK14" s="113">
        <v>10792034</v>
      </c>
      <c r="CL14" s="116">
        <v>11027831</v>
      </c>
      <c r="CM14" s="110">
        <v>0</v>
      </c>
      <c r="CN14" s="114">
        <v>0</v>
      </c>
      <c r="CO14" s="113">
        <v>0</v>
      </c>
      <c r="CP14" s="111">
        <v>0</v>
      </c>
      <c r="CQ14" s="114">
        <v>1507206</v>
      </c>
      <c r="CR14" s="114">
        <v>3092336</v>
      </c>
      <c r="CS14" s="114">
        <v>2119078</v>
      </c>
      <c r="CT14" s="114">
        <v>1607082</v>
      </c>
      <c r="CU14" s="114">
        <v>280367</v>
      </c>
      <c r="CV14" s="113">
        <v>8606069</v>
      </c>
      <c r="CW14" s="116">
        <v>8606069</v>
      </c>
      <c r="CX14" s="110">
        <v>120061</v>
      </c>
      <c r="CY14" s="114">
        <v>115736</v>
      </c>
      <c r="CZ14" s="113">
        <v>235797</v>
      </c>
      <c r="DA14" s="110">
        <v>0</v>
      </c>
      <c r="DB14" s="114">
        <v>460807</v>
      </c>
      <c r="DC14" s="114">
        <v>740118</v>
      </c>
      <c r="DD14" s="114">
        <v>473276</v>
      </c>
      <c r="DE14" s="114">
        <v>511764</v>
      </c>
      <c r="DF14" s="114">
        <v>0</v>
      </c>
      <c r="DG14" s="113">
        <v>2185965</v>
      </c>
      <c r="DH14" s="116">
        <v>2421762</v>
      </c>
      <c r="DI14" s="110">
        <v>44183</v>
      </c>
      <c r="DJ14" s="114">
        <v>0</v>
      </c>
      <c r="DK14" s="112">
        <v>44183</v>
      </c>
      <c r="DL14" s="111">
        <v>0</v>
      </c>
      <c r="DM14" s="114">
        <v>343418</v>
      </c>
      <c r="DN14" s="114">
        <v>94161</v>
      </c>
      <c r="DO14" s="114">
        <v>775489</v>
      </c>
      <c r="DP14" s="114">
        <v>365807</v>
      </c>
      <c r="DQ14" s="114">
        <v>330870</v>
      </c>
      <c r="DR14" s="113">
        <v>1909745</v>
      </c>
      <c r="DS14" s="116">
        <v>1953928</v>
      </c>
      <c r="DT14" s="110">
        <v>44183</v>
      </c>
      <c r="DU14" s="114">
        <v>0</v>
      </c>
      <c r="DV14" s="113">
        <v>44183</v>
      </c>
      <c r="DW14" s="110">
        <v>0</v>
      </c>
      <c r="DX14" s="114">
        <v>343418</v>
      </c>
      <c r="DY14" s="114">
        <v>84196</v>
      </c>
      <c r="DZ14" s="114">
        <v>775489</v>
      </c>
      <c r="EA14" s="114">
        <v>365807</v>
      </c>
      <c r="EB14" s="114">
        <v>330870</v>
      </c>
      <c r="EC14" s="113">
        <v>1899780</v>
      </c>
      <c r="ED14" s="116">
        <v>1943963</v>
      </c>
      <c r="EE14" s="110">
        <v>0</v>
      </c>
      <c r="EF14" s="112">
        <v>0</v>
      </c>
      <c r="EG14" s="113">
        <v>0</v>
      </c>
      <c r="EH14" s="110">
        <v>0</v>
      </c>
      <c r="EI14" s="114">
        <v>0</v>
      </c>
      <c r="EJ14" s="114">
        <v>9965</v>
      </c>
      <c r="EK14" s="114">
        <v>0</v>
      </c>
      <c r="EL14" s="114">
        <v>0</v>
      </c>
      <c r="EM14" s="114">
        <v>0</v>
      </c>
      <c r="EN14" s="112">
        <v>9965</v>
      </c>
      <c r="EO14" s="116">
        <v>9965</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63688</v>
      </c>
      <c r="FM14" s="114">
        <v>103432</v>
      </c>
      <c r="FN14" s="113">
        <v>167120</v>
      </c>
      <c r="FO14" s="110">
        <v>0</v>
      </c>
      <c r="FP14" s="114">
        <v>387080</v>
      </c>
      <c r="FQ14" s="114">
        <v>1105968</v>
      </c>
      <c r="FR14" s="114">
        <v>718288</v>
      </c>
      <c r="FS14" s="114">
        <v>803800</v>
      </c>
      <c r="FT14" s="114">
        <v>277888</v>
      </c>
      <c r="FU14" s="113">
        <v>3293024</v>
      </c>
      <c r="FV14" s="116">
        <v>3460144</v>
      </c>
      <c r="FW14" s="115">
        <v>63688</v>
      </c>
      <c r="FX14" s="114">
        <v>103432</v>
      </c>
      <c r="FY14" s="112">
        <v>167120</v>
      </c>
      <c r="FZ14" s="111">
        <v>0</v>
      </c>
      <c r="GA14" s="114">
        <v>347880</v>
      </c>
      <c r="GB14" s="114">
        <v>1105968</v>
      </c>
      <c r="GC14" s="114">
        <v>673888</v>
      </c>
      <c r="GD14" s="114">
        <v>639200</v>
      </c>
      <c r="GE14" s="114">
        <v>277888</v>
      </c>
      <c r="GF14" s="113">
        <v>3044824</v>
      </c>
      <c r="GG14" s="318">
        <v>3211944</v>
      </c>
      <c r="GH14" s="115">
        <v>0</v>
      </c>
      <c r="GI14" s="114">
        <v>0</v>
      </c>
      <c r="GJ14" s="112">
        <v>0</v>
      </c>
      <c r="GK14" s="111">
        <v>0</v>
      </c>
      <c r="GL14" s="114">
        <v>0</v>
      </c>
      <c r="GM14" s="114">
        <v>0</v>
      </c>
      <c r="GN14" s="114">
        <v>0</v>
      </c>
      <c r="GO14" s="114">
        <v>21120</v>
      </c>
      <c r="GP14" s="114">
        <v>0</v>
      </c>
      <c r="GQ14" s="113">
        <v>21120</v>
      </c>
      <c r="GR14" s="116">
        <v>21120</v>
      </c>
      <c r="GS14" s="110">
        <v>0</v>
      </c>
      <c r="GT14" s="114">
        <v>0</v>
      </c>
      <c r="GU14" s="113">
        <v>0</v>
      </c>
      <c r="GV14" s="110">
        <v>0</v>
      </c>
      <c r="GW14" s="114">
        <v>39200</v>
      </c>
      <c r="GX14" s="114">
        <v>0</v>
      </c>
      <c r="GY14" s="114">
        <v>44400</v>
      </c>
      <c r="GZ14" s="114">
        <v>143480</v>
      </c>
      <c r="HA14" s="114">
        <v>0</v>
      </c>
      <c r="HB14" s="112">
        <v>227080</v>
      </c>
      <c r="HC14" s="116">
        <v>227080</v>
      </c>
      <c r="HD14" s="110">
        <v>325839</v>
      </c>
      <c r="HE14" s="114">
        <v>373962</v>
      </c>
      <c r="HF14" s="112">
        <v>699801</v>
      </c>
      <c r="HG14" s="111">
        <v>0</v>
      </c>
      <c r="HH14" s="114">
        <v>1736093</v>
      </c>
      <c r="HI14" s="114">
        <v>1522647</v>
      </c>
      <c r="HJ14" s="114">
        <v>1817106</v>
      </c>
      <c r="HK14" s="114">
        <v>1531448</v>
      </c>
      <c r="HL14" s="114">
        <v>1902813</v>
      </c>
      <c r="HM14" s="113">
        <v>8510107</v>
      </c>
      <c r="HN14" s="116">
        <v>9209908</v>
      </c>
      <c r="HO14" s="503"/>
      <c r="HP14" s="329"/>
      <c r="HQ14" s="330"/>
      <c r="HR14" s="331"/>
      <c r="HS14" s="329"/>
      <c r="HT14" s="329"/>
      <c r="HU14" s="329"/>
      <c r="HV14" s="329"/>
      <c r="HW14" s="329"/>
      <c r="HX14" s="329"/>
      <c r="HY14" s="510"/>
      <c r="HZ14" s="133">
        <v>50032</v>
      </c>
      <c r="IA14" s="132">
        <v>79588</v>
      </c>
      <c r="IB14" s="133">
        <v>129620</v>
      </c>
      <c r="IC14" s="134">
        <v>0</v>
      </c>
      <c r="ID14" s="135">
        <v>3294276</v>
      </c>
      <c r="IE14" s="136">
        <v>2467485</v>
      </c>
      <c r="IF14" s="137">
        <v>2386428</v>
      </c>
      <c r="IG14" s="135">
        <v>2962788</v>
      </c>
      <c r="IH14" s="137">
        <v>943495</v>
      </c>
      <c r="II14" s="138">
        <v>12054472</v>
      </c>
      <c r="IJ14" s="139">
        <v>12184092</v>
      </c>
      <c r="IK14" s="232">
        <v>0</v>
      </c>
      <c r="IL14" s="236">
        <v>0</v>
      </c>
      <c r="IM14" s="237">
        <v>0</v>
      </c>
      <c r="IN14" s="140"/>
      <c r="IO14" s="119">
        <v>0</v>
      </c>
      <c r="IP14" s="119">
        <v>0</v>
      </c>
      <c r="IQ14" s="119">
        <v>0</v>
      </c>
      <c r="IR14" s="119">
        <v>466870</v>
      </c>
      <c r="IS14" s="119">
        <v>0</v>
      </c>
      <c r="IT14" s="141">
        <v>466870</v>
      </c>
      <c r="IU14" s="320">
        <v>466870</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553280</v>
      </c>
      <c r="JL14" s="119">
        <v>1227726</v>
      </c>
      <c r="JM14" s="119">
        <v>857110</v>
      </c>
      <c r="JN14" s="119">
        <v>320828</v>
      </c>
      <c r="JO14" s="119">
        <v>208196</v>
      </c>
      <c r="JP14" s="120">
        <v>4167140</v>
      </c>
      <c r="JQ14" s="320">
        <v>4167140</v>
      </c>
      <c r="JR14" s="142">
        <v>0</v>
      </c>
      <c r="JS14" s="119">
        <v>0</v>
      </c>
      <c r="JT14" s="141">
        <v>0</v>
      </c>
      <c r="JU14" s="118">
        <v>0</v>
      </c>
      <c r="JV14" s="119">
        <v>0</v>
      </c>
      <c r="JW14" s="119">
        <v>0</v>
      </c>
      <c r="JX14" s="119">
        <v>0</v>
      </c>
      <c r="JY14" s="119">
        <v>0</v>
      </c>
      <c r="JZ14" s="119">
        <v>88079</v>
      </c>
      <c r="KA14" s="120">
        <v>88079</v>
      </c>
      <c r="KB14" s="320">
        <v>88079</v>
      </c>
      <c r="KC14" s="234">
        <v>50032</v>
      </c>
      <c r="KD14" s="230">
        <v>79588</v>
      </c>
      <c r="KE14" s="120">
        <v>129620</v>
      </c>
      <c r="KF14" s="118">
        <v>0</v>
      </c>
      <c r="KG14" s="119">
        <v>380000</v>
      </c>
      <c r="KH14" s="119">
        <v>354748</v>
      </c>
      <c r="KI14" s="119">
        <v>483534</v>
      </c>
      <c r="KJ14" s="119">
        <v>269784</v>
      </c>
      <c r="KK14" s="119">
        <v>0</v>
      </c>
      <c r="KL14" s="120">
        <v>1488066</v>
      </c>
      <c r="KM14" s="143">
        <v>1617686</v>
      </c>
      <c r="KN14" s="232">
        <v>0</v>
      </c>
      <c r="KO14" s="236">
        <v>0</v>
      </c>
      <c r="KP14" s="237">
        <v>0</v>
      </c>
      <c r="KQ14" s="140"/>
      <c r="KR14" s="119">
        <v>941860</v>
      </c>
      <c r="KS14" s="119">
        <v>885011</v>
      </c>
      <c r="KT14" s="119">
        <v>499835</v>
      </c>
      <c r="KU14" s="119">
        <v>1041384</v>
      </c>
      <c r="KV14" s="119">
        <v>0</v>
      </c>
      <c r="KW14" s="120">
        <v>3368090</v>
      </c>
      <c r="KX14" s="320">
        <v>3368090</v>
      </c>
      <c r="KY14" s="142">
        <v>0</v>
      </c>
      <c r="KZ14" s="119">
        <v>0</v>
      </c>
      <c r="LA14" s="120">
        <v>0</v>
      </c>
      <c r="LB14" s="145"/>
      <c r="LC14" s="119">
        <v>0</v>
      </c>
      <c r="LD14" s="119">
        <v>0</v>
      </c>
      <c r="LE14" s="119">
        <v>196535</v>
      </c>
      <c r="LF14" s="119">
        <v>439082</v>
      </c>
      <c r="LG14" s="119">
        <v>0</v>
      </c>
      <c r="LH14" s="120">
        <v>635617</v>
      </c>
      <c r="LI14" s="121">
        <v>635617</v>
      </c>
      <c r="LJ14" s="142">
        <v>0</v>
      </c>
      <c r="LK14" s="119">
        <v>0</v>
      </c>
      <c r="LL14" s="120">
        <v>0</v>
      </c>
      <c r="LM14" s="145"/>
      <c r="LN14" s="119">
        <v>0</v>
      </c>
      <c r="LO14" s="119">
        <v>0</v>
      </c>
      <c r="LP14" s="119">
        <v>0</v>
      </c>
      <c r="LQ14" s="119">
        <v>124588</v>
      </c>
      <c r="LR14" s="119">
        <v>0</v>
      </c>
      <c r="LS14" s="120">
        <v>124588</v>
      </c>
      <c r="LT14" s="320">
        <v>124588</v>
      </c>
      <c r="LU14" s="142">
        <v>0</v>
      </c>
      <c r="LV14" s="119">
        <v>0</v>
      </c>
      <c r="LW14" s="120">
        <v>0</v>
      </c>
      <c r="LX14" s="145"/>
      <c r="LY14" s="119">
        <v>419136</v>
      </c>
      <c r="LZ14" s="119">
        <v>0</v>
      </c>
      <c r="MA14" s="119">
        <v>349414</v>
      </c>
      <c r="MB14" s="119">
        <v>300252</v>
      </c>
      <c r="MC14" s="119">
        <v>647220</v>
      </c>
      <c r="MD14" s="120">
        <v>1716022</v>
      </c>
      <c r="ME14" s="121">
        <v>1716022</v>
      </c>
      <c r="MF14" s="142">
        <v>0</v>
      </c>
      <c r="MG14" s="119">
        <v>0</v>
      </c>
      <c r="MH14" s="120">
        <v>0</v>
      </c>
      <c r="MI14" s="145"/>
      <c r="MJ14" s="119">
        <v>656784</v>
      </c>
      <c r="MK14" s="119">
        <v>1106042</v>
      </c>
      <c r="ML14" s="119">
        <v>4646557</v>
      </c>
      <c r="MM14" s="119">
        <v>4267065</v>
      </c>
      <c r="MN14" s="119">
        <v>2008100</v>
      </c>
      <c r="MO14" s="120">
        <v>12684548</v>
      </c>
      <c r="MP14" s="143">
        <v>12684548</v>
      </c>
      <c r="MQ14" s="142">
        <v>0</v>
      </c>
      <c r="MR14" s="119">
        <v>0</v>
      </c>
      <c r="MS14" s="120">
        <v>0</v>
      </c>
      <c r="MT14" s="145"/>
      <c r="MU14" s="119">
        <v>217509</v>
      </c>
      <c r="MV14" s="119">
        <v>-552</v>
      </c>
      <c r="MW14" s="119">
        <v>2992076</v>
      </c>
      <c r="MX14" s="119">
        <v>2152684</v>
      </c>
      <c r="MY14" s="119">
        <v>2008100</v>
      </c>
      <c r="MZ14" s="120">
        <v>7369817</v>
      </c>
      <c r="NA14" s="143">
        <v>7369817</v>
      </c>
      <c r="NB14" s="142">
        <v>0</v>
      </c>
      <c r="NC14" s="119">
        <v>0</v>
      </c>
      <c r="ND14" s="120">
        <v>0</v>
      </c>
      <c r="NE14" s="145"/>
      <c r="NF14" s="119">
        <v>439275</v>
      </c>
      <c r="NG14" s="119">
        <v>1106594</v>
      </c>
      <c r="NH14" s="119">
        <v>1654481</v>
      </c>
      <c r="NI14" s="119">
        <v>1693781</v>
      </c>
      <c r="NJ14" s="119">
        <v>0</v>
      </c>
      <c r="NK14" s="120">
        <v>4894131</v>
      </c>
      <c r="NL14" s="320">
        <v>4894131</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420600</v>
      </c>
      <c r="OF14" s="119">
        <v>0</v>
      </c>
      <c r="OG14" s="120">
        <v>420600</v>
      </c>
      <c r="OH14" s="121">
        <v>420600</v>
      </c>
      <c r="OI14" s="142">
        <v>784960</v>
      </c>
      <c r="OJ14" s="119">
        <v>963789</v>
      </c>
      <c r="OK14" s="141">
        <v>1748749</v>
      </c>
      <c r="OL14" s="118">
        <v>0</v>
      </c>
      <c r="OM14" s="119">
        <v>10830117</v>
      </c>
      <c r="ON14" s="119">
        <v>13291468</v>
      </c>
      <c r="OO14" s="119">
        <v>15670869</v>
      </c>
      <c r="OP14" s="119">
        <v>14110129</v>
      </c>
      <c r="OQ14" s="119">
        <v>8550432</v>
      </c>
      <c r="OR14" s="120">
        <v>62453015</v>
      </c>
      <c r="OS14" s="143">
        <v>64201764</v>
      </c>
    </row>
    <row r="15" spans="1:409" ht="21" customHeight="1" x14ac:dyDescent="0.2">
      <c r="B15" s="126" t="s">
        <v>9</v>
      </c>
      <c r="C15" s="110">
        <v>1215778</v>
      </c>
      <c r="D15" s="114">
        <v>870255</v>
      </c>
      <c r="E15" s="113">
        <v>2086033</v>
      </c>
      <c r="F15" s="111">
        <v>0</v>
      </c>
      <c r="G15" s="114">
        <v>11650944</v>
      </c>
      <c r="H15" s="114">
        <v>11828130</v>
      </c>
      <c r="I15" s="114">
        <v>12825400</v>
      </c>
      <c r="J15" s="114">
        <v>13818336</v>
      </c>
      <c r="K15" s="114">
        <v>8987707</v>
      </c>
      <c r="L15" s="109">
        <v>59110517</v>
      </c>
      <c r="M15" s="116">
        <v>61196550</v>
      </c>
      <c r="N15" s="110">
        <v>247053</v>
      </c>
      <c r="O15" s="114">
        <v>249855</v>
      </c>
      <c r="P15" s="113">
        <v>496908</v>
      </c>
      <c r="Q15" s="110">
        <v>0</v>
      </c>
      <c r="R15" s="114">
        <v>4214104</v>
      </c>
      <c r="S15" s="114">
        <v>4163512</v>
      </c>
      <c r="T15" s="114">
        <v>4902293</v>
      </c>
      <c r="U15" s="114">
        <v>6523190</v>
      </c>
      <c r="V15" s="114">
        <v>5405318</v>
      </c>
      <c r="W15" s="113">
        <v>25208417</v>
      </c>
      <c r="X15" s="116">
        <v>25705325</v>
      </c>
      <c r="Y15" s="110">
        <v>0</v>
      </c>
      <c r="Z15" s="114">
        <v>0</v>
      </c>
      <c r="AA15" s="113">
        <v>0</v>
      </c>
      <c r="AB15" s="110">
        <v>0</v>
      </c>
      <c r="AC15" s="114">
        <v>1767206</v>
      </c>
      <c r="AD15" s="114">
        <v>2332110</v>
      </c>
      <c r="AE15" s="114">
        <v>2652055</v>
      </c>
      <c r="AF15" s="114">
        <v>4245267</v>
      </c>
      <c r="AG15" s="114">
        <v>3270872</v>
      </c>
      <c r="AH15" s="113">
        <v>14267510</v>
      </c>
      <c r="AI15" s="116">
        <v>14267510</v>
      </c>
      <c r="AJ15" s="110">
        <v>0</v>
      </c>
      <c r="AK15" s="114">
        <v>0</v>
      </c>
      <c r="AL15" s="113">
        <v>0</v>
      </c>
      <c r="AM15" s="110">
        <v>0</v>
      </c>
      <c r="AN15" s="114">
        <v>0</v>
      </c>
      <c r="AO15" s="114">
        <v>0</v>
      </c>
      <c r="AP15" s="114">
        <v>143958</v>
      </c>
      <c r="AQ15" s="114">
        <v>122396</v>
      </c>
      <c r="AR15" s="114">
        <v>339980</v>
      </c>
      <c r="AS15" s="113">
        <v>606334</v>
      </c>
      <c r="AT15" s="116">
        <v>606334</v>
      </c>
      <c r="AU15" s="110">
        <v>82853</v>
      </c>
      <c r="AV15" s="114">
        <v>175119</v>
      </c>
      <c r="AW15" s="113">
        <v>257972</v>
      </c>
      <c r="AX15" s="110">
        <v>0</v>
      </c>
      <c r="AY15" s="114">
        <v>1594107</v>
      </c>
      <c r="AZ15" s="114">
        <v>1080280</v>
      </c>
      <c r="BA15" s="114">
        <v>1253117</v>
      </c>
      <c r="BB15" s="114">
        <v>1342644</v>
      </c>
      <c r="BC15" s="114">
        <v>1208683</v>
      </c>
      <c r="BD15" s="113">
        <v>6478831</v>
      </c>
      <c r="BE15" s="116">
        <v>6736803</v>
      </c>
      <c r="BF15" s="110">
        <v>0</v>
      </c>
      <c r="BG15" s="114">
        <v>0</v>
      </c>
      <c r="BH15" s="112">
        <v>0</v>
      </c>
      <c r="BI15" s="111">
        <v>0</v>
      </c>
      <c r="BJ15" s="114">
        <v>10847</v>
      </c>
      <c r="BK15" s="114">
        <v>168274</v>
      </c>
      <c r="BL15" s="114">
        <v>156387</v>
      </c>
      <c r="BM15" s="114">
        <v>237083</v>
      </c>
      <c r="BN15" s="114">
        <v>35695</v>
      </c>
      <c r="BO15" s="113">
        <v>608286</v>
      </c>
      <c r="BP15" s="116">
        <v>608286</v>
      </c>
      <c r="BQ15" s="110">
        <v>164200</v>
      </c>
      <c r="BR15" s="114">
        <v>74736</v>
      </c>
      <c r="BS15" s="113">
        <v>238936</v>
      </c>
      <c r="BT15" s="110">
        <v>0</v>
      </c>
      <c r="BU15" s="114">
        <v>841944</v>
      </c>
      <c r="BV15" s="114">
        <v>582848</v>
      </c>
      <c r="BW15" s="114">
        <v>696776</v>
      </c>
      <c r="BX15" s="114">
        <v>575800</v>
      </c>
      <c r="BY15" s="114">
        <v>550088</v>
      </c>
      <c r="BZ15" s="113">
        <v>3247456</v>
      </c>
      <c r="CA15" s="116">
        <v>3486392</v>
      </c>
      <c r="CB15" s="110">
        <v>0</v>
      </c>
      <c r="CC15" s="114">
        <v>152952</v>
      </c>
      <c r="CD15" s="113">
        <v>152952</v>
      </c>
      <c r="CE15" s="110">
        <v>0</v>
      </c>
      <c r="CF15" s="114">
        <v>2904870</v>
      </c>
      <c r="CG15" s="114">
        <v>3036690</v>
      </c>
      <c r="CH15" s="114">
        <v>3073785</v>
      </c>
      <c r="CI15" s="114">
        <v>2568117</v>
      </c>
      <c r="CJ15" s="114">
        <v>756148</v>
      </c>
      <c r="CK15" s="113">
        <v>12339610</v>
      </c>
      <c r="CL15" s="116">
        <v>12492562</v>
      </c>
      <c r="CM15" s="110">
        <v>0</v>
      </c>
      <c r="CN15" s="114">
        <v>0</v>
      </c>
      <c r="CO15" s="113">
        <v>0</v>
      </c>
      <c r="CP15" s="111">
        <v>0</v>
      </c>
      <c r="CQ15" s="114">
        <v>1930443</v>
      </c>
      <c r="CR15" s="114">
        <v>2164712</v>
      </c>
      <c r="CS15" s="114">
        <v>2272143</v>
      </c>
      <c r="CT15" s="114">
        <v>1870606</v>
      </c>
      <c r="CU15" s="114">
        <v>568661</v>
      </c>
      <c r="CV15" s="113">
        <v>8806565</v>
      </c>
      <c r="CW15" s="116">
        <v>8806565</v>
      </c>
      <c r="CX15" s="110">
        <v>0</v>
      </c>
      <c r="CY15" s="114">
        <v>152952</v>
      </c>
      <c r="CZ15" s="113">
        <v>152952</v>
      </c>
      <c r="DA15" s="110">
        <v>0</v>
      </c>
      <c r="DB15" s="114">
        <v>974427</v>
      </c>
      <c r="DC15" s="114">
        <v>871978</v>
      </c>
      <c r="DD15" s="114">
        <v>801642</v>
      </c>
      <c r="DE15" s="114">
        <v>697511</v>
      </c>
      <c r="DF15" s="114">
        <v>187487</v>
      </c>
      <c r="DG15" s="113">
        <v>3533045</v>
      </c>
      <c r="DH15" s="116">
        <v>3685997</v>
      </c>
      <c r="DI15" s="110">
        <v>0</v>
      </c>
      <c r="DJ15" s="114">
        <v>0</v>
      </c>
      <c r="DK15" s="112">
        <v>0</v>
      </c>
      <c r="DL15" s="111">
        <v>0</v>
      </c>
      <c r="DM15" s="114">
        <v>289538</v>
      </c>
      <c r="DN15" s="114">
        <v>311488</v>
      </c>
      <c r="DO15" s="114">
        <v>793957</v>
      </c>
      <c r="DP15" s="114">
        <v>782953</v>
      </c>
      <c r="DQ15" s="114">
        <v>365726</v>
      </c>
      <c r="DR15" s="113">
        <v>2543662</v>
      </c>
      <c r="DS15" s="116">
        <v>2543662</v>
      </c>
      <c r="DT15" s="110">
        <v>0</v>
      </c>
      <c r="DU15" s="114">
        <v>0</v>
      </c>
      <c r="DV15" s="113">
        <v>0</v>
      </c>
      <c r="DW15" s="110">
        <v>0</v>
      </c>
      <c r="DX15" s="114">
        <v>289538</v>
      </c>
      <c r="DY15" s="114">
        <v>275493</v>
      </c>
      <c r="DZ15" s="114">
        <v>793957</v>
      </c>
      <c r="EA15" s="114">
        <v>755143</v>
      </c>
      <c r="EB15" s="114">
        <v>339529</v>
      </c>
      <c r="EC15" s="113">
        <v>2453660</v>
      </c>
      <c r="ED15" s="116">
        <v>2453660</v>
      </c>
      <c r="EE15" s="110">
        <v>0</v>
      </c>
      <c r="EF15" s="112">
        <v>0</v>
      </c>
      <c r="EG15" s="113">
        <v>0</v>
      </c>
      <c r="EH15" s="110">
        <v>0</v>
      </c>
      <c r="EI15" s="114">
        <v>0</v>
      </c>
      <c r="EJ15" s="114">
        <v>35995</v>
      </c>
      <c r="EK15" s="114">
        <v>0</v>
      </c>
      <c r="EL15" s="114">
        <v>27810</v>
      </c>
      <c r="EM15" s="114">
        <v>26197</v>
      </c>
      <c r="EN15" s="112">
        <v>90002</v>
      </c>
      <c r="EO15" s="116">
        <v>90002</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520248</v>
      </c>
      <c r="FM15" s="114">
        <v>174024</v>
      </c>
      <c r="FN15" s="113">
        <v>694272</v>
      </c>
      <c r="FO15" s="110">
        <v>0</v>
      </c>
      <c r="FP15" s="114">
        <v>825000</v>
      </c>
      <c r="FQ15" s="114">
        <v>1594991</v>
      </c>
      <c r="FR15" s="114">
        <v>1086408</v>
      </c>
      <c r="FS15" s="114">
        <v>940872</v>
      </c>
      <c r="FT15" s="114">
        <v>857584</v>
      </c>
      <c r="FU15" s="113">
        <v>5304855</v>
      </c>
      <c r="FV15" s="116">
        <v>5999127</v>
      </c>
      <c r="FW15" s="115">
        <v>187672</v>
      </c>
      <c r="FX15" s="114">
        <v>113064</v>
      </c>
      <c r="FY15" s="112">
        <v>300736</v>
      </c>
      <c r="FZ15" s="111">
        <v>0</v>
      </c>
      <c r="GA15" s="114">
        <v>615456</v>
      </c>
      <c r="GB15" s="114">
        <v>986392</v>
      </c>
      <c r="GC15" s="114">
        <v>1047304</v>
      </c>
      <c r="GD15" s="114">
        <v>903272</v>
      </c>
      <c r="GE15" s="114">
        <v>684264</v>
      </c>
      <c r="GF15" s="113">
        <v>4236688</v>
      </c>
      <c r="GG15" s="318">
        <v>4537424</v>
      </c>
      <c r="GH15" s="115">
        <v>13376</v>
      </c>
      <c r="GI15" s="114">
        <v>9240</v>
      </c>
      <c r="GJ15" s="112">
        <v>22616</v>
      </c>
      <c r="GK15" s="111">
        <v>0</v>
      </c>
      <c r="GL15" s="114">
        <v>61544</v>
      </c>
      <c r="GM15" s="114">
        <v>183400</v>
      </c>
      <c r="GN15" s="114">
        <v>18304</v>
      </c>
      <c r="GO15" s="114">
        <v>0</v>
      </c>
      <c r="GP15" s="114">
        <v>62920</v>
      </c>
      <c r="GQ15" s="113">
        <v>326168</v>
      </c>
      <c r="GR15" s="116">
        <v>348784</v>
      </c>
      <c r="GS15" s="110">
        <v>319200</v>
      </c>
      <c r="GT15" s="114">
        <v>51720</v>
      </c>
      <c r="GU15" s="113">
        <v>370920</v>
      </c>
      <c r="GV15" s="110">
        <v>0</v>
      </c>
      <c r="GW15" s="114">
        <v>148000</v>
      </c>
      <c r="GX15" s="114">
        <v>425199</v>
      </c>
      <c r="GY15" s="114">
        <v>20800</v>
      </c>
      <c r="GZ15" s="114">
        <v>37600</v>
      </c>
      <c r="HA15" s="114">
        <v>110400</v>
      </c>
      <c r="HB15" s="112">
        <v>741999</v>
      </c>
      <c r="HC15" s="116">
        <v>1112919</v>
      </c>
      <c r="HD15" s="110">
        <v>448477</v>
      </c>
      <c r="HE15" s="114">
        <v>293424</v>
      </c>
      <c r="HF15" s="112">
        <v>741901</v>
      </c>
      <c r="HG15" s="111">
        <v>0</v>
      </c>
      <c r="HH15" s="114">
        <v>3417432</v>
      </c>
      <c r="HI15" s="114">
        <v>2721449</v>
      </c>
      <c r="HJ15" s="114">
        <v>2968957</v>
      </c>
      <c r="HK15" s="114">
        <v>3003204</v>
      </c>
      <c r="HL15" s="114">
        <v>1602931</v>
      </c>
      <c r="HM15" s="113">
        <v>13713973</v>
      </c>
      <c r="HN15" s="116">
        <v>14455874</v>
      </c>
      <c r="HO15" s="503"/>
      <c r="HP15" s="329"/>
      <c r="HQ15" s="330"/>
      <c r="HR15" s="331"/>
      <c r="HS15" s="329"/>
      <c r="HT15" s="329"/>
      <c r="HU15" s="329"/>
      <c r="HV15" s="329"/>
      <c r="HW15" s="329"/>
      <c r="HX15" s="329"/>
      <c r="HY15" s="510"/>
      <c r="HZ15" s="129">
        <v>42834</v>
      </c>
      <c r="IA15" s="149">
        <v>0</v>
      </c>
      <c r="IB15" s="129">
        <v>42834</v>
      </c>
      <c r="IC15" s="146">
        <v>0</v>
      </c>
      <c r="ID15" s="132">
        <v>4010109</v>
      </c>
      <c r="IE15" s="147">
        <v>2346614</v>
      </c>
      <c r="IF15" s="133">
        <v>4178452</v>
      </c>
      <c r="IG15" s="132">
        <v>1985959</v>
      </c>
      <c r="IH15" s="133">
        <v>1984517</v>
      </c>
      <c r="II15" s="148">
        <v>14505651</v>
      </c>
      <c r="IJ15" s="130">
        <v>14548485</v>
      </c>
      <c r="IK15" s="232">
        <v>0</v>
      </c>
      <c r="IL15" s="236">
        <v>0</v>
      </c>
      <c r="IM15" s="237">
        <v>0</v>
      </c>
      <c r="IN15" s="140"/>
      <c r="IO15" s="119">
        <v>0</v>
      </c>
      <c r="IP15" s="119">
        <v>0</v>
      </c>
      <c r="IQ15" s="119">
        <v>0</v>
      </c>
      <c r="IR15" s="119">
        <v>0</v>
      </c>
      <c r="IS15" s="119">
        <v>0</v>
      </c>
      <c r="IT15" s="141">
        <v>0</v>
      </c>
      <c r="IU15" s="320">
        <v>0</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734088</v>
      </c>
      <c r="JL15" s="119">
        <v>995200</v>
      </c>
      <c r="JM15" s="119">
        <v>1253736</v>
      </c>
      <c r="JN15" s="119">
        <v>851332</v>
      </c>
      <c r="JO15" s="119">
        <v>314253</v>
      </c>
      <c r="JP15" s="120">
        <v>5148609</v>
      </c>
      <c r="JQ15" s="320">
        <v>5148609</v>
      </c>
      <c r="JR15" s="142">
        <v>0</v>
      </c>
      <c r="JS15" s="119">
        <v>0</v>
      </c>
      <c r="JT15" s="141">
        <v>0</v>
      </c>
      <c r="JU15" s="118">
        <v>0</v>
      </c>
      <c r="JV15" s="119">
        <v>0</v>
      </c>
      <c r="JW15" s="119">
        <v>92054</v>
      </c>
      <c r="JX15" s="119">
        <v>96369</v>
      </c>
      <c r="JY15" s="119">
        <v>154331</v>
      </c>
      <c r="JZ15" s="119">
        <v>0</v>
      </c>
      <c r="KA15" s="120">
        <v>342754</v>
      </c>
      <c r="KB15" s="320">
        <v>342754</v>
      </c>
      <c r="KC15" s="234">
        <v>42834</v>
      </c>
      <c r="KD15" s="230">
        <v>0</v>
      </c>
      <c r="KE15" s="120">
        <v>42834</v>
      </c>
      <c r="KF15" s="118">
        <v>0</v>
      </c>
      <c r="KG15" s="119">
        <v>510870</v>
      </c>
      <c r="KH15" s="119">
        <v>328026</v>
      </c>
      <c r="KI15" s="119">
        <v>787935</v>
      </c>
      <c r="KJ15" s="119">
        <v>258117</v>
      </c>
      <c r="KK15" s="119">
        <v>0</v>
      </c>
      <c r="KL15" s="120">
        <v>1884948</v>
      </c>
      <c r="KM15" s="143">
        <v>1927782</v>
      </c>
      <c r="KN15" s="232">
        <v>0</v>
      </c>
      <c r="KO15" s="236">
        <v>0</v>
      </c>
      <c r="KP15" s="237">
        <v>0</v>
      </c>
      <c r="KQ15" s="140"/>
      <c r="KR15" s="119">
        <v>1439361</v>
      </c>
      <c r="KS15" s="119">
        <v>739813</v>
      </c>
      <c r="KT15" s="119">
        <v>1046072</v>
      </c>
      <c r="KU15" s="119">
        <v>722179</v>
      </c>
      <c r="KV15" s="119">
        <v>1334301</v>
      </c>
      <c r="KW15" s="120">
        <v>5281726</v>
      </c>
      <c r="KX15" s="320">
        <v>5281726</v>
      </c>
      <c r="KY15" s="142">
        <v>0</v>
      </c>
      <c r="KZ15" s="119">
        <v>0</v>
      </c>
      <c r="LA15" s="120">
        <v>0</v>
      </c>
      <c r="LB15" s="145"/>
      <c r="LC15" s="119">
        <v>325790</v>
      </c>
      <c r="LD15" s="119">
        <v>0</v>
      </c>
      <c r="LE15" s="119">
        <v>0</v>
      </c>
      <c r="LF15" s="119">
        <v>0</v>
      </c>
      <c r="LG15" s="119">
        <v>0</v>
      </c>
      <c r="LH15" s="120">
        <v>325790</v>
      </c>
      <c r="LI15" s="121">
        <v>325790</v>
      </c>
      <c r="LJ15" s="142">
        <v>0</v>
      </c>
      <c r="LK15" s="119">
        <v>0</v>
      </c>
      <c r="LL15" s="120">
        <v>0</v>
      </c>
      <c r="LM15" s="145"/>
      <c r="LN15" s="119">
        <v>0</v>
      </c>
      <c r="LO15" s="119">
        <v>0</v>
      </c>
      <c r="LP15" s="119">
        <v>0</v>
      </c>
      <c r="LQ15" s="119">
        <v>0</v>
      </c>
      <c r="LR15" s="119">
        <v>0</v>
      </c>
      <c r="LS15" s="120">
        <v>0</v>
      </c>
      <c r="LT15" s="320">
        <v>0</v>
      </c>
      <c r="LU15" s="142">
        <v>0</v>
      </c>
      <c r="LV15" s="119">
        <v>0</v>
      </c>
      <c r="LW15" s="120">
        <v>0</v>
      </c>
      <c r="LX15" s="145"/>
      <c r="LY15" s="119">
        <v>0</v>
      </c>
      <c r="LZ15" s="119">
        <v>191521</v>
      </c>
      <c r="MA15" s="119">
        <v>994340</v>
      </c>
      <c r="MB15" s="119">
        <v>0</v>
      </c>
      <c r="MC15" s="119">
        <v>335963</v>
      </c>
      <c r="MD15" s="120">
        <v>1521824</v>
      </c>
      <c r="ME15" s="121">
        <v>1521824</v>
      </c>
      <c r="MF15" s="142">
        <v>0</v>
      </c>
      <c r="MG15" s="119">
        <v>0</v>
      </c>
      <c r="MH15" s="120">
        <v>0</v>
      </c>
      <c r="MI15" s="145"/>
      <c r="MJ15" s="119">
        <v>779870</v>
      </c>
      <c r="MK15" s="119">
        <v>1703257</v>
      </c>
      <c r="ML15" s="119">
        <v>3656436</v>
      </c>
      <c r="MM15" s="119">
        <v>9777704</v>
      </c>
      <c r="MN15" s="119">
        <v>4189864</v>
      </c>
      <c r="MO15" s="120">
        <v>20107131</v>
      </c>
      <c r="MP15" s="143">
        <v>20107131</v>
      </c>
      <c r="MQ15" s="142">
        <v>0</v>
      </c>
      <c r="MR15" s="119">
        <v>0</v>
      </c>
      <c r="MS15" s="120">
        <v>0</v>
      </c>
      <c r="MT15" s="145"/>
      <c r="MU15" s="119">
        <v>0</v>
      </c>
      <c r="MV15" s="119">
        <v>696410</v>
      </c>
      <c r="MW15" s="119">
        <v>3069472</v>
      </c>
      <c r="MX15" s="119">
        <v>7022070</v>
      </c>
      <c r="MY15" s="119">
        <v>3288141</v>
      </c>
      <c r="MZ15" s="120">
        <v>14076093</v>
      </c>
      <c r="NA15" s="143">
        <v>14076093</v>
      </c>
      <c r="NB15" s="142">
        <v>0</v>
      </c>
      <c r="NC15" s="119">
        <v>0</v>
      </c>
      <c r="ND15" s="120">
        <v>0</v>
      </c>
      <c r="NE15" s="145"/>
      <c r="NF15" s="119">
        <v>779870</v>
      </c>
      <c r="NG15" s="119">
        <v>1006847</v>
      </c>
      <c r="NH15" s="119">
        <v>586964</v>
      </c>
      <c r="NI15" s="119">
        <v>2406354</v>
      </c>
      <c r="NJ15" s="119">
        <v>901723</v>
      </c>
      <c r="NK15" s="120">
        <v>5681758</v>
      </c>
      <c r="NL15" s="320">
        <v>5681758</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349280</v>
      </c>
      <c r="OF15" s="119">
        <v>0</v>
      </c>
      <c r="OG15" s="120">
        <v>349280</v>
      </c>
      <c r="OH15" s="121">
        <v>349280</v>
      </c>
      <c r="OI15" s="142">
        <v>1258612</v>
      </c>
      <c r="OJ15" s="119">
        <v>870255</v>
      </c>
      <c r="OK15" s="141">
        <v>2128867</v>
      </c>
      <c r="OL15" s="118">
        <v>0</v>
      </c>
      <c r="OM15" s="119">
        <v>16440923</v>
      </c>
      <c r="ON15" s="119">
        <v>15878001</v>
      </c>
      <c r="OO15" s="119">
        <v>20660288</v>
      </c>
      <c r="OP15" s="119">
        <v>25581999</v>
      </c>
      <c r="OQ15" s="119">
        <v>15162088</v>
      </c>
      <c r="OR15" s="120">
        <v>93723299</v>
      </c>
      <c r="OS15" s="143">
        <v>95852166</v>
      </c>
    </row>
    <row r="16" spans="1:409" ht="21" customHeight="1" x14ac:dyDescent="0.2">
      <c r="B16" s="126" t="s">
        <v>10</v>
      </c>
      <c r="C16" s="110">
        <v>1278543</v>
      </c>
      <c r="D16" s="114">
        <v>1865151</v>
      </c>
      <c r="E16" s="113">
        <v>3143694</v>
      </c>
      <c r="F16" s="172">
        <v>0</v>
      </c>
      <c r="G16" s="114">
        <v>19982812</v>
      </c>
      <c r="H16" s="114">
        <v>16407472</v>
      </c>
      <c r="I16" s="114">
        <v>14983598</v>
      </c>
      <c r="J16" s="114">
        <v>14425764</v>
      </c>
      <c r="K16" s="114">
        <v>8007125</v>
      </c>
      <c r="L16" s="109">
        <v>73806771</v>
      </c>
      <c r="M16" s="116">
        <v>76950465</v>
      </c>
      <c r="N16" s="110">
        <v>499589</v>
      </c>
      <c r="O16" s="114">
        <v>708407</v>
      </c>
      <c r="P16" s="113">
        <v>1207996</v>
      </c>
      <c r="Q16" s="110">
        <v>0</v>
      </c>
      <c r="R16" s="114">
        <v>7064216</v>
      </c>
      <c r="S16" s="114">
        <v>5328031</v>
      </c>
      <c r="T16" s="114">
        <v>5057785</v>
      </c>
      <c r="U16" s="114">
        <v>5739889</v>
      </c>
      <c r="V16" s="114">
        <v>4748901</v>
      </c>
      <c r="W16" s="113">
        <v>27938822</v>
      </c>
      <c r="X16" s="116">
        <v>29146818</v>
      </c>
      <c r="Y16" s="110">
        <v>0</v>
      </c>
      <c r="Z16" s="114">
        <v>0</v>
      </c>
      <c r="AA16" s="113">
        <v>0</v>
      </c>
      <c r="AB16" s="110">
        <v>0</v>
      </c>
      <c r="AC16" s="114">
        <v>3371648</v>
      </c>
      <c r="AD16" s="114">
        <v>2627483</v>
      </c>
      <c r="AE16" s="114">
        <v>2796740</v>
      </c>
      <c r="AF16" s="114">
        <v>2714936</v>
      </c>
      <c r="AG16" s="114">
        <v>2416457</v>
      </c>
      <c r="AH16" s="113">
        <v>13927264</v>
      </c>
      <c r="AI16" s="116">
        <v>13927264</v>
      </c>
      <c r="AJ16" s="110">
        <v>0</v>
      </c>
      <c r="AK16" s="114">
        <v>0</v>
      </c>
      <c r="AL16" s="113">
        <v>0</v>
      </c>
      <c r="AM16" s="110">
        <v>0</v>
      </c>
      <c r="AN16" s="114">
        <v>0</v>
      </c>
      <c r="AO16" s="114">
        <v>0</v>
      </c>
      <c r="AP16" s="114">
        <v>72807</v>
      </c>
      <c r="AQ16" s="114">
        <v>899319</v>
      </c>
      <c r="AR16" s="114">
        <v>745954</v>
      </c>
      <c r="AS16" s="113">
        <v>1718080</v>
      </c>
      <c r="AT16" s="116">
        <v>1718080</v>
      </c>
      <c r="AU16" s="110">
        <v>287544</v>
      </c>
      <c r="AV16" s="114">
        <v>500305</v>
      </c>
      <c r="AW16" s="113">
        <v>787849</v>
      </c>
      <c r="AX16" s="110">
        <v>0</v>
      </c>
      <c r="AY16" s="114">
        <v>2397243</v>
      </c>
      <c r="AZ16" s="114">
        <v>1483060</v>
      </c>
      <c r="BA16" s="114">
        <v>1424714</v>
      </c>
      <c r="BB16" s="114">
        <v>1143380</v>
      </c>
      <c r="BC16" s="114">
        <v>723226</v>
      </c>
      <c r="BD16" s="113">
        <v>7171623</v>
      </c>
      <c r="BE16" s="116">
        <v>7959472</v>
      </c>
      <c r="BF16" s="110">
        <v>26861</v>
      </c>
      <c r="BG16" s="114">
        <v>67062</v>
      </c>
      <c r="BH16" s="112">
        <v>93923</v>
      </c>
      <c r="BI16" s="111">
        <v>0</v>
      </c>
      <c r="BJ16" s="114">
        <v>243413</v>
      </c>
      <c r="BK16" s="114">
        <v>208432</v>
      </c>
      <c r="BL16" s="114">
        <v>31620</v>
      </c>
      <c r="BM16" s="114">
        <v>88006</v>
      </c>
      <c r="BN16" s="114">
        <v>229392</v>
      </c>
      <c r="BO16" s="113">
        <v>800863</v>
      </c>
      <c r="BP16" s="116">
        <v>894786</v>
      </c>
      <c r="BQ16" s="110">
        <v>185184</v>
      </c>
      <c r="BR16" s="114">
        <v>141040</v>
      </c>
      <c r="BS16" s="113">
        <v>326224</v>
      </c>
      <c r="BT16" s="110">
        <v>0</v>
      </c>
      <c r="BU16" s="114">
        <v>1051912</v>
      </c>
      <c r="BV16" s="114">
        <v>1009056</v>
      </c>
      <c r="BW16" s="114">
        <v>731904</v>
      </c>
      <c r="BX16" s="114">
        <v>894248</v>
      </c>
      <c r="BY16" s="114">
        <v>633872</v>
      </c>
      <c r="BZ16" s="113">
        <v>4320992</v>
      </c>
      <c r="CA16" s="116">
        <v>4647216</v>
      </c>
      <c r="CB16" s="110">
        <v>63132</v>
      </c>
      <c r="CC16" s="114">
        <v>237619</v>
      </c>
      <c r="CD16" s="113">
        <v>300751</v>
      </c>
      <c r="CE16" s="110">
        <v>0</v>
      </c>
      <c r="CF16" s="114">
        <v>6569712</v>
      </c>
      <c r="CG16" s="114">
        <v>5001134</v>
      </c>
      <c r="CH16" s="114">
        <v>3494660</v>
      </c>
      <c r="CI16" s="114">
        <v>2031766</v>
      </c>
      <c r="CJ16" s="114">
        <v>630873</v>
      </c>
      <c r="CK16" s="113">
        <v>17728145</v>
      </c>
      <c r="CL16" s="116">
        <v>18028896</v>
      </c>
      <c r="CM16" s="110">
        <v>0</v>
      </c>
      <c r="CN16" s="114">
        <v>0</v>
      </c>
      <c r="CO16" s="113">
        <v>0</v>
      </c>
      <c r="CP16" s="111">
        <v>0</v>
      </c>
      <c r="CQ16" s="114">
        <v>5526059</v>
      </c>
      <c r="CR16" s="114">
        <v>4473906</v>
      </c>
      <c r="CS16" s="114">
        <v>2987730</v>
      </c>
      <c r="CT16" s="114">
        <v>1652997</v>
      </c>
      <c r="CU16" s="114">
        <v>531361</v>
      </c>
      <c r="CV16" s="113">
        <v>15172053</v>
      </c>
      <c r="CW16" s="116">
        <v>15172053</v>
      </c>
      <c r="CX16" s="110">
        <v>63132</v>
      </c>
      <c r="CY16" s="114">
        <v>237619</v>
      </c>
      <c r="CZ16" s="113">
        <v>300751</v>
      </c>
      <c r="DA16" s="110">
        <v>0</v>
      </c>
      <c r="DB16" s="114">
        <v>1043653</v>
      </c>
      <c r="DC16" s="114">
        <v>527228</v>
      </c>
      <c r="DD16" s="114">
        <v>506930</v>
      </c>
      <c r="DE16" s="114">
        <v>378769</v>
      </c>
      <c r="DF16" s="114">
        <v>99512</v>
      </c>
      <c r="DG16" s="113">
        <v>2556092</v>
      </c>
      <c r="DH16" s="116">
        <v>2856843</v>
      </c>
      <c r="DI16" s="110">
        <v>0</v>
      </c>
      <c r="DJ16" s="114">
        <v>0</v>
      </c>
      <c r="DK16" s="112">
        <v>0</v>
      </c>
      <c r="DL16" s="111">
        <v>0</v>
      </c>
      <c r="DM16" s="114">
        <v>391462</v>
      </c>
      <c r="DN16" s="114">
        <v>975681</v>
      </c>
      <c r="DO16" s="114">
        <v>2477066</v>
      </c>
      <c r="DP16" s="114">
        <v>1762804</v>
      </c>
      <c r="DQ16" s="114">
        <v>64513</v>
      </c>
      <c r="DR16" s="113">
        <v>5671526</v>
      </c>
      <c r="DS16" s="116">
        <v>5671526</v>
      </c>
      <c r="DT16" s="110">
        <v>0</v>
      </c>
      <c r="DU16" s="114">
        <v>0</v>
      </c>
      <c r="DV16" s="113">
        <v>0</v>
      </c>
      <c r="DW16" s="110">
        <v>0</v>
      </c>
      <c r="DX16" s="114">
        <v>322902</v>
      </c>
      <c r="DY16" s="114">
        <v>792339</v>
      </c>
      <c r="DZ16" s="114">
        <v>2362916</v>
      </c>
      <c r="EA16" s="114">
        <v>1641537</v>
      </c>
      <c r="EB16" s="114">
        <v>64513</v>
      </c>
      <c r="EC16" s="113">
        <v>5184207</v>
      </c>
      <c r="ED16" s="116">
        <v>5184207</v>
      </c>
      <c r="EE16" s="110">
        <v>0</v>
      </c>
      <c r="EF16" s="112">
        <v>0</v>
      </c>
      <c r="EG16" s="113">
        <v>0</v>
      </c>
      <c r="EH16" s="110">
        <v>0</v>
      </c>
      <c r="EI16" s="114">
        <v>68560</v>
      </c>
      <c r="EJ16" s="114">
        <v>183342</v>
      </c>
      <c r="EK16" s="114">
        <v>114150</v>
      </c>
      <c r="EL16" s="114">
        <v>121267</v>
      </c>
      <c r="EM16" s="114">
        <v>0</v>
      </c>
      <c r="EN16" s="112">
        <v>487319</v>
      </c>
      <c r="EO16" s="116">
        <v>487319</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270912</v>
      </c>
      <c r="FM16" s="114">
        <v>454888</v>
      </c>
      <c r="FN16" s="113">
        <v>725800</v>
      </c>
      <c r="FO16" s="110">
        <v>0</v>
      </c>
      <c r="FP16" s="114">
        <v>1508272</v>
      </c>
      <c r="FQ16" s="114">
        <v>1468272</v>
      </c>
      <c r="FR16" s="114">
        <v>1131208</v>
      </c>
      <c r="FS16" s="114">
        <v>1518312</v>
      </c>
      <c r="FT16" s="114">
        <v>710944</v>
      </c>
      <c r="FU16" s="113">
        <v>6337008</v>
      </c>
      <c r="FV16" s="116">
        <v>7062808</v>
      </c>
      <c r="FW16" s="115">
        <v>256128</v>
      </c>
      <c r="FX16" s="114">
        <v>353688</v>
      </c>
      <c r="FY16" s="112">
        <v>609816</v>
      </c>
      <c r="FZ16" s="111">
        <v>0</v>
      </c>
      <c r="GA16" s="114">
        <v>905792</v>
      </c>
      <c r="GB16" s="114">
        <v>1365832</v>
      </c>
      <c r="GC16" s="114">
        <v>1091208</v>
      </c>
      <c r="GD16" s="114">
        <v>1354344</v>
      </c>
      <c r="GE16" s="114">
        <v>710944</v>
      </c>
      <c r="GF16" s="113">
        <v>5428120</v>
      </c>
      <c r="GG16" s="318">
        <v>6037936</v>
      </c>
      <c r="GH16" s="115">
        <v>14784</v>
      </c>
      <c r="GI16" s="114">
        <v>0</v>
      </c>
      <c r="GJ16" s="112">
        <v>14784</v>
      </c>
      <c r="GK16" s="111">
        <v>0</v>
      </c>
      <c r="GL16" s="114">
        <v>123160</v>
      </c>
      <c r="GM16" s="114">
        <v>102440</v>
      </c>
      <c r="GN16" s="114">
        <v>0</v>
      </c>
      <c r="GO16" s="114">
        <v>119568</v>
      </c>
      <c r="GP16" s="114">
        <v>0</v>
      </c>
      <c r="GQ16" s="113">
        <v>345168</v>
      </c>
      <c r="GR16" s="116">
        <v>359952</v>
      </c>
      <c r="GS16" s="110">
        <v>0</v>
      </c>
      <c r="GT16" s="114">
        <v>101200</v>
      </c>
      <c r="GU16" s="113">
        <v>101200</v>
      </c>
      <c r="GV16" s="110">
        <v>0</v>
      </c>
      <c r="GW16" s="114">
        <v>479320</v>
      </c>
      <c r="GX16" s="114">
        <v>0</v>
      </c>
      <c r="GY16" s="114">
        <v>40000</v>
      </c>
      <c r="GZ16" s="114">
        <v>44400</v>
      </c>
      <c r="HA16" s="114">
        <v>0</v>
      </c>
      <c r="HB16" s="112">
        <v>563720</v>
      </c>
      <c r="HC16" s="116">
        <v>664920</v>
      </c>
      <c r="HD16" s="110">
        <v>444910</v>
      </c>
      <c r="HE16" s="114">
        <v>464237</v>
      </c>
      <c r="HF16" s="112">
        <v>909147</v>
      </c>
      <c r="HG16" s="111">
        <v>0</v>
      </c>
      <c r="HH16" s="114">
        <v>4449150</v>
      </c>
      <c r="HI16" s="114">
        <v>3634354</v>
      </c>
      <c r="HJ16" s="114">
        <v>2822879</v>
      </c>
      <c r="HK16" s="114">
        <v>3372993</v>
      </c>
      <c r="HL16" s="114">
        <v>1851894</v>
      </c>
      <c r="HM16" s="113">
        <v>16131270</v>
      </c>
      <c r="HN16" s="116">
        <v>17040417</v>
      </c>
      <c r="HO16" s="503"/>
      <c r="HP16" s="329"/>
      <c r="HQ16" s="330"/>
      <c r="HR16" s="331"/>
      <c r="HS16" s="329"/>
      <c r="HT16" s="329"/>
      <c r="HU16" s="329"/>
      <c r="HV16" s="329"/>
      <c r="HW16" s="329"/>
      <c r="HX16" s="329"/>
      <c r="HY16" s="510"/>
      <c r="HZ16" s="150">
        <v>0</v>
      </c>
      <c r="IA16" s="135">
        <v>265024</v>
      </c>
      <c r="IB16" s="150">
        <v>265024</v>
      </c>
      <c r="IC16" s="134">
        <v>0</v>
      </c>
      <c r="ID16" s="135">
        <v>3983382</v>
      </c>
      <c r="IE16" s="136">
        <v>7554459</v>
      </c>
      <c r="IF16" s="137">
        <v>4953333</v>
      </c>
      <c r="IG16" s="135">
        <v>4291303</v>
      </c>
      <c r="IH16" s="137">
        <v>3787598</v>
      </c>
      <c r="II16" s="138">
        <v>24570075</v>
      </c>
      <c r="IJ16" s="150">
        <v>24835099</v>
      </c>
      <c r="IK16" s="232">
        <v>0</v>
      </c>
      <c r="IL16" s="236">
        <v>0</v>
      </c>
      <c r="IM16" s="237">
        <v>0</v>
      </c>
      <c r="IN16" s="140"/>
      <c r="IO16" s="119">
        <v>312336</v>
      </c>
      <c r="IP16" s="119">
        <v>232789</v>
      </c>
      <c r="IQ16" s="119">
        <v>0</v>
      </c>
      <c r="IR16" s="119">
        <v>253872</v>
      </c>
      <c r="IS16" s="119">
        <v>253568</v>
      </c>
      <c r="IT16" s="141">
        <v>1052565</v>
      </c>
      <c r="IU16" s="320">
        <v>1052565</v>
      </c>
      <c r="IV16" s="142">
        <v>0</v>
      </c>
      <c r="IW16" s="119">
        <v>0</v>
      </c>
      <c r="IX16" s="120">
        <v>0</v>
      </c>
      <c r="IY16" s="144"/>
      <c r="IZ16" s="119">
        <v>10692</v>
      </c>
      <c r="JA16" s="119">
        <v>10692</v>
      </c>
      <c r="JB16" s="119">
        <v>32076</v>
      </c>
      <c r="JC16" s="119">
        <v>1734</v>
      </c>
      <c r="JD16" s="119">
        <v>0</v>
      </c>
      <c r="JE16" s="120">
        <v>55194</v>
      </c>
      <c r="JF16" s="121">
        <v>55194</v>
      </c>
      <c r="JG16" s="142">
        <v>0</v>
      </c>
      <c r="JH16" s="119">
        <v>0</v>
      </c>
      <c r="JI16" s="141">
        <v>0</v>
      </c>
      <c r="JJ16" s="118">
        <v>0</v>
      </c>
      <c r="JK16" s="119">
        <v>1818805</v>
      </c>
      <c r="JL16" s="119">
        <v>1315392</v>
      </c>
      <c r="JM16" s="119">
        <v>487922</v>
      </c>
      <c r="JN16" s="119">
        <v>284611</v>
      </c>
      <c r="JO16" s="119">
        <v>64479</v>
      </c>
      <c r="JP16" s="120">
        <v>3971209</v>
      </c>
      <c r="JQ16" s="320">
        <v>3971209</v>
      </c>
      <c r="JR16" s="142">
        <v>0</v>
      </c>
      <c r="JS16" s="119">
        <v>0</v>
      </c>
      <c r="JT16" s="141">
        <v>0</v>
      </c>
      <c r="JU16" s="118">
        <v>0</v>
      </c>
      <c r="JV16" s="119">
        <v>199452</v>
      </c>
      <c r="JW16" s="119">
        <v>205505</v>
      </c>
      <c r="JX16" s="119">
        <v>181396</v>
      </c>
      <c r="JY16" s="119">
        <v>0</v>
      </c>
      <c r="JZ16" s="119">
        <v>46452</v>
      </c>
      <c r="KA16" s="120">
        <v>632805</v>
      </c>
      <c r="KB16" s="320">
        <v>632805</v>
      </c>
      <c r="KC16" s="234">
        <v>0</v>
      </c>
      <c r="KD16" s="230">
        <v>0</v>
      </c>
      <c r="KE16" s="120">
        <v>0</v>
      </c>
      <c r="KF16" s="118">
        <v>0</v>
      </c>
      <c r="KG16" s="119">
        <v>107631</v>
      </c>
      <c r="KH16" s="119">
        <v>1246687</v>
      </c>
      <c r="KI16" s="119">
        <v>701340</v>
      </c>
      <c r="KJ16" s="119">
        <v>1042290</v>
      </c>
      <c r="KK16" s="119">
        <v>500370</v>
      </c>
      <c r="KL16" s="120">
        <v>3598318</v>
      </c>
      <c r="KM16" s="143">
        <v>3598318</v>
      </c>
      <c r="KN16" s="232">
        <v>0</v>
      </c>
      <c r="KO16" s="236">
        <v>265024</v>
      </c>
      <c r="KP16" s="237">
        <v>265024</v>
      </c>
      <c r="KQ16" s="140"/>
      <c r="KR16" s="119">
        <v>952138</v>
      </c>
      <c r="KS16" s="119">
        <v>3014946</v>
      </c>
      <c r="KT16" s="119">
        <v>1542004</v>
      </c>
      <c r="KU16" s="119">
        <v>1602615</v>
      </c>
      <c r="KV16" s="119">
        <v>805549</v>
      </c>
      <c r="KW16" s="120">
        <v>7917252</v>
      </c>
      <c r="KX16" s="320">
        <v>8182276</v>
      </c>
      <c r="KY16" s="142">
        <v>0</v>
      </c>
      <c r="KZ16" s="119">
        <v>0</v>
      </c>
      <c r="LA16" s="120">
        <v>0</v>
      </c>
      <c r="LB16" s="145"/>
      <c r="LC16" s="119">
        <v>200258</v>
      </c>
      <c r="LD16" s="119">
        <v>533254</v>
      </c>
      <c r="LE16" s="119">
        <v>395914</v>
      </c>
      <c r="LF16" s="119">
        <v>105475</v>
      </c>
      <c r="LG16" s="119">
        <v>711219</v>
      </c>
      <c r="LH16" s="120">
        <v>1946120</v>
      </c>
      <c r="LI16" s="121">
        <v>1946120</v>
      </c>
      <c r="LJ16" s="142">
        <v>0</v>
      </c>
      <c r="LK16" s="119">
        <v>0</v>
      </c>
      <c r="LL16" s="120">
        <v>0</v>
      </c>
      <c r="LM16" s="145"/>
      <c r="LN16" s="119">
        <v>0</v>
      </c>
      <c r="LO16" s="119">
        <v>212983</v>
      </c>
      <c r="LP16" s="119">
        <v>233877</v>
      </c>
      <c r="LQ16" s="119">
        <v>284706</v>
      </c>
      <c r="LR16" s="119">
        <v>1065481</v>
      </c>
      <c r="LS16" s="120">
        <v>1797047</v>
      </c>
      <c r="LT16" s="320">
        <v>1797047</v>
      </c>
      <c r="LU16" s="142">
        <v>0</v>
      </c>
      <c r="LV16" s="119">
        <v>0</v>
      </c>
      <c r="LW16" s="120">
        <v>0</v>
      </c>
      <c r="LX16" s="145"/>
      <c r="LY16" s="119">
        <v>382070</v>
      </c>
      <c r="LZ16" s="119">
        <v>782211</v>
      </c>
      <c r="MA16" s="119">
        <v>1378804</v>
      </c>
      <c r="MB16" s="119">
        <v>716000</v>
      </c>
      <c r="MC16" s="119">
        <v>340480</v>
      </c>
      <c r="MD16" s="120">
        <v>3599565</v>
      </c>
      <c r="ME16" s="121">
        <v>3599565</v>
      </c>
      <c r="MF16" s="142">
        <v>0</v>
      </c>
      <c r="MG16" s="119">
        <v>0</v>
      </c>
      <c r="MH16" s="120">
        <v>0</v>
      </c>
      <c r="MI16" s="145"/>
      <c r="MJ16" s="119">
        <v>978494</v>
      </c>
      <c r="MK16" s="119">
        <v>1417923</v>
      </c>
      <c r="ML16" s="119">
        <v>9091752</v>
      </c>
      <c r="MM16" s="119">
        <v>13121010</v>
      </c>
      <c r="MN16" s="119">
        <v>7387892</v>
      </c>
      <c r="MO16" s="120">
        <v>31997071</v>
      </c>
      <c r="MP16" s="143">
        <v>31997071</v>
      </c>
      <c r="MQ16" s="142">
        <v>0</v>
      </c>
      <c r="MR16" s="119">
        <v>0</v>
      </c>
      <c r="MS16" s="120">
        <v>0</v>
      </c>
      <c r="MT16" s="145"/>
      <c r="MU16" s="119">
        <v>215310</v>
      </c>
      <c r="MV16" s="119">
        <v>0</v>
      </c>
      <c r="MW16" s="119">
        <v>6143715</v>
      </c>
      <c r="MX16" s="119">
        <v>9043899</v>
      </c>
      <c r="MY16" s="119">
        <v>5688686</v>
      </c>
      <c r="MZ16" s="120">
        <v>21091610</v>
      </c>
      <c r="NA16" s="143">
        <v>21091610</v>
      </c>
      <c r="NB16" s="142">
        <v>0</v>
      </c>
      <c r="NC16" s="119">
        <v>0</v>
      </c>
      <c r="ND16" s="120">
        <v>0</v>
      </c>
      <c r="NE16" s="145"/>
      <c r="NF16" s="119">
        <v>763184</v>
      </c>
      <c r="NG16" s="119">
        <v>1417923</v>
      </c>
      <c r="NH16" s="119">
        <v>2948037</v>
      </c>
      <c r="NI16" s="119">
        <v>4077111</v>
      </c>
      <c r="NJ16" s="119">
        <v>951188</v>
      </c>
      <c r="NK16" s="120">
        <v>10157443</v>
      </c>
      <c r="NL16" s="320">
        <v>10157443</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748018</v>
      </c>
      <c r="OG16" s="120">
        <v>748018</v>
      </c>
      <c r="OH16" s="121">
        <v>748018</v>
      </c>
      <c r="OI16" s="142">
        <v>1278543</v>
      </c>
      <c r="OJ16" s="119">
        <v>2130175</v>
      </c>
      <c r="OK16" s="141">
        <v>3408718</v>
      </c>
      <c r="OL16" s="118">
        <v>0</v>
      </c>
      <c r="OM16" s="119">
        <v>24944688</v>
      </c>
      <c r="ON16" s="119">
        <v>25379854</v>
      </c>
      <c r="OO16" s="119">
        <v>29028683</v>
      </c>
      <c r="OP16" s="119">
        <v>31838077</v>
      </c>
      <c r="OQ16" s="119">
        <v>19182615</v>
      </c>
      <c r="OR16" s="120">
        <v>130373917</v>
      </c>
      <c r="OS16" s="143">
        <v>133782635</v>
      </c>
    </row>
    <row r="17" spans="2:409" ht="21" customHeight="1" x14ac:dyDescent="0.2">
      <c r="B17" s="126" t="s">
        <v>11</v>
      </c>
      <c r="C17" s="110">
        <v>353103</v>
      </c>
      <c r="D17" s="114">
        <v>1008696</v>
      </c>
      <c r="E17" s="171">
        <v>1361799</v>
      </c>
      <c r="F17" s="111">
        <v>0</v>
      </c>
      <c r="G17" s="114">
        <v>7673048</v>
      </c>
      <c r="H17" s="114">
        <v>6268737</v>
      </c>
      <c r="I17" s="114">
        <v>7741869</v>
      </c>
      <c r="J17" s="114">
        <v>8526353</v>
      </c>
      <c r="K17" s="114">
        <v>4086180</v>
      </c>
      <c r="L17" s="109">
        <v>34296187</v>
      </c>
      <c r="M17" s="116">
        <v>35657986</v>
      </c>
      <c r="N17" s="110">
        <v>110501</v>
      </c>
      <c r="O17" s="114">
        <v>183541</v>
      </c>
      <c r="P17" s="113">
        <v>294042</v>
      </c>
      <c r="Q17" s="110">
        <v>0</v>
      </c>
      <c r="R17" s="114">
        <v>1530804</v>
      </c>
      <c r="S17" s="114">
        <v>1714602</v>
      </c>
      <c r="T17" s="114">
        <v>2426715</v>
      </c>
      <c r="U17" s="114">
        <v>2369950</v>
      </c>
      <c r="V17" s="114">
        <v>2494384</v>
      </c>
      <c r="W17" s="113">
        <v>10536455</v>
      </c>
      <c r="X17" s="116">
        <v>10830497</v>
      </c>
      <c r="Y17" s="110">
        <v>0</v>
      </c>
      <c r="Z17" s="114">
        <v>0</v>
      </c>
      <c r="AA17" s="113">
        <v>0</v>
      </c>
      <c r="AB17" s="110">
        <v>0</v>
      </c>
      <c r="AC17" s="114">
        <v>282949</v>
      </c>
      <c r="AD17" s="114">
        <v>608281</v>
      </c>
      <c r="AE17" s="114">
        <v>1565757</v>
      </c>
      <c r="AF17" s="114">
        <v>1054871</v>
      </c>
      <c r="AG17" s="114">
        <v>1464423</v>
      </c>
      <c r="AH17" s="113">
        <v>4976281</v>
      </c>
      <c r="AI17" s="116">
        <v>4976281</v>
      </c>
      <c r="AJ17" s="110">
        <v>0</v>
      </c>
      <c r="AK17" s="114">
        <v>0</v>
      </c>
      <c r="AL17" s="113">
        <v>0</v>
      </c>
      <c r="AM17" s="110">
        <v>0</v>
      </c>
      <c r="AN17" s="114">
        <v>0</v>
      </c>
      <c r="AO17" s="114">
        <v>94200</v>
      </c>
      <c r="AP17" s="114">
        <v>128372</v>
      </c>
      <c r="AQ17" s="114">
        <v>220477</v>
      </c>
      <c r="AR17" s="114">
        <v>243411</v>
      </c>
      <c r="AS17" s="113">
        <v>686460</v>
      </c>
      <c r="AT17" s="116">
        <v>686460</v>
      </c>
      <c r="AU17" s="110">
        <v>93101</v>
      </c>
      <c r="AV17" s="114">
        <v>87650</v>
      </c>
      <c r="AW17" s="113">
        <v>180751</v>
      </c>
      <c r="AX17" s="110">
        <v>0</v>
      </c>
      <c r="AY17" s="114">
        <v>812171</v>
      </c>
      <c r="AZ17" s="114">
        <v>761155</v>
      </c>
      <c r="BA17" s="114">
        <v>417258</v>
      </c>
      <c r="BB17" s="114">
        <v>633199</v>
      </c>
      <c r="BC17" s="114">
        <v>603206</v>
      </c>
      <c r="BD17" s="113">
        <v>3226989</v>
      </c>
      <c r="BE17" s="116">
        <v>3407740</v>
      </c>
      <c r="BF17" s="110">
        <v>0</v>
      </c>
      <c r="BG17" s="114">
        <v>50499</v>
      </c>
      <c r="BH17" s="112">
        <v>50499</v>
      </c>
      <c r="BI17" s="111">
        <v>0</v>
      </c>
      <c r="BJ17" s="114">
        <v>87348</v>
      </c>
      <c r="BK17" s="114">
        <v>41862</v>
      </c>
      <c r="BL17" s="114">
        <v>0</v>
      </c>
      <c r="BM17" s="114">
        <v>180843</v>
      </c>
      <c r="BN17" s="114">
        <v>0</v>
      </c>
      <c r="BO17" s="113">
        <v>310053</v>
      </c>
      <c r="BP17" s="116">
        <v>360552</v>
      </c>
      <c r="BQ17" s="110">
        <v>17400</v>
      </c>
      <c r="BR17" s="114">
        <v>45392</v>
      </c>
      <c r="BS17" s="113">
        <v>62792</v>
      </c>
      <c r="BT17" s="110">
        <v>0</v>
      </c>
      <c r="BU17" s="114">
        <v>348336</v>
      </c>
      <c r="BV17" s="114">
        <v>209104</v>
      </c>
      <c r="BW17" s="114">
        <v>315328</v>
      </c>
      <c r="BX17" s="114">
        <v>280560</v>
      </c>
      <c r="BY17" s="114">
        <v>183344</v>
      </c>
      <c r="BZ17" s="113">
        <v>1336672</v>
      </c>
      <c r="CA17" s="116">
        <v>1399464</v>
      </c>
      <c r="CB17" s="110">
        <v>104273</v>
      </c>
      <c r="CC17" s="114">
        <v>148437</v>
      </c>
      <c r="CD17" s="113">
        <v>252710</v>
      </c>
      <c r="CE17" s="110">
        <v>0</v>
      </c>
      <c r="CF17" s="114">
        <v>2366413</v>
      </c>
      <c r="CG17" s="114">
        <v>1552541</v>
      </c>
      <c r="CH17" s="114">
        <v>2296386</v>
      </c>
      <c r="CI17" s="114">
        <v>1914906</v>
      </c>
      <c r="CJ17" s="114">
        <v>244941</v>
      </c>
      <c r="CK17" s="113">
        <v>8375187</v>
      </c>
      <c r="CL17" s="116">
        <v>8627897</v>
      </c>
      <c r="CM17" s="110">
        <v>0</v>
      </c>
      <c r="CN17" s="114">
        <v>0</v>
      </c>
      <c r="CO17" s="113">
        <v>0</v>
      </c>
      <c r="CP17" s="111">
        <v>0</v>
      </c>
      <c r="CQ17" s="114">
        <v>1666747</v>
      </c>
      <c r="CR17" s="114">
        <v>1079726</v>
      </c>
      <c r="CS17" s="114">
        <v>2033364</v>
      </c>
      <c r="CT17" s="114">
        <v>1211921</v>
      </c>
      <c r="CU17" s="114">
        <v>144008</v>
      </c>
      <c r="CV17" s="113">
        <v>6135766</v>
      </c>
      <c r="CW17" s="116">
        <v>6135766</v>
      </c>
      <c r="CX17" s="110">
        <v>104273</v>
      </c>
      <c r="CY17" s="114">
        <v>148437</v>
      </c>
      <c r="CZ17" s="113">
        <v>252710</v>
      </c>
      <c r="DA17" s="110">
        <v>0</v>
      </c>
      <c r="DB17" s="114">
        <v>699666</v>
      </c>
      <c r="DC17" s="114">
        <v>472815</v>
      </c>
      <c r="DD17" s="114">
        <v>263022</v>
      </c>
      <c r="DE17" s="114">
        <v>702985</v>
      </c>
      <c r="DF17" s="114">
        <v>100933</v>
      </c>
      <c r="DG17" s="113">
        <v>2239421</v>
      </c>
      <c r="DH17" s="116">
        <v>2492131</v>
      </c>
      <c r="DI17" s="110">
        <v>8819</v>
      </c>
      <c r="DJ17" s="114">
        <v>98882</v>
      </c>
      <c r="DK17" s="112">
        <v>107701</v>
      </c>
      <c r="DL17" s="111">
        <v>0</v>
      </c>
      <c r="DM17" s="114">
        <v>367373</v>
      </c>
      <c r="DN17" s="114">
        <v>405906</v>
      </c>
      <c r="DO17" s="114">
        <v>626656</v>
      </c>
      <c r="DP17" s="114">
        <v>363079</v>
      </c>
      <c r="DQ17" s="114">
        <v>0</v>
      </c>
      <c r="DR17" s="113">
        <v>1763014</v>
      </c>
      <c r="DS17" s="116">
        <v>1870715</v>
      </c>
      <c r="DT17" s="110">
        <v>8819</v>
      </c>
      <c r="DU17" s="114">
        <v>98882</v>
      </c>
      <c r="DV17" s="113">
        <v>107701</v>
      </c>
      <c r="DW17" s="110">
        <v>0</v>
      </c>
      <c r="DX17" s="114">
        <v>367373</v>
      </c>
      <c r="DY17" s="114">
        <v>289394</v>
      </c>
      <c r="DZ17" s="114">
        <v>626656</v>
      </c>
      <c r="EA17" s="114">
        <v>363079</v>
      </c>
      <c r="EB17" s="114">
        <v>0</v>
      </c>
      <c r="EC17" s="113">
        <v>1646502</v>
      </c>
      <c r="ED17" s="116">
        <v>1754203</v>
      </c>
      <c r="EE17" s="110">
        <v>0</v>
      </c>
      <c r="EF17" s="112">
        <v>0</v>
      </c>
      <c r="EG17" s="113">
        <v>0</v>
      </c>
      <c r="EH17" s="110">
        <v>0</v>
      </c>
      <c r="EI17" s="114">
        <v>0</v>
      </c>
      <c r="EJ17" s="114">
        <v>116512</v>
      </c>
      <c r="EK17" s="114">
        <v>0</v>
      </c>
      <c r="EL17" s="114">
        <v>0</v>
      </c>
      <c r="EM17" s="114">
        <v>0</v>
      </c>
      <c r="EN17" s="112">
        <v>116512</v>
      </c>
      <c r="EO17" s="116">
        <v>116512</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75480</v>
      </c>
      <c r="FM17" s="114">
        <v>200768</v>
      </c>
      <c r="FN17" s="113">
        <v>276248</v>
      </c>
      <c r="FO17" s="110">
        <v>0</v>
      </c>
      <c r="FP17" s="114">
        <v>250104</v>
      </c>
      <c r="FQ17" s="114">
        <v>621288</v>
      </c>
      <c r="FR17" s="114">
        <v>500120</v>
      </c>
      <c r="FS17" s="114">
        <v>621200</v>
      </c>
      <c r="FT17" s="114">
        <v>189400</v>
      </c>
      <c r="FU17" s="113">
        <v>2182112</v>
      </c>
      <c r="FV17" s="116">
        <v>2458360</v>
      </c>
      <c r="FW17" s="115">
        <v>75480</v>
      </c>
      <c r="FX17" s="114">
        <v>200768</v>
      </c>
      <c r="FY17" s="112">
        <v>276248</v>
      </c>
      <c r="FZ17" s="111">
        <v>0</v>
      </c>
      <c r="GA17" s="114">
        <v>250104</v>
      </c>
      <c r="GB17" s="114">
        <v>621288</v>
      </c>
      <c r="GC17" s="114">
        <v>500120</v>
      </c>
      <c r="GD17" s="114">
        <v>621200</v>
      </c>
      <c r="GE17" s="114">
        <v>189400</v>
      </c>
      <c r="GF17" s="113">
        <v>2182112</v>
      </c>
      <c r="GG17" s="318">
        <v>2458360</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54030</v>
      </c>
      <c r="HE17" s="114">
        <v>377068</v>
      </c>
      <c r="HF17" s="112">
        <v>431098</v>
      </c>
      <c r="HG17" s="111">
        <v>0</v>
      </c>
      <c r="HH17" s="114">
        <v>3158354</v>
      </c>
      <c r="HI17" s="114">
        <v>1974400</v>
      </c>
      <c r="HJ17" s="114">
        <v>1891992</v>
      </c>
      <c r="HK17" s="114">
        <v>3257218</v>
      </c>
      <c r="HL17" s="114">
        <v>1157455</v>
      </c>
      <c r="HM17" s="113">
        <v>11439419</v>
      </c>
      <c r="HN17" s="116">
        <v>11870517</v>
      </c>
      <c r="HO17" s="503"/>
      <c r="HP17" s="329"/>
      <c r="HQ17" s="330"/>
      <c r="HR17" s="331"/>
      <c r="HS17" s="329"/>
      <c r="HT17" s="329"/>
      <c r="HU17" s="329"/>
      <c r="HV17" s="329"/>
      <c r="HW17" s="329"/>
      <c r="HX17" s="329"/>
      <c r="HY17" s="510"/>
      <c r="HZ17" s="133">
        <v>0</v>
      </c>
      <c r="IA17" s="132">
        <v>0</v>
      </c>
      <c r="IB17" s="133">
        <v>0</v>
      </c>
      <c r="IC17" s="146">
        <v>0</v>
      </c>
      <c r="ID17" s="132">
        <v>1193652</v>
      </c>
      <c r="IE17" s="147">
        <v>1645938</v>
      </c>
      <c r="IF17" s="133">
        <v>3221327</v>
      </c>
      <c r="IG17" s="132">
        <v>1799013</v>
      </c>
      <c r="IH17" s="133">
        <v>223316</v>
      </c>
      <c r="II17" s="148">
        <v>8083246</v>
      </c>
      <c r="IJ17" s="139">
        <v>8083246</v>
      </c>
      <c r="IK17" s="232">
        <v>0</v>
      </c>
      <c r="IL17" s="236">
        <v>0</v>
      </c>
      <c r="IM17" s="237">
        <v>0</v>
      </c>
      <c r="IN17" s="140"/>
      <c r="IO17" s="119">
        <v>76723</v>
      </c>
      <c r="IP17" s="119">
        <v>134306</v>
      </c>
      <c r="IQ17" s="119">
        <v>329956</v>
      </c>
      <c r="IR17" s="119">
        <v>0</v>
      </c>
      <c r="IS17" s="119">
        <v>0</v>
      </c>
      <c r="IT17" s="141">
        <v>540985</v>
      </c>
      <c r="IU17" s="320">
        <v>540985</v>
      </c>
      <c r="IV17" s="142">
        <v>0</v>
      </c>
      <c r="IW17" s="119">
        <v>0</v>
      </c>
      <c r="IX17" s="120">
        <v>0</v>
      </c>
      <c r="IY17" s="144"/>
      <c r="IZ17" s="119">
        <v>0</v>
      </c>
      <c r="JA17" s="119">
        <v>0</v>
      </c>
      <c r="JB17" s="119">
        <v>0</v>
      </c>
      <c r="JC17" s="119">
        <v>16836</v>
      </c>
      <c r="JD17" s="119">
        <v>0</v>
      </c>
      <c r="JE17" s="120">
        <v>16836</v>
      </c>
      <c r="JF17" s="121">
        <v>16836</v>
      </c>
      <c r="JG17" s="142">
        <v>0</v>
      </c>
      <c r="JH17" s="119">
        <v>0</v>
      </c>
      <c r="JI17" s="141">
        <v>0</v>
      </c>
      <c r="JJ17" s="118">
        <v>0</v>
      </c>
      <c r="JK17" s="119">
        <v>901002</v>
      </c>
      <c r="JL17" s="119">
        <v>494725</v>
      </c>
      <c r="JM17" s="119">
        <v>980101</v>
      </c>
      <c r="JN17" s="119">
        <v>398802</v>
      </c>
      <c r="JO17" s="119">
        <v>223316</v>
      </c>
      <c r="JP17" s="120">
        <v>2997946</v>
      </c>
      <c r="JQ17" s="320">
        <v>2997946</v>
      </c>
      <c r="JR17" s="142">
        <v>0</v>
      </c>
      <c r="JS17" s="119">
        <v>0</v>
      </c>
      <c r="JT17" s="141">
        <v>0</v>
      </c>
      <c r="JU17" s="118">
        <v>0</v>
      </c>
      <c r="JV17" s="119">
        <v>109685</v>
      </c>
      <c r="JW17" s="119">
        <v>78879</v>
      </c>
      <c r="JX17" s="119">
        <v>197038</v>
      </c>
      <c r="JY17" s="119">
        <v>0</v>
      </c>
      <c r="JZ17" s="119">
        <v>0</v>
      </c>
      <c r="KA17" s="120">
        <v>385602</v>
      </c>
      <c r="KB17" s="320">
        <v>385602</v>
      </c>
      <c r="KC17" s="234">
        <v>0</v>
      </c>
      <c r="KD17" s="230">
        <v>0</v>
      </c>
      <c r="KE17" s="120">
        <v>0</v>
      </c>
      <c r="KF17" s="118">
        <v>0</v>
      </c>
      <c r="KG17" s="119">
        <v>106242</v>
      </c>
      <c r="KH17" s="119">
        <v>510271</v>
      </c>
      <c r="KI17" s="119">
        <v>688237</v>
      </c>
      <c r="KJ17" s="119">
        <v>265201</v>
      </c>
      <c r="KK17" s="119">
        <v>0</v>
      </c>
      <c r="KL17" s="120">
        <v>1569951</v>
      </c>
      <c r="KM17" s="143">
        <v>1569951</v>
      </c>
      <c r="KN17" s="232">
        <v>0</v>
      </c>
      <c r="KO17" s="236">
        <v>0</v>
      </c>
      <c r="KP17" s="237">
        <v>0</v>
      </c>
      <c r="KQ17" s="140"/>
      <c r="KR17" s="119">
        <v>0</v>
      </c>
      <c r="KS17" s="119">
        <v>237824</v>
      </c>
      <c r="KT17" s="119">
        <v>1025995</v>
      </c>
      <c r="KU17" s="119">
        <v>836532</v>
      </c>
      <c r="KV17" s="119">
        <v>0</v>
      </c>
      <c r="KW17" s="120">
        <v>2100351</v>
      </c>
      <c r="KX17" s="320">
        <v>2100351</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0">
        <v>0</v>
      </c>
      <c r="LU17" s="142">
        <v>0</v>
      </c>
      <c r="LV17" s="119">
        <v>0</v>
      </c>
      <c r="LW17" s="120">
        <v>0</v>
      </c>
      <c r="LX17" s="145"/>
      <c r="LY17" s="119">
        <v>0</v>
      </c>
      <c r="LZ17" s="119">
        <v>189933</v>
      </c>
      <c r="MA17" s="119">
        <v>0</v>
      </c>
      <c r="MB17" s="119">
        <v>281642</v>
      </c>
      <c r="MC17" s="119">
        <v>0</v>
      </c>
      <c r="MD17" s="120">
        <v>471575</v>
      </c>
      <c r="ME17" s="121">
        <v>471575</v>
      </c>
      <c r="MF17" s="142">
        <v>0</v>
      </c>
      <c r="MG17" s="119">
        <v>0</v>
      </c>
      <c r="MH17" s="120">
        <v>0</v>
      </c>
      <c r="MI17" s="145"/>
      <c r="MJ17" s="119">
        <v>240892</v>
      </c>
      <c r="MK17" s="119">
        <v>938306</v>
      </c>
      <c r="ML17" s="119">
        <v>3683520</v>
      </c>
      <c r="MM17" s="119">
        <v>4877276</v>
      </c>
      <c r="MN17" s="119">
        <v>3858538</v>
      </c>
      <c r="MO17" s="120">
        <v>13598532</v>
      </c>
      <c r="MP17" s="143">
        <v>13598532</v>
      </c>
      <c r="MQ17" s="142">
        <v>0</v>
      </c>
      <c r="MR17" s="119">
        <v>0</v>
      </c>
      <c r="MS17" s="120">
        <v>0</v>
      </c>
      <c r="MT17" s="145"/>
      <c r="MU17" s="119">
        <v>0</v>
      </c>
      <c r="MV17" s="119">
        <v>0</v>
      </c>
      <c r="MW17" s="119">
        <v>1740925</v>
      </c>
      <c r="MX17" s="119">
        <v>4201890</v>
      </c>
      <c r="MY17" s="119">
        <v>1099957</v>
      </c>
      <c r="MZ17" s="120">
        <v>7042772</v>
      </c>
      <c r="NA17" s="143">
        <v>7042772</v>
      </c>
      <c r="NB17" s="142">
        <v>0</v>
      </c>
      <c r="NC17" s="119">
        <v>0</v>
      </c>
      <c r="ND17" s="120">
        <v>0</v>
      </c>
      <c r="NE17" s="145"/>
      <c r="NF17" s="119">
        <v>240892</v>
      </c>
      <c r="NG17" s="119">
        <v>745634</v>
      </c>
      <c r="NH17" s="119">
        <v>1942595</v>
      </c>
      <c r="NI17" s="119">
        <v>675386</v>
      </c>
      <c r="NJ17" s="119">
        <v>2758581</v>
      </c>
      <c r="NK17" s="120">
        <v>6363088</v>
      </c>
      <c r="NL17" s="320">
        <v>6363088</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192672</v>
      </c>
      <c r="OD17" s="119">
        <v>0</v>
      </c>
      <c r="OE17" s="119">
        <v>0</v>
      </c>
      <c r="OF17" s="119">
        <v>0</v>
      </c>
      <c r="OG17" s="120">
        <v>192672</v>
      </c>
      <c r="OH17" s="121">
        <v>192672</v>
      </c>
      <c r="OI17" s="142">
        <v>353103</v>
      </c>
      <c r="OJ17" s="119">
        <v>1008696</v>
      </c>
      <c r="OK17" s="141">
        <v>1361799</v>
      </c>
      <c r="OL17" s="118">
        <v>0</v>
      </c>
      <c r="OM17" s="119">
        <v>9107592</v>
      </c>
      <c r="ON17" s="119">
        <v>8852981</v>
      </c>
      <c r="OO17" s="119">
        <v>14646716</v>
      </c>
      <c r="OP17" s="119">
        <v>15202642</v>
      </c>
      <c r="OQ17" s="119">
        <v>8168034</v>
      </c>
      <c r="OR17" s="120">
        <v>55977965</v>
      </c>
      <c r="OS17" s="143">
        <v>57339764</v>
      </c>
    </row>
    <row r="18" spans="2:409" ht="21" customHeight="1" x14ac:dyDescent="0.2">
      <c r="B18" s="126" t="s">
        <v>12</v>
      </c>
      <c r="C18" s="110">
        <v>900464</v>
      </c>
      <c r="D18" s="114">
        <v>1608970</v>
      </c>
      <c r="E18" s="113">
        <v>2509434</v>
      </c>
      <c r="F18" s="109">
        <v>0</v>
      </c>
      <c r="G18" s="114">
        <v>7384681</v>
      </c>
      <c r="H18" s="170">
        <v>8416415</v>
      </c>
      <c r="I18" s="170">
        <v>9429285</v>
      </c>
      <c r="J18" s="170">
        <v>10628548</v>
      </c>
      <c r="K18" s="170">
        <v>4327418</v>
      </c>
      <c r="L18" s="112">
        <v>40186347</v>
      </c>
      <c r="M18" s="116">
        <v>42695781</v>
      </c>
      <c r="N18" s="110">
        <v>396114</v>
      </c>
      <c r="O18" s="114">
        <v>525250</v>
      </c>
      <c r="P18" s="113">
        <v>921364</v>
      </c>
      <c r="Q18" s="110">
        <v>0</v>
      </c>
      <c r="R18" s="114">
        <v>2322183</v>
      </c>
      <c r="S18" s="114">
        <v>3232916</v>
      </c>
      <c r="T18" s="114">
        <v>2972464</v>
      </c>
      <c r="U18" s="114">
        <v>4677312</v>
      </c>
      <c r="V18" s="114">
        <v>2453517</v>
      </c>
      <c r="W18" s="113">
        <v>15658392</v>
      </c>
      <c r="X18" s="116">
        <v>16579756</v>
      </c>
      <c r="Y18" s="110">
        <v>0</v>
      </c>
      <c r="Z18" s="114">
        <v>0</v>
      </c>
      <c r="AA18" s="113">
        <v>0</v>
      </c>
      <c r="AB18" s="110">
        <v>0</v>
      </c>
      <c r="AC18" s="114">
        <v>1378679</v>
      </c>
      <c r="AD18" s="114">
        <v>1502391</v>
      </c>
      <c r="AE18" s="114">
        <v>1600769</v>
      </c>
      <c r="AF18" s="114">
        <v>3455544</v>
      </c>
      <c r="AG18" s="114">
        <v>1870931</v>
      </c>
      <c r="AH18" s="113">
        <v>9808314</v>
      </c>
      <c r="AI18" s="116">
        <v>9808314</v>
      </c>
      <c r="AJ18" s="110">
        <v>0</v>
      </c>
      <c r="AK18" s="114">
        <v>0</v>
      </c>
      <c r="AL18" s="113">
        <v>0</v>
      </c>
      <c r="AM18" s="110">
        <v>0</v>
      </c>
      <c r="AN18" s="114">
        <v>0</v>
      </c>
      <c r="AO18" s="114">
        <v>46763</v>
      </c>
      <c r="AP18" s="114">
        <v>83750</v>
      </c>
      <c r="AQ18" s="114">
        <v>141829</v>
      </c>
      <c r="AR18" s="114">
        <v>140296</v>
      </c>
      <c r="AS18" s="113">
        <v>412638</v>
      </c>
      <c r="AT18" s="116">
        <v>412638</v>
      </c>
      <c r="AU18" s="110">
        <v>358362</v>
      </c>
      <c r="AV18" s="114">
        <v>442650</v>
      </c>
      <c r="AW18" s="113">
        <v>801012</v>
      </c>
      <c r="AX18" s="110">
        <v>0</v>
      </c>
      <c r="AY18" s="114">
        <v>720288</v>
      </c>
      <c r="AZ18" s="114">
        <v>1148220</v>
      </c>
      <c r="BA18" s="114">
        <v>759872</v>
      </c>
      <c r="BB18" s="114">
        <v>628598</v>
      </c>
      <c r="BC18" s="114">
        <v>218172</v>
      </c>
      <c r="BD18" s="113">
        <v>3475150</v>
      </c>
      <c r="BE18" s="116">
        <v>4276162</v>
      </c>
      <c r="BF18" s="110">
        <v>0</v>
      </c>
      <c r="BG18" s="114">
        <v>0</v>
      </c>
      <c r="BH18" s="112">
        <v>0</v>
      </c>
      <c r="BI18" s="111">
        <v>0</v>
      </c>
      <c r="BJ18" s="114">
        <v>0</v>
      </c>
      <c r="BK18" s="114">
        <v>168822</v>
      </c>
      <c r="BL18" s="114">
        <v>184585</v>
      </c>
      <c r="BM18" s="114">
        <v>33957</v>
      </c>
      <c r="BN18" s="114">
        <v>25302</v>
      </c>
      <c r="BO18" s="113">
        <v>412666</v>
      </c>
      <c r="BP18" s="116">
        <v>412666</v>
      </c>
      <c r="BQ18" s="110">
        <v>37752</v>
      </c>
      <c r="BR18" s="114">
        <v>82600</v>
      </c>
      <c r="BS18" s="113">
        <v>120352</v>
      </c>
      <c r="BT18" s="110">
        <v>0</v>
      </c>
      <c r="BU18" s="114">
        <v>223216</v>
      </c>
      <c r="BV18" s="114">
        <v>366720</v>
      </c>
      <c r="BW18" s="114">
        <v>343488</v>
      </c>
      <c r="BX18" s="114">
        <v>417384</v>
      </c>
      <c r="BY18" s="114">
        <v>198816</v>
      </c>
      <c r="BZ18" s="113">
        <v>1549624</v>
      </c>
      <c r="CA18" s="116">
        <v>1669976</v>
      </c>
      <c r="CB18" s="110">
        <v>274457</v>
      </c>
      <c r="CC18" s="114">
        <v>152752</v>
      </c>
      <c r="CD18" s="113">
        <v>427209</v>
      </c>
      <c r="CE18" s="110">
        <v>0</v>
      </c>
      <c r="CF18" s="114">
        <v>2620484</v>
      </c>
      <c r="CG18" s="114">
        <v>2781319</v>
      </c>
      <c r="CH18" s="114">
        <v>2408463</v>
      </c>
      <c r="CI18" s="114">
        <v>1358670</v>
      </c>
      <c r="CJ18" s="114">
        <v>456352</v>
      </c>
      <c r="CK18" s="113">
        <v>9625288</v>
      </c>
      <c r="CL18" s="116">
        <v>10052497</v>
      </c>
      <c r="CM18" s="110">
        <v>0</v>
      </c>
      <c r="CN18" s="114">
        <v>0</v>
      </c>
      <c r="CO18" s="113">
        <v>0</v>
      </c>
      <c r="CP18" s="111">
        <v>0</v>
      </c>
      <c r="CQ18" s="114">
        <v>2347152</v>
      </c>
      <c r="CR18" s="114">
        <v>1872794</v>
      </c>
      <c r="CS18" s="114">
        <v>1654436</v>
      </c>
      <c r="CT18" s="114">
        <v>824795</v>
      </c>
      <c r="CU18" s="114">
        <v>198981</v>
      </c>
      <c r="CV18" s="113">
        <v>6898158</v>
      </c>
      <c r="CW18" s="116">
        <v>6898158</v>
      </c>
      <c r="CX18" s="110">
        <v>274457</v>
      </c>
      <c r="CY18" s="114">
        <v>152752</v>
      </c>
      <c r="CZ18" s="113">
        <v>427209</v>
      </c>
      <c r="DA18" s="110">
        <v>0</v>
      </c>
      <c r="DB18" s="114">
        <v>273332</v>
      </c>
      <c r="DC18" s="114">
        <v>908525</v>
      </c>
      <c r="DD18" s="114">
        <v>754027</v>
      </c>
      <c r="DE18" s="114">
        <v>533875</v>
      </c>
      <c r="DF18" s="114">
        <v>257371</v>
      </c>
      <c r="DG18" s="113">
        <v>2727130</v>
      </c>
      <c r="DH18" s="116">
        <v>3154339</v>
      </c>
      <c r="DI18" s="110">
        <v>0</v>
      </c>
      <c r="DJ18" s="114">
        <v>83706</v>
      </c>
      <c r="DK18" s="112">
        <v>83706</v>
      </c>
      <c r="DL18" s="111">
        <v>0</v>
      </c>
      <c r="DM18" s="114">
        <v>497086</v>
      </c>
      <c r="DN18" s="114">
        <v>232943</v>
      </c>
      <c r="DO18" s="114">
        <v>520043</v>
      </c>
      <c r="DP18" s="114">
        <v>1390752</v>
      </c>
      <c r="DQ18" s="114">
        <v>216476</v>
      </c>
      <c r="DR18" s="113">
        <v>2857300</v>
      </c>
      <c r="DS18" s="116">
        <v>2941006</v>
      </c>
      <c r="DT18" s="110">
        <v>0</v>
      </c>
      <c r="DU18" s="114">
        <v>83706</v>
      </c>
      <c r="DV18" s="113">
        <v>83706</v>
      </c>
      <c r="DW18" s="110">
        <v>0</v>
      </c>
      <c r="DX18" s="114">
        <v>497086</v>
      </c>
      <c r="DY18" s="114">
        <v>164509</v>
      </c>
      <c r="DZ18" s="114">
        <v>421643</v>
      </c>
      <c r="EA18" s="114">
        <v>1346428</v>
      </c>
      <c r="EB18" s="114">
        <v>216476</v>
      </c>
      <c r="EC18" s="113">
        <v>2646142</v>
      </c>
      <c r="ED18" s="116">
        <v>2729848</v>
      </c>
      <c r="EE18" s="110">
        <v>0</v>
      </c>
      <c r="EF18" s="112">
        <v>0</v>
      </c>
      <c r="EG18" s="113">
        <v>0</v>
      </c>
      <c r="EH18" s="110">
        <v>0</v>
      </c>
      <c r="EI18" s="114">
        <v>0</v>
      </c>
      <c r="EJ18" s="114">
        <v>68434</v>
      </c>
      <c r="EK18" s="114">
        <v>98400</v>
      </c>
      <c r="EL18" s="114">
        <v>44324</v>
      </c>
      <c r="EM18" s="114">
        <v>0</v>
      </c>
      <c r="EN18" s="112">
        <v>211158</v>
      </c>
      <c r="EO18" s="116">
        <v>211158</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173397</v>
      </c>
      <c r="FM18" s="114">
        <v>284104</v>
      </c>
      <c r="FN18" s="113">
        <v>457501</v>
      </c>
      <c r="FO18" s="110">
        <v>0</v>
      </c>
      <c r="FP18" s="114">
        <v>416328</v>
      </c>
      <c r="FQ18" s="114">
        <v>1028232</v>
      </c>
      <c r="FR18" s="114">
        <v>1101448</v>
      </c>
      <c r="FS18" s="114">
        <v>972184</v>
      </c>
      <c r="FT18" s="114">
        <v>485784</v>
      </c>
      <c r="FU18" s="113">
        <v>4003976</v>
      </c>
      <c r="FV18" s="116">
        <v>4461477</v>
      </c>
      <c r="FW18" s="115">
        <v>67688</v>
      </c>
      <c r="FX18" s="114">
        <v>180104</v>
      </c>
      <c r="FY18" s="112">
        <v>247792</v>
      </c>
      <c r="FZ18" s="111">
        <v>0</v>
      </c>
      <c r="GA18" s="114">
        <v>165128</v>
      </c>
      <c r="GB18" s="114">
        <v>868232</v>
      </c>
      <c r="GC18" s="114">
        <v>979368</v>
      </c>
      <c r="GD18" s="114">
        <v>742104</v>
      </c>
      <c r="GE18" s="114">
        <v>485784</v>
      </c>
      <c r="GF18" s="113">
        <v>3240616</v>
      </c>
      <c r="GG18" s="318">
        <v>3488408</v>
      </c>
      <c r="GH18" s="115">
        <v>48509</v>
      </c>
      <c r="GI18" s="114">
        <v>0</v>
      </c>
      <c r="GJ18" s="112">
        <v>48509</v>
      </c>
      <c r="GK18" s="111">
        <v>0</v>
      </c>
      <c r="GL18" s="114">
        <v>0</v>
      </c>
      <c r="GM18" s="114">
        <v>0</v>
      </c>
      <c r="GN18" s="114">
        <v>37280</v>
      </c>
      <c r="GO18" s="114">
        <v>77280</v>
      </c>
      <c r="GP18" s="114">
        <v>0</v>
      </c>
      <c r="GQ18" s="113">
        <v>114560</v>
      </c>
      <c r="GR18" s="116">
        <v>163069</v>
      </c>
      <c r="GS18" s="110">
        <v>57200</v>
      </c>
      <c r="GT18" s="114">
        <v>104000</v>
      </c>
      <c r="GU18" s="113">
        <v>161200</v>
      </c>
      <c r="GV18" s="110">
        <v>0</v>
      </c>
      <c r="GW18" s="114">
        <v>251200</v>
      </c>
      <c r="GX18" s="114">
        <v>160000</v>
      </c>
      <c r="GY18" s="114">
        <v>84800</v>
      </c>
      <c r="GZ18" s="114">
        <v>152800</v>
      </c>
      <c r="HA18" s="114">
        <v>0</v>
      </c>
      <c r="HB18" s="112">
        <v>648800</v>
      </c>
      <c r="HC18" s="116">
        <v>810000</v>
      </c>
      <c r="HD18" s="110">
        <v>56496</v>
      </c>
      <c r="HE18" s="114">
        <v>563158</v>
      </c>
      <c r="HF18" s="112">
        <v>619654</v>
      </c>
      <c r="HG18" s="111">
        <v>0</v>
      </c>
      <c r="HH18" s="114">
        <v>1528600</v>
      </c>
      <c r="HI18" s="114">
        <v>1141005</v>
      </c>
      <c r="HJ18" s="114">
        <v>2426867</v>
      </c>
      <c r="HK18" s="114">
        <v>2229630</v>
      </c>
      <c r="HL18" s="114">
        <v>715289</v>
      </c>
      <c r="HM18" s="113">
        <v>8041391</v>
      </c>
      <c r="HN18" s="116">
        <v>8661045</v>
      </c>
      <c r="HO18" s="503"/>
      <c r="HP18" s="329"/>
      <c r="HQ18" s="330"/>
      <c r="HR18" s="331"/>
      <c r="HS18" s="329"/>
      <c r="HT18" s="329"/>
      <c r="HU18" s="329"/>
      <c r="HV18" s="329"/>
      <c r="HW18" s="329"/>
      <c r="HX18" s="329"/>
      <c r="HY18" s="510"/>
      <c r="HZ18" s="150">
        <v>0</v>
      </c>
      <c r="IA18" s="135">
        <v>0</v>
      </c>
      <c r="IB18" s="150">
        <v>0</v>
      </c>
      <c r="IC18" s="134">
        <v>0</v>
      </c>
      <c r="ID18" s="135">
        <v>3106832</v>
      </c>
      <c r="IE18" s="136">
        <v>2379452</v>
      </c>
      <c r="IF18" s="137">
        <v>3249035</v>
      </c>
      <c r="IG18" s="135">
        <v>3686315</v>
      </c>
      <c r="IH18" s="137">
        <v>1715537</v>
      </c>
      <c r="II18" s="138">
        <v>14137171</v>
      </c>
      <c r="IJ18" s="150">
        <v>14137171</v>
      </c>
      <c r="IK18" s="232">
        <v>0</v>
      </c>
      <c r="IL18" s="236">
        <v>0</v>
      </c>
      <c r="IM18" s="237">
        <v>0</v>
      </c>
      <c r="IN18" s="140"/>
      <c r="IO18" s="119">
        <v>75430</v>
      </c>
      <c r="IP18" s="119">
        <v>103464</v>
      </c>
      <c r="IQ18" s="119">
        <v>0</v>
      </c>
      <c r="IR18" s="119">
        <v>233379</v>
      </c>
      <c r="IS18" s="119">
        <v>0</v>
      </c>
      <c r="IT18" s="141">
        <v>412273</v>
      </c>
      <c r="IU18" s="320">
        <v>412273</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1504093</v>
      </c>
      <c r="JL18" s="119">
        <v>868435</v>
      </c>
      <c r="JM18" s="119">
        <v>1140353</v>
      </c>
      <c r="JN18" s="119">
        <v>147269</v>
      </c>
      <c r="JO18" s="119">
        <v>89869</v>
      </c>
      <c r="JP18" s="120">
        <v>3750019</v>
      </c>
      <c r="JQ18" s="320">
        <v>3750019</v>
      </c>
      <c r="JR18" s="142">
        <v>0</v>
      </c>
      <c r="JS18" s="119">
        <v>0</v>
      </c>
      <c r="JT18" s="141">
        <v>0</v>
      </c>
      <c r="JU18" s="118">
        <v>0</v>
      </c>
      <c r="JV18" s="119">
        <v>0</v>
      </c>
      <c r="JW18" s="119">
        <v>0</v>
      </c>
      <c r="JX18" s="119">
        <v>0</v>
      </c>
      <c r="JY18" s="119">
        <v>0</v>
      </c>
      <c r="JZ18" s="119">
        <v>0</v>
      </c>
      <c r="KA18" s="120">
        <v>0</v>
      </c>
      <c r="KB18" s="320">
        <v>0</v>
      </c>
      <c r="KC18" s="234">
        <v>0</v>
      </c>
      <c r="KD18" s="230">
        <v>0</v>
      </c>
      <c r="KE18" s="120">
        <v>0</v>
      </c>
      <c r="KF18" s="118">
        <v>0</v>
      </c>
      <c r="KG18" s="119">
        <v>186026</v>
      </c>
      <c r="KH18" s="119">
        <v>172234</v>
      </c>
      <c r="KI18" s="119">
        <v>1346286</v>
      </c>
      <c r="KJ18" s="119">
        <v>1057960</v>
      </c>
      <c r="KK18" s="119">
        <v>542683</v>
      </c>
      <c r="KL18" s="120">
        <v>3305189</v>
      </c>
      <c r="KM18" s="143">
        <v>3305189</v>
      </c>
      <c r="KN18" s="232">
        <v>0</v>
      </c>
      <c r="KO18" s="236">
        <v>0</v>
      </c>
      <c r="KP18" s="237">
        <v>0</v>
      </c>
      <c r="KQ18" s="140"/>
      <c r="KR18" s="119">
        <v>1206902</v>
      </c>
      <c r="KS18" s="119">
        <v>500043</v>
      </c>
      <c r="KT18" s="119">
        <v>762396</v>
      </c>
      <c r="KU18" s="119">
        <v>523335</v>
      </c>
      <c r="KV18" s="119">
        <v>785938</v>
      </c>
      <c r="KW18" s="120">
        <v>3778614</v>
      </c>
      <c r="KX18" s="320">
        <v>3778614</v>
      </c>
      <c r="KY18" s="142">
        <v>0</v>
      </c>
      <c r="KZ18" s="119">
        <v>0</v>
      </c>
      <c r="LA18" s="120">
        <v>0</v>
      </c>
      <c r="LB18" s="145"/>
      <c r="LC18" s="119">
        <v>0</v>
      </c>
      <c r="LD18" s="119">
        <v>735276</v>
      </c>
      <c r="LE18" s="119">
        <v>0</v>
      </c>
      <c r="LF18" s="119">
        <v>445236</v>
      </c>
      <c r="LG18" s="119">
        <v>0</v>
      </c>
      <c r="LH18" s="120">
        <v>1180512</v>
      </c>
      <c r="LI18" s="121">
        <v>1180512</v>
      </c>
      <c r="LJ18" s="142">
        <v>0</v>
      </c>
      <c r="LK18" s="119">
        <v>0</v>
      </c>
      <c r="LL18" s="120">
        <v>0</v>
      </c>
      <c r="LM18" s="145"/>
      <c r="LN18" s="119">
        <v>0</v>
      </c>
      <c r="LO18" s="119">
        <v>0</v>
      </c>
      <c r="LP18" s="119">
        <v>0</v>
      </c>
      <c r="LQ18" s="119">
        <v>0</v>
      </c>
      <c r="LR18" s="119">
        <v>297047</v>
      </c>
      <c r="LS18" s="120">
        <v>297047</v>
      </c>
      <c r="LT18" s="320">
        <v>297047</v>
      </c>
      <c r="LU18" s="142">
        <v>0</v>
      </c>
      <c r="LV18" s="119">
        <v>0</v>
      </c>
      <c r="LW18" s="120">
        <v>0</v>
      </c>
      <c r="LX18" s="145"/>
      <c r="LY18" s="119">
        <v>134381</v>
      </c>
      <c r="LZ18" s="119">
        <v>0</v>
      </c>
      <c r="MA18" s="119">
        <v>0</v>
      </c>
      <c r="MB18" s="119">
        <v>1279136</v>
      </c>
      <c r="MC18" s="119">
        <v>0</v>
      </c>
      <c r="MD18" s="120">
        <v>1413517</v>
      </c>
      <c r="ME18" s="121">
        <v>1413517</v>
      </c>
      <c r="MF18" s="142">
        <v>0</v>
      </c>
      <c r="MG18" s="119">
        <v>0</v>
      </c>
      <c r="MH18" s="120">
        <v>0</v>
      </c>
      <c r="MI18" s="145"/>
      <c r="MJ18" s="119">
        <v>810078</v>
      </c>
      <c r="MK18" s="119">
        <v>751078</v>
      </c>
      <c r="ML18" s="119">
        <v>4319608</v>
      </c>
      <c r="MM18" s="119">
        <v>6801958</v>
      </c>
      <c r="MN18" s="119">
        <v>2528738</v>
      </c>
      <c r="MO18" s="120">
        <v>15211460</v>
      </c>
      <c r="MP18" s="143">
        <v>15211460</v>
      </c>
      <c r="MQ18" s="142">
        <v>0</v>
      </c>
      <c r="MR18" s="119">
        <v>0</v>
      </c>
      <c r="MS18" s="120">
        <v>0</v>
      </c>
      <c r="MT18" s="145"/>
      <c r="MU18" s="119">
        <v>0</v>
      </c>
      <c r="MV18" s="119">
        <v>0</v>
      </c>
      <c r="MW18" s="119">
        <v>2696600</v>
      </c>
      <c r="MX18" s="119">
        <v>3275205</v>
      </c>
      <c r="MY18" s="119">
        <v>1218298</v>
      </c>
      <c r="MZ18" s="120">
        <v>7190103</v>
      </c>
      <c r="NA18" s="143">
        <v>7190103</v>
      </c>
      <c r="NB18" s="142">
        <v>0</v>
      </c>
      <c r="NC18" s="119">
        <v>0</v>
      </c>
      <c r="ND18" s="120">
        <v>0</v>
      </c>
      <c r="NE18" s="145"/>
      <c r="NF18" s="119">
        <v>810078</v>
      </c>
      <c r="NG18" s="119">
        <v>751078</v>
      </c>
      <c r="NH18" s="119">
        <v>1623008</v>
      </c>
      <c r="NI18" s="119">
        <v>3051174</v>
      </c>
      <c r="NJ18" s="119">
        <v>1310440</v>
      </c>
      <c r="NK18" s="120">
        <v>7545778</v>
      </c>
      <c r="NL18" s="320">
        <v>7545778</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475579</v>
      </c>
      <c r="OF18" s="119">
        <v>0</v>
      </c>
      <c r="OG18" s="120">
        <v>475579</v>
      </c>
      <c r="OH18" s="121">
        <v>475579</v>
      </c>
      <c r="OI18" s="142">
        <v>900464</v>
      </c>
      <c r="OJ18" s="119">
        <v>1608970</v>
      </c>
      <c r="OK18" s="141">
        <v>2509434</v>
      </c>
      <c r="OL18" s="118">
        <v>0</v>
      </c>
      <c r="OM18" s="119">
        <v>11301591</v>
      </c>
      <c r="ON18" s="119">
        <v>11546945</v>
      </c>
      <c r="OO18" s="119">
        <v>16997928</v>
      </c>
      <c r="OP18" s="119">
        <v>21116821</v>
      </c>
      <c r="OQ18" s="119">
        <v>8571693</v>
      </c>
      <c r="OR18" s="120">
        <v>69534978</v>
      </c>
      <c r="OS18" s="143">
        <v>72044412</v>
      </c>
    </row>
    <row r="19" spans="2:409" ht="21" customHeight="1" x14ac:dyDescent="0.2">
      <c r="B19" s="126" t="s">
        <v>13</v>
      </c>
      <c r="C19" s="110">
        <v>193059</v>
      </c>
      <c r="D19" s="114">
        <v>269535</v>
      </c>
      <c r="E19" s="113">
        <v>462594</v>
      </c>
      <c r="F19" s="110">
        <v>0</v>
      </c>
      <c r="G19" s="170">
        <v>3187701</v>
      </c>
      <c r="H19" s="114">
        <v>4487450</v>
      </c>
      <c r="I19" s="114">
        <v>4761271</v>
      </c>
      <c r="J19" s="114">
        <v>4743797</v>
      </c>
      <c r="K19" s="114">
        <v>4268729</v>
      </c>
      <c r="L19" s="112">
        <v>21448948</v>
      </c>
      <c r="M19" s="116">
        <v>21911542</v>
      </c>
      <c r="N19" s="110">
        <v>49581</v>
      </c>
      <c r="O19" s="114">
        <v>76049</v>
      </c>
      <c r="P19" s="113">
        <v>125630</v>
      </c>
      <c r="Q19" s="110">
        <v>0</v>
      </c>
      <c r="R19" s="114">
        <v>1172999</v>
      </c>
      <c r="S19" s="114">
        <v>1800797</v>
      </c>
      <c r="T19" s="114">
        <v>1491862</v>
      </c>
      <c r="U19" s="114">
        <v>1435545</v>
      </c>
      <c r="V19" s="114">
        <v>2223030</v>
      </c>
      <c r="W19" s="113">
        <v>8124233</v>
      </c>
      <c r="X19" s="116">
        <v>8249863</v>
      </c>
      <c r="Y19" s="110">
        <v>0</v>
      </c>
      <c r="Z19" s="114">
        <v>0</v>
      </c>
      <c r="AA19" s="113">
        <v>0</v>
      </c>
      <c r="AB19" s="110">
        <v>0</v>
      </c>
      <c r="AC19" s="114">
        <v>395103</v>
      </c>
      <c r="AD19" s="114">
        <v>829981</v>
      </c>
      <c r="AE19" s="114">
        <v>863382</v>
      </c>
      <c r="AF19" s="114">
        <v>860866</v>
      </c>
      <c r="AG19" s="114">
        <v>1313773</v>
      </c>
      <c r="AH19" s="113">
        <v>4263105</v>
      </c>
      <c r="AI19" s="116">
        <v>4263105</v>
      </c>
      <c r="AJ19" s="110">
        <v>0</v>
      </c>
      <c r="AK19" s="114">
        <v>0</v>
      </c>
      <c r="AL19" s="113">
        <v>0</v>
      </c>
      <c r="AM19" s="110">
        <v>0</v>
      </c>
      <c r="AN19" s="114">
        <v>0</v>
      </c>
      <c r="AO19" s="114">
        <v>49008</v>
      </c>
      <c r="AP19" s="114">
        <v>0</v>
      </c>
      <c r="AQ19" s="114">
        <v>46746</v>
      </c>
      <c r="AR19" s="114">
        <v>353569</v>
      </c>
      <c r="AS19" s="113">
        <v>449323</v>
      </c>
      <c r="AT19" s="116">
        <v>449323</v>
      </c>
      <c r="AU19" s="110">
        <v>0</v>
      </c>
      <c r="AV19" s="114">
        <v>40808</v>
      </c>
      <c r="AW19" s="113">
        <v>40808</v>
      </c>
      <c r="AX19" s="110">
        <v>0</v>
      </c>
      <c r="AY19" s="114">
        <v>556849</v>
      </c>
      <c r="AZ19" s="114">
        <v>712528</v>
      </c>
      <c r="BA19" s="114">
        <v>486112</v>
      </c>
      <c r="BB19" s="114">
        <v>314617</v>
      </c>
      <c r="BC19" s="114">
        <v>345499</v>
      </c>
      <c r="BD19" s="113">
        <v>2415605</v>
      </c>
      <c r="BE19" s="116">
        <v>2456413</v>
      </c>
      <c r="BF19" s="110">
        <v>33581</v>
      </c>
      <c r="BG19" s="114">
        <v>16345</v>
      </c>
      <c r="BH19" s="112">
        <v>49926</v>
      </c>
      <c r="BI19" s="111">
        <v>0</v>
      </c>
      <c r="BJ19" s="114">
        <v>42527</v>
      </c>
      <c r="BK19" s="114">
        <v>0</v>
      </c>
      <c r="BL19" s="114">
        <v>0</v>
      </c>
      <c r="BM19" s="114">
        <v>13780</v>
      </c>
      <c r="BN19" s="114">
        <v>21933</v>
      </c>
      <c r="BO19" s="113">
        <v>78240</v>
      </c>
      <c r="BP19" s="116">
        <v>128166</v>
      </c>
      <c r="BQ19" s="110">
        <v>16000</v>
      </c>
      <c r="BR19" s="114">
        <v>18896</v>
      </c>
      <c r="BS19" s="113">
        <v>34896</v>
      </c>
      <c r="BT19" s="110">
        <v>0</v>
      </c>
      <c r="BU19" s="114">
        <v>178520</v>
      </c>
      <c r="BV19" s="114">
        <v>209280</v>
      </c>
      <c r="BW19" s="114">
        <v>142368</v>
      </c>
      <c r="BX19" s="114">
        <v>199536</v>
      </c>
      <c r="BY19" s="114">
        <v>188256</v>
      </c>
      <c r="BZ19" s="113">
        <v>917960</v>
      </c>
      <c r="CA19" s="116">
        <v>952856</v>
      </c>
      <c r="CB19" s="110">
        <v>0</v>
      </c>
      <c r="CC19" s="114">
        <v>39134</v>
      </c>
      <c r="CD19" s="113">
        <v>39134</v>
      </c>
      <c r="CE19" s="110">
        <v>0</v>
      </c>
      <c r="CF19" s="114">
        <v>765799</v>
      </c>
      <c r="CG19" s="114">
        <v>1233755</v>
      </c>
      <c r="CH19" s="114">
        <v>1092587</v>
      </c>
      <c r="CI19" s="114">
        <v>721414</v>
      </c>
      <c r="CJ19" s="114">
        <v>397727</v>
      </c>
      <c r="CK19" s="113">
        <v>4211282</v>
      </c>
      <c r="CL19" s="116">
        <v>4250416</v>
      </c>
      <c r="CM19" s="110">
        <v>0</v>
      </c>
      <c r="CN19" s="114">
        <v>0</v>
      </c>
      <c r="CO19" s="113">
        <v>0</v>
      </c>
      <c r="CP19" s="111">
        <v>0</v>
      </c>
      <c r="CQ19" s="114">
        <v>679505</v>
      </c>
      <c r="CR19" s="114">
        <v>977593</v>
      </c>
      <c r="CS19" s="114">
        <v>968048</v>
      </c>
      <c r="CT19" s="114">
        <v>461311</v>
      </c>
      <c r="CU19" s="114">
        <v>334023</v>
      </c>
      <c r="CV19" s="113">
        <v>3420480</v>
      </c>
      <c r="CW19" s="116">
        <v>3420480</v>
      </c>
      <c r="CX19" s="110">
        <v>0</v>
      </c>
      <c r="CY19" s="114">
        <v>39134</v>
      </c>
      <c r="CZ19" s="113">
        <v>39134</v>
      </c>
      <c r="DA19" s="110">
        <v>0</v>
      </c>
      <c r="DB19" s="114">
        <v>86294</v>
      </c>
      <c r="DC19" s="114">
        <v>256162</v>
      </c>
      <c r="DD19" s="114">
        <v>124539</v>
      </c>
      <c r="DE19" s="114">
        <v>260103</v>
      </c>
      <c r="DF19" s="114">
        <v>63704</v>
      </c>
      <c r="DG19" s="113">
        <v>790802</v>
      </c>
      <c r="DH19" s="116">
        <v>829936</v>
      </c>
      <c r="DI19" s="110">
        <v>27225</v>
      </c>
      <c r="DJ19" s="114">
        <v>0</v>
      </c>
      <c r="DK19" s="112">
        <v>27225</v>
      </c>
      <c r="DL19" s="111">
        <v>0</v>
      </c>
      <c r="DM19" s="114">
        <v>25805</v>
      </c>
      <c r="DN19" s="114">
        <v>45675</v>
      </c>
      <c r="DO19" s="114">
        <v>490686</v>
      </c>
      <c r="DP19" s="114">
        <v>825390</v>
      </c>
      <c r="DQ19" s="114">
        <v>139341</v>
      </c>
      <c r="DR19" s="113">
        <v>1526897</v>
      </c>
      <c r="DS19" s="116">
        <v>1554122</v>
      </c>
      <c r="DT19" s="110">
        <v>27225</v>
      </c>
      <c r="DU19" s="114">
        <v>0</v>
      </c>
      <c r="DV19" s="113">
        <v>27225</v>
      </c>
      <c r="DW19" s="110">
        <v>0</v>
      </c>
      <c r="DX19" s="114">
        <v>25805</v>
      </c>
      <c r="DY19" s="114">
        <v>45675</v>
      </c>
      <c r="DZ19" s="114">
        <v>441520</v>
      </c>
      <c r="EA19" s="114">
        <v>825390</v>
      </c>
      <c r="EB19" s="114">
        <v>139341</v>
      </c>
      <c r="EC19" s="113">
        <v>1477731</v>
      </c>
      <c r="ED19" s="116">
        <v>1504956</v>
      </c>
      <c r="EE19" s="110">
        <v>0</v>
      </c>
      <c r="EF19" s="112">
        <v>0</v>
      </c>
      <c r="EG19" s="113">
        <v>0</v>
      </c>
      <c r="EH19" s="110">
        <v>0</v>
      </c>
      <c r="EI19" s="114">
        <v>0</v>
      </c>
      <c r="EJ19" s="114">
        <v>0</v>
      </c>
      <c r="EK19" s="114">
        <v>49166</v>
      </c>
      <c r="EL19" s="114">
        <v>0</v>
      </c>
      <c r="EM19" s="114">
        <v>0</v>
      </c>
      <c r="EN19" s="112">
        <v>49166</v>
      </c>
      <c r="EO19" s="116">
        <v>49166</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9520</v>
      </c>
      <c r="FM19" s="114">
        <v>154352</v>
      </c>
      <c r="FN19" s="113">
        <v>163872</v>
      </c>
      <c r="FO19" s="110">
        <v>0</v>
      </c>
      <c r="FP19" s="114">
        <v>204600</v>
      </c>
      <c r="FQ19" s="114">
        <v>420200</v>
      </c>
      <c r="FR19" s="114">
        <v>281800</v>
      </c>
      <c r="FS19" s="114">
        <v>321960</v>
      </c>
      <c r="FT19" s="114">
        <v>303211</v>
      </c>
      <c r="FU19" s="113">
        <v>1531771</v>
      </c>
      <c r="FV19" s="116">
        <v>1695643</v>
      </c>
      <c r="FW19" s="115">
        <v>9520</v>
      </c>
      <c r="FX19" s="114">
        <v>54352</v>
      </c>
      <c r="FY19" s="112">
        <v>63872</v>
      </c>
      <c r="FZ19" s="111">
        <v>0</v>
      </c>
      <c r="GA19" s="114">
        <v>95200</v>
      </c>
      <c r="GB19" s="114">
        <v>312640</v>
      </c>
      <c r="GC19" s="114">
        <v>267400</v>
      </c>
      <c r="GD19" s="114">
        <v>321960</v>
      </c>
      <c r="GE19" s="114">
        <v>239864</v>
      </c>
      <c r="GF19" s="113">
        <v>1237064</v>
      </c>
      <c r="GG19" s="318">
        <v>1300936</v>
      </c>
      <c r="GH19" s="115">
        <v>0</v>
      </c>
      <c r="GI19" s="114">
        <v>0</v>
      </c>
      <c r="GJ19" s="112">
        <v>0</v>
      </c>
      <c r="GK19" s="111">
        <v>0</v>
      </c>
      <c r="GL19" s="114">
        <v>0</v>
      </c>
      <c r="GM19" s="114">
        <v>12760</v>
      </c>
      <c r="GN19" s="114">
        <v>0</v>
      </c>
      <c r="GO19" s="114">
        <v>0</v>
      </c>
      <c r="GP19" s="114">
        <v>15347</v>
      </c>
      <c r="GQ19" s="113">
        <v>28107</v>
      </c>
      <c r="GR19" s="116">
        <v>28107</v>
      </c>
      <c r="GS19" s="110">
        <v>0</v>
      </c>
      <c r="GT19" s="114">
        <v>100000</v>
      </c>
      <c r="GU19" s="113">
        <v>100000</v>
      </c>
      <c r="GV19" s="110">
        <v>0</v>
      </c>
      <c r="GW19" s="114">
        <v>109400</v>
      </c>
      <c r="GX19" s="114">
        <v>94800</v>
      </c>
      <c r="GY19" s="114">
        <v>14400</v>
      </c>
      <c r="GZ19" s="114">
        <v>0</v>
      </c>
      <c r="HA19" s="114">
        <v>48000</v>
      </c>
      <c r="HB19" s="112">
        <v>266600</v>
      </c>
      <c r="HC19" s="116">
        <v>366600</v>
      </c>
      <c r="HD19" s="110">
        <v>106733</v>
      </c>
      <c r="HE19" s="114">
        <v>0</v>
      </c>
      <c r="HF19" s="112">
        <v>106733</v>
      </c>
      <c r="HG19" s="111">
        <v>0</v>
      </c>
      <c r="HH19" s="114">
        <v>1018498</v>
      </c>
      <c r="HI19" s="114">
        <v>987023</v>
      </c>
      <c r="HJ19" s="114">
        <v>1404336</v>
      </c>
      <c r="HK19" s="114">
        <v>1439488</v>
      </c>
      <c r="HL19" s="114">
        <v>1205420</v>
      </c>
      <c r="HM19" s="113">
        <v>6054765</v>
      </c>
      <c r="HN19" s="116">
        <v>6161498</v>
      </c>
      <c r="HO19" s="503"/>
      <c r="HP19" s="329"/>
      <c r="HQ19" s="330"/>
      <c r="HR19" s="331"/>
      <c r="HS19" s="329"/>
      <c r="HT19" s="329"/>
      <c r="HU19" s="329"/>
      <c r="HV19" s="329"/>
      <c r="HW19" s="329"/>
      <c r="HX19" s="329"/>
      <c r="HY19" s="510"/>
      <c r="HZ19" s="133">
        <v>0</v>
      </c>
      <c r="IA19" s="132">
        <v>0</v>
      </c>
      <c r="IB19" s="133">
        <v>0</v>
      </c>
      <c r="IC19" s="146">
        <v>0</v>
      </c>
      <c r="ID19" s="132">
        <v>751896</v>
      </c>
      <c r="IE19" s="147">
        <v>781901</v>
      </c>
      <c r="IF19" s="133">
        <v>311497</v>
      </c>
      <c r="IG19" s="132">
        <v>1108914</v>
      </c>
      <c r="IH19" s="133">
        <v>203777</v>
      </c>
      <c r="II19" s="148">
        <v>3157985</v>
      </c>
      <c r="IJ19" s="139">
        <v>3157985</v>
      </c>
      <c r="IK19" s="232">
        <v>0</v>
      </c>
      <c r="IL19" s="236">
        <v>0</v>
      </c>
      <c r="IM19" s="237">
        <v>0</v>
      </c>
      <c r="IN19" s="140"/>
      <c r="IO19" s="119">
        <v>0</v>
      </c>
      <c r="IP19" s="119">
        <v>0</v>
      </c>
      <c r="IQ19" s="119">
        <v>0</v>
      </c>
      <c r="IR19" s="119">
        <v>0</v>
      </c>
      <c r="IS19" s="119">
        <v>0</v>
      </c>
      <c r="IT19" s="141">
        <v>0</v>
      </c>
      <c r="IU19" s="320">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329346</v>
      </c>
      <c r="JL19" s="119">
        <v>337745</v>
      </c>
      <c r="JM19" s="119">
        <v>148963</v>
      </c>
      <c r="JN19" s="119">
        <v>129048</v>
      </c>
      <c r="JO19" s="119">
        <v>147869</v>
      </c>
      <c r="JP19" s="120">
        <v>1092971</v>
      </c>
      <c r="JQ19" s="320">
        <v>1092971</v>
      </c>
      <c r="JR19" s="142">
        <v>0</v>
      </c>
      <c r="JS19" s="119">
        <v>0</v>
      </c>
      <c r="JT19" s="141">
        <v>0</v>
      </c>
      <c r="JU19" s="118">
        <v>0</v>
      </c>
      <c r="JV19" s="119">
        <v>0</v>
      </c>
      <c r="JW19" s="119">
        <v>43193</v>
      </c>
      <c r="JX19" s="119">
        <v>162534</v>
      </c>
      <c r="JY19" s="119">
        <v>26615</v>
      </c>
      <c r="JZ19" s="119">
        <v>55908</v>
      </c>
      <c r="KA19" s="120">
        <v>288250</v>
      </c>
      <c r="KB19" s="320">
        <v>288250</v>
      </c>
      <c r="KC19" s="234">
        <v>0</v>
      </c>
      <c r="KD19" s="230">
        <v>0</v>
      </c>
      <c r="KE19" s="120">
        <v>0</v>
      </c>
      <c r="KF19" s="118">
        <v>0</v>
      </c>
      <c r="KG19" s="119">
        <v>192559</v>
      </c>
      <c r="KH19" s="119">
        <v>308456</v>
      </c>
      <c r="KI19" s="119">
        <v>0</v>
      </c>
      <c r="KJ19" s="119">
        <v>253204</v>
      </c>
      <c r="KK19" s="119">
        <v>0</v>
      </c>
      <c r="KL19" s="120">
        <v>754219</v>
      </c>
      <c r="KM19" s="143">
        <v>754219</v>
      </c>
      <c r="KN19" s="232">
        <v>0</v>
      </c>
      <c r="KO19" s="236">
        <v>0</v>
      </c>
      <c r="KP19" s="237">
        <v>0</v>
      </c>
      <c r="KQ19" s="140"/>
      <c r="KR19" s="119">
        <v>229991</v>
      </c>
      <c r="KS19" s="119">
        <v>92507</v>
      </c>
      <c r="KT19" s="119">
        <v>0</v>
      </c>
      <c r="KU19" s="119">
        <v>263727</v>
      </c>
      <c r="KV19" s="119">
        <v>0</v>
      </c>
      <c r="KW19" s="120">
        <v>586225</v>
      </c>
      <c r="KX19" s="320">
        <v>586225</v>
      </c>
      <c r="KY19" s="142">
        <v>0</v>
      </c>
      <c r="KZ19" s="119">
        <v>0</v>
      </c>
      <c r="LA19" s="120">
        <v>0</v>
      </c>
      <c r="LB19" s="145"/>
      <c r="LC19" s="119">
        <v>0</v>
      </c>
      <c r="LD19" s="119">
        <v>0</v>
      </c>
      <c r="LE19" s="119">
        <v>0</v>
      </c>
      <c r="LF19" s="119">
        <v>436320</v>
      </c>
      <c r="LG19" s="119">
        <v>0</v>
      </c>
      <c r="LH19" s="120">
        <v>436320</v>
      </c>
      <c r="LI19" s="121">
        <v>436320</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524449</v>
      </c>
      <c r="MK19" s="119">
        <v>794922</v>
      </c>
      <c r="ML19" s="119">
        <v>1030946</v>
      </c>
      <c r="MM19" s="119">
        <v>3401546</v>
      </c>
      <c r="MN19" s="119">
        <v>1997224</v>
      </c>
      <c r="MO19" s="120">
        <v>7749087</v>
      </c>
      <c r="MP19" s="143">
        <v>7749087</v>
      </c>
      <c r="MQ19" s="142">
        <v>0</v>
      </c>
      <c r="MR19" s="119">
        <v>0</v>
      </c>
      <c r="MS19" s="120">
        <v>0</v>
      </c>
      <c r="MT19" s="145"/>
      <c r="MU19" s="119">
        <v>214736</v>
      </c>
      <c r="MV19" s="119">
        <v>0</v>
      </c>
      <c r="MW19" s="119">
        <v>499527</v>
      </c>
      <c r="MX19" s="119">
        <v>2739797</v>
      </c>
      <c r="MY19" s="119">
        <v>1647912</v>
      </c>
      <c r="MZ19" s="120">
        <v>5101972</v>
      </c>
      <c r="NA19" s="143">
        <v>5101972</v>
      </c>
      <c r="NB19" s="142">
        <v>0</v>
      </c>
      <c r="NC19" s="119">
        <v>0</v>
      </c>
      <c r="ND19" s="120">
        <v>0</v>
      </c>
      <c r="NE19" s="145"/>
      <c r="NF19" s="119">
        <v>309713</v>
      </c>
      <c r="NG19" s="119">
        <v>794922</v>
      </c>
      <c r="NH19" s="119">
        <v>531419</v>
      </c>
      <c r="NI19" s="119">
        <v>661749</v>
      </c>
      <c r="NJ19" s="119">
        <v>349312</v>
      </c>
      <c r="NK19" s="120">
        <v>2647115</v>
      </c>
      <c r="NL19" s="320">
        <v>2647115</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193059</v>
      </c>
      <c r="OJ19" s="119">
        <v>269535</v>
      </c>
      <c r="OK19" s="141">
        <v>462594</v>
      </c>
      <c r="OL19" s="118">
        <v>0</v>
      </c>
      <c r="OM19" s="119">
        <v>4464046</v>
      </c>
      <c r="ON19" s="119">
        <v>6064273</v>
      </c>
      <c r="OO19" s="119">
        <v>6103714</v>
      </c>
      <c r="OP19" s="119">
        <v>9254257</v>
      </c>
      <c r="OQ19" s="119">
        <v>6469730</v>
      </c>
      <c r="OR19" s="120">
        <v>32356020</v>
      </c>
      <c r="OS19" s="143">
        <v>32818614</v>
      </c>
    </row>
    <row r="20" spans="2:409" ht="21" customHeight="1" x14ac:dyDescent="0.2">
      <c r="B20" s="126" t="s">
        <v>15</v>
      </c>
      <c r="C20" s="110">
        <v>214260</v>
      </c>
      <c r="D20" s="114">
        <v>268706</v>
      </c>
      <c r="E20" s="113">
        <v>482966</v>
      </c>
      <c r="F20" s="109">
        <v>0</v>
      </c>
      <c r="G20" s="114">
        <v>1407666</v>
      </c>
      <c r="H20" s="114">
        <v>1715558</v>
      </c>
      <c r="I20" s="114">
        <v>2848239</v>
      </c>
      <c r="J20" s="114">
        <v>1605529</v>
      </c>
      <c r="K20" s="114">
        <v>1082594</v>
      </c>
      <c r="L20" s="109">
        <v>8659586</v>
      </c>
      <c r="M20" s="116">
        <v>9142552</v>
      </c>
      <c r="N20" s="110">
        <v>10912</v>
      </c>
      <c r="O20" s="114">
        <v>23231</v>
      </c>
      <c r="P20" s="113">
        <v>34143</v>
      </c>
      <c r="Q20" s="110">
        <v>0</v>
      </c>
      <c r="R20" s="114">
        <v>315836</v>
      </c>
      <c r="S20" s="114">
        <v>554528</v>
      </c>
      <c r="T20" s="114">
        <v>524652</v>
      </c>
      <c r="U20" s="114">
        <v>551845</v>
      </c>
      <c r="V20" s="114">
        <v>325393</v>
      </c>
      <c r="W20" s="113">
        <v>2272254</v>
      </c>
      <c r="X20" s="116">
        <v>2306397</v>
      </c>
      <c r="Y20" s="110">
        <v>0</v>
      </c>
      <c r="Z20" s="114">
        <v>0</v>
      </c>
      <c r="AA20" s="113">
        <v>0</v>
      </c>
      <c r="AB20" s="110">
        <v>0</v>
      </c>
      <c r="AC20" s="114">
        <v>110580</v>
      </c>
      <c r="AD20" s="114">
        <v>247259</v>
      </c>
      <c r="AE20" s="114">
        <v>375323</v>
      </c>
      <c r="AF20" s="114">
        <v>361780</v>
      </c>
      <c r="AG20" s="114">
        <v>248872</v>
      </c>
      <c r="AH20" s="113">
        <v>1343814</v>
      </c>
      <c r="AI20" s="116">
        <v>1343814</v>
      </c>
      <c r="AJ20" s="110">
        <v>0</v>
      </c>
      <c r="AK20" s="114">
        <v>0</v>
      </c>
      <c r="AL20" s="113">
        <v>0</v>
      </c>
      <c r="AM20" s="110">
        <v>0</v>
      </c>
      <c r="AN20" s="114">
        <v>0</v>
      </c>
      <c r="AO20" s="114">
        <v>0</v>
      </c>
      <c r="AP20" s="114">
        <v>0</v>
      </c>
      <c r="AQ20" s="114">
        <v>47208</v>
      </c>
      <c r="AR20" s="114">
        <v>0</v>
      </c>
      <c r="AS20" s="113">
        <v>47208</v>
      </c>
      <c r="AT20" s="116">
        <v>47208</v>
      </c>
      <c r="AU20" s="110">
        <v>0</v>
      </c>
      <c r="AV20" s="114">
        <v>23231</v>
      </c>
      <c r="AW20" s="113">
        <v>23231</v>
      </c>
      <c r="AX20" s="110">
        <v>0</v>
      </c>
      <c r="AY20" s="114">
        <v>91896</v>
      </c>
      <c r="AZ20" s="114">
        <v>220214</v>
      </c>
      <c r="BA20" s="114">
        <v>46137</v>
      </c>
      <c r="BB20" s="114">
        <v>121129</v>
      </c>
      <c r="BC20" s="114">
        <v>35138</v>
      </c>
      <c r="BD20" s="113">
        <v>514514</v>
      </c>
      <c r="BE20" s="116">
        <v>537745</v>
      </c>
      <c r="BF20" s="110">
        <v>0</v>
      </c>
      <c r="BG20" s="114">
        <v>0</v>
      </c>
      <c r="BH20" s="112">
        <v>0</v>
      </c>
      <c r="BI20" s="111">
        <v>0</v>
      </c>
      <c r="BJ20" s="114">
        <v>16280</v>
      </c>
      <c r="BK20" s="114">
        <v>31039</v>
      </c>
      <c r="BL20" s="114">
        <v>0</v>
      </c>
      <c r="BM20" s="114">
        <v>0</v>
      </c>
      <c r="BN20" s="114">
        <v>15519</v>
      </c>
      <c r="BO20" s="113">
        <v>62838</v>
      </c>
      <c r="BP20" s="116">
        <v>62838</v>
      </c>
      <c r="BQ20" s="110">
        <v>10912</v>
      </c>
      <c r="BR20" s="114">
        <v>0</v>
      </c>
      <c r="BS20" s="113">
        <v>10912</v>
      </c>
      <c r="BT20" s="110">
        <v>0</v>
      </c>
      <c r="BU20" s="114">
        <v>97080</v>
      </c>
      <c r="BV20" s="114">
        <v>56016</v>
      </c>
      <c r="BW20" s="114">
        <v>103192</v>
      </c>
      <c r="BX20" s="114">
        <v>21728</v>
      </c>
      <c r="BY20" s="114">
        <v>25864</v>
      </c>
      <c r="BZ20" s="113">
        <v>303880</v>
      </c>
      <c r="CA20" s="116">
        <v>314792</v>
      </c>
      <c r="CB20" s="110">
        <v>0</v>
      </c>
      <c r="CC20" s="114">
        <v>0</v>
      </c>
      <c r="CD20" s="113">
        <v>0</v>
      </c>
      <c r="CE20" s="110">
        <v>0</v>
      </c>
      <c r="CF20" s="114">
        <v>116411</v>
      </c>
      <c r="CG20" s="114">
        <v>453282</v>
      </c>
      <c r="CH20" s="114">
        <v>677888</v>
      </c>
      <c r="CI20" s="114">
        <v>0</v>
      </c>
      <c r="CJ20" s="114">
        <v>0</v>
      </c>
      <c r="CK20" s="113">
        <v>1247581</v>
      </c>
      <c r="CL20" s="116">
        <v>1247581</v>
      </c>
      <c r="CM20" s="110">
        <v>0</v>
      </c>
      <c r="CN20" s="114">
        <v>0</v>
      </c>
      <c r="CO20" s="113">
        <v>0</v>
      </c>
      <c r="CP20" s="111">
        <v>0</v>
      </c>
      <c r="CQ20" s="114">
        <v>116411</v>
      </c>
      <c r="CR20" s="114">
        <v>274468</v>
      </c>
      <c r="CS20" s="114">
        <v>167201</v>
      </c>
      <c r="CT20" s="114">
        <v>0</v>
      </c>
      <c r="CU20" s="114">
        <v>0</v>
      </c>
      <c r="CV20" s="113">
        <v>558080</v>
      </c>
      <c r="CW20" s="116">
        <v>558080</v>
      </c>
      <c r="CX20" s="110">
        <v>0</v>
      </c>
      <c r="CY20" s="114">
        <v>0</v>
      </c>
      <c r="CZ20" s="113">
        <v>0</v>
      </c>
      <c r="DA20" s="110">
        <v>0</v>
      </c>
      <c r="DB20" s="114">
        <v>0</v>
      </c>
      <c r="DC20" s="114">
        <v>178814</v>
      </c>
      <c r="DD20" s="114">
        <v>510687</v>
      </c>
      <c r="DE20" s="114">
        <v>0</v>
      </c>
      <c r="DF20" s="114">
        <v>0</v>
      </c>
      <c r="DG20" s="113">
        <v>689501</v>
      </c>
      <c r="DH20" s="116">
        <v>689501</v>
      </c>
      <c r="DI20" s="110">
        <v>0</v>
      </c>
      <c r="DJ20" s="114">
        <v>0</v>
      </c>
      <c r="DK20" s="112">
        <v>0</v>
      </c>
      <c r="DL20" s="111">
        <v>0</v>
      </c>
      <c r="DM20" s="114">
        <v>0</v>
      </c>
      <c r="DN20" s="114">
        <v>26295</v>
      </c>
      <c r="DO20" s="114">
        <v>318274</v>
      </c>
      <c r="DP20" s="114">
        <v>714060</v>
      </c>
      <c r="DQ20" s="114">
        <v>334185</v>
      </c>
      <c r="DR20" s="113">
        <v>1392814</v>
      </c>
      <c r="DS20" s="116">
        <v>1392814</v>
      </c>
      <c r="DT20" s="110">
        <v>0</v>
      </c>
      <c r="DU20" s="114">
        <v>0</v>
      </c>
      <c r="DV20" s="113">
        <v>0</v>
      </c>
      <c r="DW20" s="110">
        <v>0</v>
      </c>
      <c r="DX20" s="114">
        <v>0</v>
      </c>
      <c r="DY20" s="114">
        <v>26295</v>
      </c>
      <c r="DZ20" s="114">
        <v>251241</v>
      </c>
      <c r="EA20" s="114">
        <v>714060</v>
      </c>
      <c r="EB20" s="114">
        <v>334185</v>
      </c>
      <c r="EC20" s="113">
        <v>1325781</v>
      </c>
      <c r="ED20" s="116">
        <v>1325781</v>
      </c>
      <c r="EE20" s="110">
        <v>0</v>
      </c>
      <c r="EF20" s="112">
        <v>0</v>
      </c>
      <c r="EG20" s="113">
        <v>0</v>
      </c>
      <c r="EH20" s="110">
        <v>0</v>
      </c>
      <c r="EI20" s="114">
        <v>0</v>
      </c>
      <c r="EJ20" s="114">
        <v>0</v>
      </c>
      <c r="EK20" s="114">
        <v>67033</v>
      </c>
      <c r="EL20" s="114">
        <v>0</v>
      </c>
      <c r="EM20" s="114">
        <v>0</v>
      </c>
      <c r="EN20" s="112">
        <v>67033</v>
      </c>
      <c r="EO20" s="116">
        <v>67033</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4800</v>
      </c>
      <c r="FM20" s="114">
        <v>44595</v>
      </c>
      <c r="FN20" s="113">
        <v>49395</v>
      </c>
      <c r="FO20" s="110">
        <v>0</v>
      </c>
      <c r="FP20" s="114">
        <v>30000</v>
      </c>
      <c r="FQ20" s="114">
        <v>137112</v>
      </c>
      <c r="FR20" s="114">
        <v>118800</v>
      </c>
      <c r="FS20" s="114">
        <v>121320</v>
      </c>
      <c r="FT20" s="114">
        <v>43200</v>
      </c>
      <c r="FU20" s="113">
        <v>450432</v>
      </c>
      <c r="FV20" s="116">
        <v>499827</v>
      </c>
      <c r="FW20" s="115">
        <v>4800</v>
      </c>
      <c r="FX20" s="114">
        <v>38400</v>
      </c>
      <c r="FY20" s="112">
        <v>43200</v>
      </c>
      <c r="FZ20" s="111">
        <v>0</v>
      </c>
      <c r="GA20" s="114">
        <v>30000</v>
      </c>
      <c r="GB20" s="114">
        <v>137112</v>
      </c>
      <c r="GC20" s="114">
        <v>118800</v>
      </c>
      <c r="GD20" s="114">
        <v>121320</v>
      </c>
      <c r="GE20" s="114">
        <v>43200</v>
      </c>
      <c r="GF20" s="113">
        <v>450432</v>
      </c>
      <c r="GG20" s="318">
        <v>493632</v>
      </c>
      <c r="GH20" s="115">
        <v>0</v>
      </c>
      <c r="GI20" s="114">
        <v>6195</v>
      </c>
      <c r="GJ20" s="112">
        <v>6195</v>
      </c>
      <c r="GK20" s="111">
        <v>0</v>
      </c>
      <c r="GL20" s="114">
        <v>0</v>
      </c>
      <c r="GM20" s="114">
        <v>0</v>
      </c>
      <c r="GN20" s="114">
        <v>0</v>
      </c>
      <c r="GO20" s="114">
        <v>0</v>
      </c>
      <c r="GP20" s="114">
        <v>0</v>
      </c>
      <c r="GQ20" s="113">
        <v>0</v>
      </c>
      <c r="GR20" s="116">
        <v>6195</v>
      </c>
      <c r="GS20" s="110">
        <v>0</v>
      </c>
      <c r="GT20" s="114">
        <v>0</v>
      </c>
      <c r="GU20" s="113">
        <v>0</v>
      </c>
      <c r="GV20" s="110">
        <v>0</v>
      </c>
      <c r="GW20" s="114">
        <v>0</v>
      </c>
      <c r="GX20" s="114">
        <v>0</v>
      </c>
      <c r="GY20" s="114">
        <v>0</v>
      </c>
      <c r="GZ20" s="114">
        <v>0</v>
      </c>
      <c r="HA20" s="114">
        <v>0</v>
      </c>
      <c r="HB20" s="112">
        <v>0</v>
      </c>
      <c r="HC20" s="116">
        <v>0</v>
      </c>
      <c r="HD20" s="110">
        <v>198548</v>
      </c>
      <c r="HE20" s="114">
        <v>200880</v>
      </c>
      <c r="HF20" s="112">
        <v>399428</v>
      </c>
      <c r="HG20" s="111">
        <v>0</v>
      </c>
      <c r="HH20" s="114">
        <v>945419</v>
      </c>
      <c r="HI20" s="114">
        <v>544341</v>
      </c>
      <c r="HJ20" s="114">
        <v>1208625</v>
      </c>
      <c r="HK20" s="114">
        <v>218304</v>
      </c>
      <c r="HL20" s="114">
        <v>379816</v>
      </c>
      <c r="HM20" s="113">
        <v>3296505</v>
      </c>
      <c r="HN20" s="116">
        <v>3695933</v>
      </c>
      <c r="HO20" s="503"/>
      <c r="HP20" s="329"/>
      <c r="HQ20" s="330"/>
      <c r="HR20" s="331"/>
      <c r="HS20" s="329"/>
      <c r="HT20" s="329"/>
      <c r="HU20" s="329"/>
      <c r="HV20" s="329"/>
      <c r="HW20" s="329"/>
      <c r="HX20" s="329"/>
      <c r="HY20" s="510"/>
      <c r="HZ20" s="150">
        <v>0</v>
      </c>
      <c r="IA20" s="135">
        <v>0</v>
      </c>
      <c r="IB20" s="150">
        <v>0</v>
      </c>
      <c r="IC20" s="134">
        <v>0</v>
      </c>
      <c r="ID20" s="135">
        <v>570604</v>
      </c>
      <c r="IE20" s="136">
        <v>846404</v>
      </c>
      <c r="IF20" s="137">
        <v>343606</v>
      </c>
      <c r="IG20" s="135">
        <v>1218476</v>
      </c>
      <c r="IH20" s="137">
        <v>382897</v>
      </c>
      <c r="II20" s="138">
        <v>3361987</v>
      </c>
      <c r="IJ20" s="150">
        <v>3361987</v>
      </c>
      <c r="IK20" s="232">
        <v>0</v>
      </c>
      <c r="IL20" s="236">
        <v>0</v>
      </c>
      <c r="IM20" s="237">
        <v>0</v>
      </c>
      <c r="IN20" s="140"/>
      <c r="IO20" s="119">
        <v>0</v>
      </c>
      <c r="IP20" s="119">
        <v>0</v>
      </c>
      <c r="IQ20" s="119">
        <v>0</v>
      </c>
      <c r="IR20" s="119">
        <v>0</v>
      </c>
      <c r="IS20" s="119">
        <v>0</v>
      </c>
      <c r="IT20" s="141">
        <v>0</v>
      </c>
      <c r="IU20" s="320">
        <v>0</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98851</v>
      </c>
      <c r="JL20" s="119">
        <v>412369</v>
      </c>
      <c r="JM20" s="119">
        <v>104967</v>
      </c>
      <c r="JN20" s="119">
        <v>89472</v>
      </c>
      <c r="JO20" s="119">
        <v>90826</v>
      </c>
      <c r="JP20" s="120">
        <v>796485</v>
      </c>
      <c r="JQ20" s="320">
        <v>796485</v>
      </c>
      <c r="JR20" s="142">
        <v>0</v>
      </c>
      <c r="JS20" s="119">
        <v>0</v>
      </c>
      <c r="JT20" s="141">
        <v>0</v>
      </c>
      <c r="JU20" s="118">
        <v>0</v>
      </c>
      <c r="JV20" s="119">
        <v>0</v>
      </c>
      <c r="JW20" s="119">
        <v>39063</v>
      </c>
      <c r="JX20" s="119">
        <v>0</v>
      </c>
      <c r="JY20" s="119">
        <v>0</v>
      </c>
      <c r="JZ20" s="119">
        <v>0</v>
      </c>
      <c r="KA20" s="120">
        <v>39063</v>
      </c>
      <c r="KB20" s="320">
        <v>39063</v>
      </c>
      <c r="KC20" s="234">
        <v>0</v>
      </c>
      <c r="KD20" s="230">
        <v>0</v>
      </c>
      <c r="KE20" s="120">
        <v>0</v>
      </c>
      <c r="KF20" s="118">
        <v>0</v>
      </c>
      <c r="KG20" s="119">
        <v>0</v>
      </c>
      <c r="KH20" s="119">
        <v>150892</v>
      </c>
      <c r="KI20" s="119">
        <v>238639</v>
      </c>
      <c r="KJ20" s="119">
        <v>595426</v>
      </c>
      <c r="KK20" s="119">
        <v>266216</v>
      </c>
      <c r="KL20" s="120">
        <v>1251173</v>
      </c>
      <c r="KM20" s="143">
        <v>1251173</v>
      </c>
      <c r="KN20" s="232">
        <v>0</v>
      </c>
      <c r="KO20" s="236">
        <v>0</v>
      </c>
      <c r="KP20" s="237">
        <v>0</v>
      </c>
      <c r="KQ20" s="140"/>
      <c r="KR20" s="119">
        <v>471753</v>
      </c>
      <c r="KS20" s="119">
        <v>244080</v>
      </c>
      <c r="KT20" s="119">
        <v>0</v>
      </c>
      <c r="KU20" s="119">
        <v>0</v>
      </c>
      <c r="KV20" s="119">
        <v>25855</v>
      </c>
      <c r="KW20" s="120">
        <v>741688</v>
      </c>
      <c r="KX20" s="320">
        <v>741688</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0</v>
      </c>
      <c r="LQ20" s="119">
        <v>533578</v>
      </c>
      <c r="LR20" s="119">
        <v>0</v>
      </c>
      <c r="LS20" s="120">
        <v>533578</v>
      </c>
      <c r="LT20" s="320">
        <v>533578</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243357</v>
      </c>
      <c r="MK20" s="119">
        <v>251631</v>
      </c>
      <c r="ML20" s="119">
        <v>1267677</v>
      </c>
      <c r="MM20" s="119">
        <v>2466841</v>
      </c>
      <c r="MN20" s="119">
        <v>1331781</v>
      </c>
      <c r="MO20" s="120">
        <v>5561287</v>
      </c>
      <c r="MP20" s="143">
        <v>5561287</v>
      </c>
      <c r="MQ20" s="142">
        <v>0</v>
      </c>
      <c r="MR20" s="119">
        <v>0</v>
      </c>
      <c r="MS20" s="120">
        <v>0</v>
      </c>
      <c r="MT20" s="145"/>
      <c r="MU20" s="119">
        <v>0</v>
      </c>
      <c r="MV20" s="119">
        <v>0</v>
      </c>
      <c r="MW20" s="119">
        <v>964529</v>
      </c>
      <c r="MX20" s="119">
        <v>1525127</v>
      </c>
      <c r="MY20" s="119">
        <v>330125</v>
      </c>
      <c r="MZ20" s="120">
        <v>2819781</v>
      </c>
      <c r="NA20" s="143">
        <v>2819781</v>
      </c>
      <c r="NB20" s="142">
        <v>0</v>
      </c>
      <c r="NC20" s="119">
        <v>0</v>
      </c>
      <c r="ND20" s="120">
        <v>0</v>
      </c>
      <c r="NE20" s="145"/>
      <c r="NF20" s="119">
        <v>243357</v>
      </c>
      <c r="NG20" s="119">
        <v>251631</v>
      </c>
      <c r="NH20" s="119">
        <v>303148</v>
      </c>
      <c r="NI20" s="119">
        <v>941714</v>
      </c>
      <c r="NJ20" s="119">
        <v>1001656</v>
      </c>
      <c r="NK20" s="120">
        <v>2741506</v>
      </c>
      <c r="NL20" s="320">
        <v>2741506</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214260</v>
      </c>
      <c r="OJ20" s="119">
        <v>268706</v>
      </c>
      <c r="OK20" s="141">
        <v>482966</v>
      </c>
      <c r="OL20" s="118">
        <v>0</v>
      </c>
      <c r="OM20" s="119">
        <v>2221627</v>
      </c>
      <c r="ON20" s="119">
        <v>2813593</v>
      </c>
      <c r="OO20" s="119">
        <v>4459522</v>
      </c>
      <c r="OP20" s="119">
        <v>5290846</v>
      </c>
      <c r="OQ20" s="119">
        <v>2797272</v>
      </c>
      <c r="OR20" s="120">
        <v>17582860</v>
      </c>
      <c r="OS20" s="143">
        <v>18065826</v>
      </c>
    </row>
    <row r="21" spans="2:409" ht="21" customHeight="1" x14ac:dyDescent="0.2">
      <c r="B21" s="126" t="s">
        <v>16</v>
      </c>
      <c r="C21" s="110">
        <v>287660</v>
      </c>
      <c r="D21" s="114">
        <v>677632</v>
      </c>
      <c r="E21" s="113">
        <v>965292</v>
      </c>
      <c r="F21" s="109">
        <v>0</v>
      </c>
      <c r="G21" s="114">
        <v>5177369</v>
      </c>
      <c r="H21" s="114">
        <v>6855280</v>
      </c>
      <c r="I21" s="114">
        <v>4171475</v>
      </c>
      <c r="J21" s="114">
        <v>5521013</v>
      </c>
      <c r="K21" s="114">
        <v>1865941</v>
      </c>
      <c r="L21" s="109">
        <v>23591078</v>
      </c>
      <c r="M21" s="116">
        <v>24556370</v>
      </c>
      <c r="N21" s="110">
        <v>89786</v>
      </c>
      <c r="O21" s="114">
        <v>100969</v>
      </c>
      <c r="P21" s="113">
        <v>190755</v>
      </c>
      <c r="Q21" s="110">
        <v>0</v>
      </c>
      <c r="R21" s="114">
        <v>1317024</v>
      </c>
      <c r="S21" s="114">
        <v>1167165</v>
      </c>
      <c r="T21" s="114">
        <v>1125162</v>
      </c>
      <c r="U21" s="114">
        <v>965122</v>
      </c>
      <c r="V21" s="114">
        <v>891847</v>
      </c>
      <c r="W21" s="113">
        <v>5466320</v>
      </c>
      <c r="X21" s="116">
        <v>5657075</v>
      </c>
      <c r="Y21" s="110">
        <v>0</v>
      </c>
      <c r="Z21" s="114">
        <v>0</v>
      </c>
      <c r="AA21" s="113">
        <v>0</v>
      </c>
      <c r="AB21" s="110">
        <v>0</v>
      </c>
      <c r="AC21" s="114">
        <v>266133</v>
      </c>
      <c r="AD21" s="114">
        <v>297255</v>
      </c>
      <c r="AE21" s="114">
        <v>386466</v>
      </c>
      <c r="AF21" s="114">
        <v>47864</v>
      </c>
      <c r="AG21" s="114">
        <v>274277</v>
      </c>
      <c r="AH21" s="113">
        <v>1271995</v>
      </c>
      <c r="AI21" s="116">
        <v>1271995</v>
      </c>
      <c r="AJ21" s="110">
        <v>0</v>
      </c>
      <c r="AK21" s="114">
        <v>0</v>
      </c>
      <c r="AL21" s="113">
        <v>0</v>
      </c>
      <c r="AM21" s="110">
        <v>0</v>
      </c>
      <c r="AN21" s="114">
        <v>0</v>
      </c>
      <c r="AO21" s="114">
        <v>56926</v>
      </c>
      <c r="AP21" s="114">
        <v>0</v>
      </c>
      <c r="AQ21" s="114">
        <v>56926</v>
      </c>
      <c r="AR21" s="114">
        <v>66553</v>
      </c>
      <c r="AS21" s="113">
        <v>180405</v>
      </c>
      <c r="AT21" s="116">
        <v>180405</v>
      </c>
      <c r="AU21" s="110">
        <v>54082</v>
      </c>
      <c r="AV21" s="114">
        <v>60017</v>
      </c>
      <c r="AW21" s="113">
        <v>114099</v>
      </c>
      <c r="AX21" s="110">
        <v>0</v>
      </c>
      <c r="AY21" s="114">
        <v>704265</v>
      </c>
      <c r="AZ21" s="114">
        <v>561937</v>
      </c>
      <c r="BA21" s="114">
        <v>416000</v>
      </c>
      <c r="BB21" s="114">
        <v>480284</v>
      </c>
      <c r="BC21" s="114">
        <v>437649</v>
      </c>
      <c r="BD21" s="113">
        <v>2600135</v>
      </c>
      <c r="BE21" s="116">
        <v>2714234</v>
      </c>
      <c r="BF21" s="110">
        <v>0</v>
      </c>
      <c r="BG21" s="114">
        <v>0</v>
      </c>
      <c r="BH21" s="112">
        <v>0</v>
      </c>
      <c r="BI21" s="111">
        <v>0</v>
      </c>
      <c r="BJ21" s="114">
        <v>85978</v>
      </c>
      <c r="BK21" s="114">
        <v>15519</v>
      </c>
      <c r="BL21" s="114">
        <v>15800</v>
      </c>
      <c r="BM21" s="114">
        <v>0</v>
      </c>
      <c r="BN21" s="114">
        <v>0</v>
      </c>
      <c r="BO21" s="113">
        <v>117297</v>
      </c>
      <c r="BP21" s="116">
        <v>117297</v>
      </c>
      <c r="BQ21" s="110">
        <v>35704</v>
      </c>
      <c r="BR21" s="114">
        <v>40952</v>
      </c>
      <c r="BS21" s="113">
        <v>76656</v>
      </c>
      <c r="BT21" s="110">
        <v>0</v>
      </c>
      <c r="BU21" s="114">
        <v>260648</v>
      </c>
      <c r="BV21" s="114">
        <v>235528</v>
      </c>
      <c r="BW21" s="114">
        <v>306896</v>
      </c>
      <c r="BX21" s="114">
        <v>380048</v>
      </c>
      <c r="BY21" s="114">
        <v>113368</v>
      </c>
      <c r="BZ21" s="113">
        <v>1296488</v>
      </c>
      <c r="CA21" s="116">
        <v>1373144</v>
      </c>
      <c r="CB21" s="110">
        <v>37558</v>
      </c>
      <c r="CC21" s="114">
        <v>146378</v>
      </c>
      <c r="CD21" s="113">
        <v>183936</v>
      </c>
      <c r="CE21" s="110">
        <v>0</v>
      </c>
      <c r="CF21" s="114">
        <v>1823459</v>
      </c>
      <c r="CG21" s="114">
        <v>3268374</v>
      </c>
      <c r="CH21" s="114">
        <v>524244</v>
      </c>
      <c r="CI21" s="114">
        <v>1022654</v>
      </c>
      <c r="CJ21" s="114">
        <v>31820</v>
      </c>
      <c r="CK21" s="113">
        <v>6670551</v>
      </c>
      <c r="CL21" s="116">
        <v>6854487</v>
      </c>
      <c r="CM21" s="110">
        <v>0</v>
      </c>
      <c r="CN21" s="114">
        <v>0</v>
      </c>
      <c r="CO21" s="113">
        <v>0</v>
      </c>
      <c r="CP21" s="111">
        <v>0</v>
      </c>
      <c r="CQ21" s="114">
        <v>814587</v>
      </c>
      <c r="CR21" s="114">
        <v>1211045</v>
      </c>
      <c r="CS21" s="114">
        <v>418688</v>
      </c>
      <c r="CT21" s="114">
        <v>670578</v>
      </c>
      <c r="CU21" s="114">
        <v>31820</v>
      </c>
      <c r="CV21" s="113">
        <v>3146718</v>
      </c>
      <c r="CW21" s="116">
        <v>3146718</v>
      </c>
      <c r="CX21" s="110">
        <v>37558</v>
      </c>
      <c r="CY21" s="114">
        <v>146378</v>
      </c>
      <c r="CZ21" s="113">
        <v>183936</v>
      </c>
      <c r="DA21" s="110">
        <v>0</v>
      </c>
      <c r="DB21" s="114">
        <v>1008872</v>
      </c>
      <c r="DC21" s="114">
        <v>2057329</v>
      </c>
      <c r="DD21" s="114">
        <v>105556</v>
      </c>
      <c r="DE21" s="114">
        <v>352076</v>
      </c>
      <c r="DF21" s="114">
        <v>0</v>
      </c>
      <c r="DG21" s="113">
        <v>3523833</v>
      </c>
      <c r="DH21" s="116">
        <v>3707769</v>
      </c>
      <c r="DI21" s="110">
        <v>0</v>
      </c>
      <c r="DJ21" s="114">
        <v>0</v>
      </c>
      <c r="DK21" s="112">
        <v>0</v>
      </c>
      <c r="DL21" s="111">
        <v>0</v>
      </c>
      <c r="DM21" s="114">
        <v>99966</v>
      </c>
      <c r="DN21" s="114">
        <v>270007</v>
      </c>
      <c r="DO21" s="114">
        <v>72508</v>
      </c>
      <c r="DP21" s="114">
        <v>59365</v>
      </c>
      <c r="DQ21" s="114">
        <v>67921</v>
      </c>
      <c r="DR21" s="113">
        <v>569767</v>
      </c>
      <c r="DS21" s="116">
        <v>569767</v>
      </c>
      <c r="DT21" s="110">
        <v>0</v>
      </c>
      <c r="DU21" s="114">
        <v>0</v>
      </c>
      <c r="DV21" s="113">
        <v>0</v>
      </c>
      <c r="DW21" s="110">
        <v>0</v>
      </c>
      <c r="DX21" s="114">
        <v>99966</v>
      </c>
      <c r="DY21" s="114">
        <v>169465</v>
      </c>
      <c r="DZ21" s="114">
        <v>72508</v>
      </c>
      <c r="EA21" s="114">
        <v>27940</v>
      </c>
      <c r="EB21" s="114">
        <v>67921</v>
      </c>
      <c r="EC21" s="113">
        <v>437800</v>
      </c>
      <c r="ED21" s="116">
        <v>437800</v>
      </c>
      <c r="EE21" s="110">
        <v>0</v>
      </c>
      <c r="EF21" s="112">
        <v>0</v>
      </c>
      <c r="EG21" s="113">
        <v>0</v>
      </c>
      <c r="EH21" s="110">
        <v>0</v>
      </c>
      <c r="EI21" s="114">
        <v>0</v>
      </c>
      <c r="EJ21" s="114">
        <v>100542</v>
      </c>
      <c r="EK21" s="114">
        <v>0</v>
      </c>
      <c r="EL21" s="114">
        <v>31425</v>
      </c>
      <c r="EM21" s="114">
        <v>0</v>
      </c>
      <c r="EN21" s="112">
        <v>131967</v>
      </c>
      <c r="EO21" s="116">
        <v>131967</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51656</v>
      </c>
      <c r="FM21" s="114">
        <v>86160</v>
      </c>
      <c r="FN21" s="113">
        <v>137816</v>
      </c>
      <c r="FO21" s="110">
        <v>0</v>
      </c>
      <c r="FP21" s="114">
        <v>199432</v>
      </c>
      <c r="FQ21" s="114">
        <v>627856</v>
      </c>
      <c r="FR21" s="114">
        <v>268904</v>
      </c>
      <c r="FS21" s="114">
        <v>426680</v>
      </c>
      <c r="FT21" s="114">
        <v>176480</v>
      </c>
      <c r="FU21" s="113">
        <v>1699352</v>
      </c>
      <c r="FV21" s="116">
        <v>1837168</v>
      </c>
      <c r="FW21" s="115">
        <v>51656</v>
      </c>
      <c r="FX21" s="114">
        <v>86160</v>
      </c>
      <c r="FY21" s="112">
        <v>137816</v>
      </c>
      <c r="FZ21" s="111">
        <v>0</v>
      </c>
      <c r="GA21" s="114">
        <v>155432</v>
      </c>
      <c r="GB21" s="114">
        <v>627856</v>
      </c>
      <c r="GC21" s="114">
        <v>268904</v>
      </c>
      <c r="GD21" s="114">
        <v>387960</v>
      </c>
      <c r="GE21" s="114">
        <v>150960</v>
      </c>
      <c r="GF21" s="113">
        <v>1591112</v>
      </c>
      <c r="GG21" s="318">
        <v>1728928</v>
      </c>
      <c r="GH21" s="115">
        <v>0</v>
      </c>
      <c r="GI21" s="114">
        <v>0</v>
      </c>
      <c r="GJ21" s="112">
        <v>0</v>
      </c>
      <c r="GK21" s="111">
        <v>0</v>
      </c>
      <c r="GL21" s="114">
        <v>44000</v>
      </c>
      <c r="GM21" s="114">
        <v>0</v>
      </c>
      <c r="GN21" s="114">
        <v>0</v>
      </c>
      <c r="GO21" s="114">
        <v>38720</v>
      </c>
      <c r="GP21" s="114">
        <v>25520</v>
      </c>
      <c r="GQ21" s="113">
        <v>108240</v>
      </c>
      <c r="GR21" s="116">
        <v>108240</v>
      </c>
      <c r="GS21" s="110">
        <v>0</v>
      </c>
      <c r="GT21" s="114">
        <v>0</v>
      </c>
      <c r="GU21" s="113">
        <v>0</v>
      </c>
      <c r="GV21" s="110">
        <v>0</v>
      </c>
      <c r="GW21" s="114">
        <v>0</v>
      </c>
      <c r="GX21" s="114">
        <v>0</v>
      </c>
      <c r="GY21" s="114">
        <v>0</v>
      </c>
      <c r="GZ21" s="114">
        <v>0</v>
      </c>
      <c r="HA21" s="114">
        <v>0</v>
      </c>
      <c r="HB21" s="112">
        <v>0</v>
      </c>
      <c r="HC21" s="116">
        <v>0</v>
      </c>
      <c r="HD21" s="110">
        <v>108660</v>
      </c>
      <c r="HE21" s="114">
        <v>344125</v>
      </c>
      <c r="HF21" s="112">
        <v>452785</v>
      </c>
      <c r="HG21" s="111">
        <v>0</v>
      </c>
      <c r="HH21" s="114">
        <v>1737488</v>
      </c>
      <c r="HI21" s="114">
        <v>1521878</v>
      </c>
      <c r="HJ21" s="114">
        <v>2180657</v>
      </c>
      <c r="HK21" s="114">
        <v>3047192</v>
      </c>
      <c r="HL21" s="114">
        <v>697873</v>
      </c>
      <c r="HM21" s="113">
        <v>9185088</v>
      </c>
      <c r="HN21" s="116">
        <v>9637873</v>
      </c>
      <c r="HO21" s="503"/>
      <c r="HP21" s="329"/>
      <c r="HQ21" s="330"/>
      <c r="HR21" s="331"/>
      <c r="HS21" s="329"/>
      <c r="HT21" s="329"/>
      <c r="HU21" s="329"/>
      <c r="HV21" s="329"/>
      <c r="HW21" s="329"/>
      <c r="HX21" s="329"/>
      <c r="HY21" s="510"/>
      <c r="HZ21" s="133">
        <v>0</v>
      </c>
      <c r="IA21" s="132">
        <v>0</v>
      </c>
      <c r="IB21" s="133">
        <v>0</v>
      </c>
      <c r="IC21" s="146">
        <v>0</v>
      </c>
      <c r="ID21" s="132">
        <v>603342</v>
      </c>
      <c r="IE21" s="147">
        <v>2114355</v>
      </c>
      <c r="IF21" s="133">
        <v>2618754</v>
      </c>
      <c r="IG21" s="132">
        <v>765284</v>
      </c>
      <c r="IH21" s="133">
        <v>899204</v>
      </c>
      <c r="II21" s="148">
        <v>7000939</v>
      </c>
      <c r="IJ21" s="139">
        <v>7000939</v>
      </c>
      <c r="IK21" s="232">
        <v>0</v>
      </c>
      <c r="IL21" s="236">
        <v>0</v>
      </c>
      <c r="IM21" s="237">
        <v>0</v>
      </c>
      <c r="IN21" s="140"/>
      <c r="IO21" s="119">
        <v>0</v>
      </c>
      <c r="IP21" s="119">
        <v>0</v>
      </c>
      <c r="IQ21" s="119">
        <v>342198</v>
      </c>
      <c r="IR21" s="119">
        <v>227714</v>
      </c>
      <c r="IS21" s="119">
        <v>0</v>
      </c>
      <c r="IT21" s="141">
        <v>569912</v>
      </c>
      <c r="IU21" s="320">
        <v>569912</v>
      </c>
      <c r="IV21" s="142">
        <v>0</v>
      </c>
      <c r="IW21" s="119">
        <v>0</v>
      </c>
      <c r="IX21" s="120">
        <v>0</v>
      </c>
      <c r="IY21" s="144"/>
      <c r="IZ21" s="119">
        <v>0</v>
      </c>
      <c r="JA21" s="119">
        <v>0</v>
      </c>
      <c r="JB21" s="119">
        <v>32467</v>
      </c>
      <c r="JC21" s="119">
        <v>0</v>
      </c>
      <c r="JD21" s="119">
        <v>0</v>
      </c>
      <c r="JE21" s="120">
        <v>32467</v>
      </c>
      <c r="JF21" s="121">
        <v>32467</v>
      </c>
      <c r="JG21" s="142">
        <v>0</v>
      </c>
      <c r="JH21" s="119">
        <v>0</v>
      </c>
      <c r="JI21" s="141">
        <v>0</v>
      </c>
      <c r="JJ21" s="118">
        <v>0</v>
      </c>
      <c r="JK21" s="119">
        <v>369869</v>
      </c>
      <c r="JL21" s="119">
        <v>553364</v>
      </c>
      <c r="JM21" s="119">
        <v>403434</v>
      </c>
      <c r="JN21" s="119">
        <v>20834</v>
      </c>
      <c r="JO21" s="119">
        <v>0</v>
      </c>
      <c r="JP21" s="120">
        <v>1347501</v>
      </c>
      <c r="JQ21" s="320">
        <v>1347501</v>
      </c>
      <c r="JR21" s="142">
        <v>0</v>
      </c>
      <c r="JS21" s="119">
        <v>0</v>
      </c>
      <c r="JT21" s="141">
        <v>0</v>
      </c>
      <c r="JU21" s="118">
        <v>0</v>
      </c>
      <c r="JV21" s="119">
        <v>0</v>
      </c>
      <c r="JW21" s="119">
        <v>0</v>
      </c>
      <c r="JX21" s="119">
        <v>105340</v>
      </c>
      <c r="JY21" s="119">
        <v>0</v>
      </c>
      <c r="JZ21" s="119">
        <v>0</v>
      </c>
      <c r="KA21" s="120">
        <v>105340</v>
      </c>
      <c r="KB21" s="320">
        <v>105340</v>
      </c>
      <c r="KC21" s="234">
        <v>0</v>
      </c>
      <c r="KD21" s="230">
        <v>0</v>
      </c>
      <c r="KE21" s="120">
        <v>0</v>
      </c>
      <c r="KF21" s="118">
        <v>0</v>
      </c>
      <c r="KG21" s="119">
        <v>0</v>
      </c>
      <c r="KH21" s="119">
        <v>329169</v>
      </c>
      <c r="KI21" s="119">
        <v>491029</v>
      </c>
      <c r="KJ21" s="119">
        <v>0</v>
      </c>
      <c r="KK21" s="119">
        <v>0</v>
      </c>
      <c r="KL21" s="120">
        <v>820198</v>
      </c>
      <c r="KM21" s="143">
        <v>820198</v>
      </c>
      <c r="KN21" s="232">
        <v>0</v>
      </c>
      <c r="KO21" s="236">
        <v>0</v>
      </c>
      <c r="KP21" s="237">
        <v>0</v>
      </c>
      <c r="KQ21" s="140"/>
      <c r="KR21" s="119">
        <v>233473</v>
      </c>
      <c r="KS21" s="119">
        <v>982474</v>
      </c>
      <c r="KT21" s="119">
        <v>1007854</v>
      </c>
      <c r="KU21" s="119">
        <v>516736</v>
      </c>
      <c r="KV21" s="119">
        <v>599395</v>
      </c>
      <c r="KW21" s="120">
        <v>3339932</v>
      </c>
      <c r="KX21" s="320">
        <v>3339932</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0">
        <v>0</v>
      </c>
      <c r="LU21" s="142">
        <v>0</v>
      </c>
      <c r="LV21" s="119">
        <v>0</v>
      </c>
      <c r="LW21" s="120">
        <v>0</v>
      </c>
      <c r="LX21" s="145"/>
      <c r="LY21" s="119">
        <v>0</v>
      </c>
      <c r="LZ21" s="119">
        <v>249348</v>
      </c>
      <c r="MA21" s="119">
        <v>236432</v>
      </c>
      <c r="MB21" s="119">
        <v>0</v>
      </c>
      <c r="MC21" s="119">
        <v>299809</v>
      </c>
      <c r="MD21" s="120">
        <v>785589</v>
      </c>
      <c r="ME21" s="121">
        <v>785589</v>
      </c>
      <c r="MF21" s="142">
        <v>0</v>
      </c>
      <c r="MG21" s="119">
        <v>0</v>
      </c>
      <c r="MH21" s="120">
        <v>0</v>
      </c>
      <c r="MI21" s="145"/>
      <c r="MJ21" s="119">
        <v>295989</v>
      </c>
      <c r="MK21" s="119">
        <v>1172843</v>
      </c>
      <c r="ML21" s="119">
        <v>2591202</v>
      </c>
      <c r="MM21" s="119">
        <v>2896186</v>
      </c>
      <c r="MN21" s="119">
        <v>2676928</v>
      </c>
      <c r="MO21" s="120">
        <v>9633148</v>
      </c>
      <c r="MP21" s="143">
        <v>9633148</v>
      </c>
      <c r="MQ21" s="142">
        <v>0</v>
      </c>
      <c r="MR21" s="119">
        <v>0</v>
      </c>
      <c r="MS21" s="120">
        <v>0</v>
      </c>
      <c r="MT21" s="145"/>
      <c r="MU21" s="119">
        <v>0</v>
      </c>
      <c r="MV21" s="119">
        <v>212013</v>
      </c>
      <c r="MW21" s="119">
        <v>1460209</v>
      </c>
      <c r="MX21" s="119">
        <v>1715798</v>
      </c>
      <c r="MY21" s="119">
        <v>1653955</v>
      </c>
      <c r="MZ21" s="120">
        <v>5041975</v>
      </c>
      <c r="NA21" s="143">
        <v>5041975</v>
      </c>
      <c r="NB21" s="142">
        <v>0</v>
      </c>
      <c r="NC21" s="119">
        <v>0</v>
      </c>
      <c r="ND21" s="120">
        <v>0</v>
      </c>
      <c r="NE21" s="145"/>
      <c r="NF21" s="119">
        <v>295989</v>
      </c>
      <c r="NG21" s="119">
        <v>960830</v>
      </c>
      <c r="NH21" s="119">
        <v>1130993</v>
      </c>
      <c r="NI21" s="119">
        <v>1180388</v>
      </c>
      <c r="NJ21" s="119">
        <v>616733</v>
      </c>
      <c r="NK21" s="120">
        <v>4184933</v>
      </c>
      <c r="NL21" s="320">
        <v>4184933</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0</v>
      </c>
      <c r="OF21" s="119">
        <v>406240</v>
      </c>
      <c r="OG21" s="120">
        <v>406240</v>
      </c>
      <c r="OH21" s="121">
        <v>406240</v>
      </c>
      <c r="OI21" s="142">
        <v>287660</v>
      </c>
      <c r="OJ21" s="119">
        <v>677632</v>
      </c>
      <c r="OK21" s="141">
        <v>965292</v>
      </c>
      <c r="OL21" s="118">
        <v>0</v>
      </c>
      <c r="OM21" s="119">
        <v>6076700</v>
      </c>
      <c r="ON21" s="119">
        <v>10142478</v>
      </c>
      <c r="OO21" s="119">
        <v>9381431</v>
      </c>
      <c r="OP21" s="119">
        <v>9182483</v>
      </c>
      <c r="OQ21" s="119">
        <v>5442073</v>
      </c>
      <c r="OR21" s="120">
        <v>40225165</v>
      </c>
      <c r="OS21" s="143">
        <v>41190457</v>
      </c>
    </row>
    <row r="22" spans="2:409" ht="21" customHeight="1" x14ac:dyDescent="0.2">
      <c r="B22" s="126" t="s">
        <v>17</v>
      </c>
      <c r="C22" s="110">
        <v>446535</v>
      </c>
      <c r="D22" s="114">
        <v>873158</v>
      </c>
      <c r="E22" s="113">
        <v>1319693</v>
      </c>
      <c r="F22" s="109">
        <v>0</v>
      </c>
      <c r="G22" s="114">
        <v>4292899</v>
      </c>
      <c r="H22" s="114">
        <v>6084911</v>
      </c>
      <c r="I22" s="114">
        <v>4169306</v>
      </c>
      <c r="J22" s="114">
        <v>5622467</v>
      </c>
      <c r="K22" s="114">
        <v>4461581</v>
      </c>
      <c r="L22" s="109">
        <v>24631164</v>
      </c>
      <c r="M22" s="116">
        <v>25950857</v>
      </c>
      <c r="N22" s="110">
        <v>45424</v>
      </c>
      <c r="O22" s="114">
        <v>322909</v>
      </c>
      <c r="P22" s="113">
        <v>368333</v>
      </c>
      <c r="Q22" s="110">
        <v>0</v>
      </c>
      <c r="R22" s="114">
        <v>812925</v>
      </c>
      <c r="S22" s="114">
        <v>1595946</v>
      </c>
      <c r="T22" s="114">
        <v>1352235</v>
      </c>
      <c r="U22" s="114">
        <v>1170997</v>
      </c>
      <c r="V22" s="114">
        <v>2253863</v>
      </c>
      <c r="W22" s="113">
        <v>7185966</v>
      </c>
      <c r="X22" s="116">
        <v>7554299</v>
      </c>
      <c r="Y22" s="110">
        <v>0</v>
      </c>
      <c r="Z22" s="114">
        <v>0</v>
      </c>
      <c r="AA22" s="113">
        <v>0</v>
      </c>
      <c r="AB22" s="110">
        <v>0</v>
      </c>
      <c r="AC22" s="114">
        <v>247631</v>
      </c>
      <c r="AD22" s="114">
        <v>744299</v>
      </c>
      <c r="AE22" s="114">
        <v>891089</v>
      </c>
      <c r="AF22" s="114">
        <v>650186</v>
      </c>
      <c r="AG22" s="114">
        <v>1173914</v>
      </c>
      <c r="AH22" s="113">
        <v>3707119</v>
      </c>
      <c r="AI22" s="116">
        <v>3707119</v>
      </c>
      <c r="AJ22" s="110">
        <v>0</v>
      </c>
      <c r="AK22" s="114">
        <v>0</v>
      </c>
      <c r="AL22" s="113">
        <v>0</v>
      </c>
      <c r="AM22" s="110">
        <v>0</v>
      </c>
      <c r="AN22" s="114">
        <v>0</v>
      </c>
      <c r="AO22" s="114">
        <v>0</v>
      </c>
      <c r="AP22" s="114">
        <v>13588</v>
      </c>
      <c r="AQ22" s="114">
        <v>0</v>
      </c>
      <c r="AR22" s="114">
        <v>332913</v>
      </c>
      <c r="AS22" s="113">
        <v>346501</v>
      </c>
      <c r="AT22" s="116">
        <v>346501</v>
      </c>
      <c r="AU22" s="110">
        <v>30368</v>
      </c>
      <c r="AV22" s="114">
        <v>200717</v>
      </c>
      <c r="AW22" s="113">
        <v>231085</v>
      </c>
      <c r="AX22" s="110">
        <v>0</v>
      </c>
      <c r="AY22" s="114">
        <v>424934</v>
      </c>
      <c r="AZ22" s="114">
        <v>480294</v>
      </c>
      <c r="BA22" s="114">
        <v>286238</v>
      </c>
      <c r="BB22" s="114">
        <v>279277</v>
      </c>
      <c r="BC22" s="114">
        <v>510972</v>
      </c>
      <c r="BD22" s="113">
        <v>1981715</v>
      </c>
      <c r="BE22" s="116">
        <v>2212800</v>
      </c>
      <c r="BF22" s="110">
        <v>0</v>
      </c>
      <c r="BG22" s="114">
        <v>86600</v>
      </c>
      <c r="BH22" s="112">
        <v>86600</v>
      </c>
      <c r="BI22" s="111">
        <v>0</v>
      </c>
      <c r="BJ22" s="114">
        <v>0</v>
      </c>
      <c r="BK22" s="114">
        <v>79777</v>
      </c>
      <c r="BL22" s="114">
        <v>0</v>
      </c>
      <c r="BM22" s="114">
        <v>35254</v>
      </c>
      <c r="BN22" s="114">
        <v>0</v>
      </c>
      <c r="BO22" s="113">
        <v>115031</v>
      </c>
      <c r="BP22" s="116">
        <v>201631</v>
      </c>
      <c r="BQ22" s="110">
        <v>15056</v>
      </c>
      <c r="BR22" s="114">
        <v>35592</v>
      </c>
      <c r="BS22" s="113">
        <v>50648</v>
      </c>
      <c r="BT22" s="110">
        <v>0</v>
      </c>
      <c r="BU22" s="114">
        <v>140360</v>
      </c>
      <c r="BV22" s="114">
        <v>291576</v>
      </c>
      <c r="BW22" s="114">
        <v>161320</v>
      </c>
      <c r="BX22" s="114">
        <v>206280</v>
      </c>
      <c r="BY22" s="114">
        <v>236064</v>
      </c>
      <c r="BZ22" s="113">
        <v>1035600</v>
      </c>
      <c r="CA22" s="116">
        <v>1086248</v>
      </c>
      <c r="CB22" s="110">
        <v>44736</v>
      </c>
      <c r="CC22" s="114">
        <v>227889</v>
      </c>
      <c r="CD22" s="113">
        <v>272625</v>
      </c>
      <c r="CE22" s="110">
        <v>0</v>
      </c>
      <c r="CF22" s="114">
        <v>1716353</v>
      </c>
      <c r="CG22" s="114">
        <v>2687565</v>
      </c>
      <c r="CH22" s="114">
        <v>603162</v>
      </c>
      <c r="CI22" s="114">
        <v>807623</v>
      </c>
      <c r="CJ22" s="114">
        <v>767590</v>
      </c>
      <c r="CK22" s="113">
        <v>6582293</v>
      </c>
      <c r="CL22" s="116">
        <v>6854918</v>
      </c>
      <c r="CM22" s="110">
        <v>0</v>
      </c>
      <c r="CN22" s="114">
        <v>0</v>
      </c>
      <c r="CO22" s="113">
        <v>0</v>
      </c>
      <c r="CP22" s="111">
        <v>0</v>
      </c>
      <c r="CQ22" s="114">
        <v>1591668</v>
      </c>
      <c r="CR22" s="114">
        <v>1577300</v>
      </c>
      <c r="CS22" s="114">
        <v>417219</v>
      </c>
      <c r="CT22" s="114">
        <v>736339</v>
      </c>
      <c r="CU22" s="114">
        <v>604170</v>
      </c>
      <c r="CV22" s="113">
        <v>4926696</v>
      </c>
      <c r="CW22" s="116">
        <v>4926696</v>
      </c>
      <c r="CX22" s="110">
        <v>44736</v>
      </c>
      <c r="CY22" s="114">
        <v>227889</v>
      </c>
      <c r="CZ22" s="113">
        <v>272625</v>
      </c>
      <c r="DA22" s="110">
        <v>0</v>
      </c>
      <c r="DB22" s="114">
        <v>124685</v>
      </c>
      <c r="DC22" s="114">
        <v>1110265</v>
      </c>
      <c r="DD22" s="114">
        <v>185943</v>
      </c>
      <c r="DE22" s="114">
        <v>71284</v>
      </c>
      <c r="DF22" s="114">
        <v>163420</v>
      </c>
      <c r="DG22" s="113">
        <v>1655597</v>
      </c>
      <c r="DH22" s="116">
        <v>1928222</v>
      </c>
      <c r="DI22" s="110">
        <v>0</v>
      </c>
      <c r="DJ22" s="114">
        <v>0</v>
      </c>
      <c r="DK22" s="112">
        <v>0</v>
      </c>
      <c r="DL22" s="111">
        <v>0</v>
      </c>
      <c r="DM22" s="114">
        <v>286077</v>
      </c>
      <c r="DN22" s="114">
        <v>204132</v>
      </c>
      <c r="DO22" s="114">
        <v>381363</v>
      </c>
      <c r="DP22" s="114">
        <v>1823556</v>
      </c>
      <c r="DQ22" s="114">
        <v>305821</v>
      </c>
      <c r="DR22" s="113">
        <v>3000949</v>
      </c>
      <c r="DS22" s="116">
        <v>3000949</v>
      </c>
      <c r="DT22" s="110">
        <v>0</v>
      </c>
      <c r="DU22" s="114">
        <v>0</v>
      </c>
      <c r="DV22" s="113">
        <v>0</v>
      </c>
      <c r="DW22" s="110">
        <v>0</v>
      </c>
      <c r="DX22" s="114">
        <v>266785</v>
      </c>
      <c r="DY22" s="114">
        <v>185456</v>
      </c>
      <c r="DZ22" s="114">
        <v>381363</v>
      </c>
      <c r="EA22" s="114">
        <v>1823556</v>
      </c>
      <c r="EB22" s="114">
        <v>305821</v>
      </c>
      <c r="EC22" s="113">
        <v>2962981</v>
      </c>
      <c r="ED22" s="116">
        <v>2962981</v>
      </c>
      <c r="EE22" s="110">
        <v>0</v>
      </c>
      <c r="EF22" s="112">
        <v>0</v>
      </c>
      <c r="EG22" s="113">
        <v>0</v>
      </c>
      <c r="EH22" s="110">
        <v>0</v>
      </c>
      <c r="EI22" s="114">
        <v>19292</v>
      </c>
      <c r="EJ22" s="114">
        <v>18676</v>
      </c>
      <c r="EK22" s="114">
        <v>0</v>
      </c>
      <c r="EL22" s="114">
        <v>0</v>
      </c>
      <c r="EM22" s="114">
        <v>0</v>
      </c>
      <c r="EN22" s="112">
        <v>37968</v>
      </c>
      <c r="EO22" s="116">
        <v>37968</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188136</v>
      </c>
      <c r="FM22" s="114">
        <v>135760</v>
      </c>
      <c r="FN22" s="113">
        <v>323896</v>
      </c>
      <c r="FO22" s="110">
        <v>0</v>
      </c>
      <c r="FP22" s="114">
        <v>339120</v>
      </c>
      <c r="FQ22" s="114">
        <v>864072</v>
      </c>
      <c r="FR22" s="114">
        <v>627624</v>
      </c>
      <c r="FS22" s="114">
        <v>439816</v>
      </c>
      <c r="FT22" s="114">
        <v>523040</v>
      </c>
      <c r="FU22" s="113">
        <v>2793672</v>
      </c>
      <c r="FV22" s="116">
        <v>3117568</v>
      </c>
      <c r="FW22" s="115">
        <v>74136</v>
      </c>
      <c r="FX22" s="114">
        <v>135760</v>
      </c>
      <c r="FY22" s="112">
        <v>209896</v>
      </c>
      <c r="FZ22" s="111">
        <v>0</v>
      </c>
      <c r="GA22" s="114">
        <v>201360</v>
      </c>
      <c r="GB22" s="114">
        <v>804952</v>
      </c>
      <c r="GC22" s="114">
        <v>413328</v>
      </c>
      <c r="GD22" s="114">
        <v>367656</v>
      </c>
      <c r="GE22" s="114">
        <v>422240</v>
      </c>
      <c r="GF22" s="113">
        <v>2209536</v>
      </c>
      <c r="GG22" s="318">
        <v>2419432</v>
      </c>
      <c r="GH22" s="115">
        <v>23232</v>
      </c>
      <c r="GI22" s="114">
        <v>0</v>
      </c>
      <c r="GJ22" s="112">
        <v>23232</v>
      </c>
      <c r="GK22" s="111">
        <v>0</v>
      </c>
      <c r="GL22" s="114">
        <v>37120</v>
      </c>
      <c r="GM22" s="114">
        <v>0</v>
      </c>
      <c r="GN22" s="114">
        <v>0</v>
      </c>
      <c r="GO22" s="114">
        <v>72160</v>
      </c>
      <c r="GP22" s="114">
        <v>0</v>
      </c>
      <c r="GQ22" s="113">
        <v>109280</v>
      </c>
      <c r="GR22" s="116">
        <v>132512</v>
      </c>
      <c r="GS22" s="110">
        <v>90768</v>
      </c>
      <c r="GT22" s="114">
        <v>0</v>
      </c>
      <c r="GU22" s="113">
        <v>90768</v>
      </c>
      <c r="GV22" s="110">
        <v>0</v>
      </c>
      <c r="GW22" s="114">
        <v>100640</v>
      </c>
      <c r="GX22" s="114">
        <v>59120</v>
      </c>
      <c r="GY22" s="114">
        <v>214296</v>
      </c>
      <c r="GZ22" s="114">
        <v>0</v>
      </c>
      <c r="HA22" s="114">
        <v>100800</v>
      </c>
      <c r="HB22" s="112">
        <v>474856</v>
      </c>
      <c r="HC22" s="116">
        <v>565624</v>
      </c>
      <c r="HD22" s="110">
        <v>168239</v>
      </c>
      <c r="HE22" s="114">
        <v>186600</v>
      </c>
      <c r="HF22" s="112">
        <v>354839</v>
      </c>
      <c r="HG22" s="111">
        <v>0</v>
      </c>
      <c r="HH22" s="114">
        <v>1138424</v>
      </c>
      <c r="HI22" s="114">
        <v>733196</v>
      </c>
      <c r="HJ22" s="114">
        <v>1204922</v>
      </c>
      <c r="HK22" s="114">
        <v>1380475</v>
      </c>
      <c r="HL22" s="114">
        <v>611267</v>
      </c>
      <c r="HM22" s="113">
        <v>5068284</v>
      </c>
      <c r="HN22" s="116">
        <v>5423123</v>
      </c>
      <c r="HO22" s="503"/>
      <c r="HP22" s="329"/>
      <c r="HQ22" s="330"/>
      <c r="HR22" s="331"/>
      <c r="HS22" s="329"/>
      <c r="HT22" s="329"/>
      <c r="HU22" s="329"/>
      <c r="HV22" s="329"/>
      <c r="HW22" s="329"/>
      <c r="HX22" s="329"/>
      <c r="HY22" s="510"/>
      <c r="HZ22" s="150">
        <v>0</v>
      </c>
      <c r="IA22" s="135">
        <v>0</v>
      </c>
      <c r="IB22" s="150">
        <v>0</v>
      </c>
      <c r="IC22" s="134">
        <v>0</v>
      </c>
      <c r="ID22" s="135">
        <v>1088547</v>
      </c>
      <c r="IE22" s="136">
        <v>3077668</v>
      </c>
      <c r="IF22" s="137">
        <v>3478446</v>
      </c>
      <c r="IG22" s="135">
        <v>967340</v>
      </c>
      <c r="IH22" s="137">
        <v>835913</v>
      </c>
      <c r="II22" s="138">
        <v>9447914</v>
      </c>
      <c r="IJ22" s="150">
        <v>9447914</v>
      </c>
      <c r="IK22" s="232">
        <v>0</v>
      </c>
      <c r="IL22" s="236">
        <v>0</v>
      </c>
      <c r="IM22" s="237">
        <v>0</v>
      </c>
      <c r="IN22" s="140"/>
      <c r="IO22" s="119">
        <v>0</v>
      </c>
      <c r="IP22" s="119">
        <v>95563</v>
      </c>
      <c r="IQ22" s="119">
        <v>0</v>
      </c>
      <c r="IR22" s="119">
        <v>0</v>
      </c>
      <c r="IS22" s="119">
        <v>0</v>
      </c>
      <c r="IT22" s="141">
        <v>95563</v>
      </c>
      <c r="IU22" s="320">
        <v>95563</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544090</v>
      </c>
      <c r="JL22" s="119">
        <v>725774</v>
      </c>
      <c r="JM22" s="119">
        <v>802206</v>
      </c>
      <c r="JN22" s="119">
        <v>208839</v>
      </c>
      <c r="JO22" s="119">
        <v>170433</v>
      </c>
      <c r="JP22" s="120">
        <v>2451342</v>
      </c>
      <c r="JQ22" s="320">
        <v>2451342</v>
      </c>
      <c r="JR22" s="142">
        <v>0</v>
      </c>
      <c r="JS22" s="119">
        <v>0</v>
      </c>
      <c r="JT22" s="141">
        <v>0</v>
      </c>
      <c r="JU22" s="118">
        <v>0</v>
      </c>
      <c r="JV22" s="119">
        <v>264118</v>
      </c>
      <c r="JW22" s="119">
        <v>0</v>
      </c>
      <c r="JX22" s="119">
        <v>153639</v>
      </c>
      <c r="JY22" s="119">
        <v>0</v>
      </c>
      <c r="JZ22" s="119">
        <v>0</v>
      </c>
      <c r="KA22" s="120">
        <v>417757</v>
      </c>
      <c r="KB22" s="320">
        <v>417757</v>
      </c>
      <c r="KC22" s="234">
        <v>0</v>
      </c>
      <c r="KD22" s="230">
        <v>0</v>
      </c>
      <c r="KE22" s="120">
        <v>0</v>
      </c>
      <c r="KF22" s="118">
        <v>0</v>
      </c>
      <c r="KG22" s="119">
        <v>280339</v>
      </c>
      <c r="KH22" s="119">
        <v>159772</v>
      </c>
      <c r="KI22" s="119">
        <v>987011</v>
      </c>
      <c r="KJ22" s="119">
        <v>493872</v>
      </c>
      <c r="KK22" s="119">
        <v>303792</v>
      </c>
      <c r="KL22" s="120">
        <v>2224786</v>
      </c>
      <c r="KM22" s="143">
        <v>2224786</v>
      </c>
      <c r="KN22" s="232">
        <v>0</v>
      </c>
      <c r="KO22" s="236">
        <v>0</v>
      </c>
      <c r="KP22" s="237">
        <v>0</v>
      </c>
      <c r="KQ22" s="140"/>
      <c r="KR22" s="119">
        <v>0</v>
      </c>
      <c r="KS22" s="119">
        <v>1887496</v>
      </c>
      <c r="KT22" s="119">
        <v>778937</v>
      </c>
      <c r="KU22" s="119">
        <v>264629</v>
      </c>
      <c r="KV22" s="119">
        <v>0</v>
      </c>
      <c r="KW22" s="120">
        <v>2931062</v>
      </c>
      <c r="KX22" s="320">
        <v>2931062</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756653</v>
      </c>
      <c r="LQ22" s="119">
        <v>0</v>
      </c>
      <c r="LR22" s="119">
        <v>0</v>
      </c>
      <c r="LS22" s="120">
        <v>756653</v>
      </c>
      <c r="LT22" s="320">
        <v>756653</v>
      </c>
      <c r="LU22" s="142">
        <v>0</v>
      </c>
      <c r="LV22" s="119">
        <v>0</v>
      </c>
      <c r="LW22" s="120">
        <v>0</v>
      </c>
      <c r="LX22" s="145"/>
      <c r="LY22" s="119">
        <v>0</v>
      </c>
      <c r="LZ22" s="119">
        <v>209063</v>
      </c>
      <c r="MA22" s="119">
        <v>0</v>
      </c>
      <c r="MB22" s="119">
        <v>0</v>
      </c>
      <c r="MC22" s="119">
        <v>361688</v>
      </c>
      <c r="MD22" s="120">
        <v>570751</v>
      </c>
      <c r="ME22" s="121">
        <v>570751</v>
      </c>
      <c r="MF22" s="142">
        <v>0</v>
      </c>
      <c r="MG22" s="119">
        <v>0</v>
      </c>
      <c r="MH22" s="120">
        <v>0</v>
      </c>
      <c r="MI22" s="145"/>
      <c r="MJ22" s="119">
        <v>795657</v>
      </c>
      <c r="MK22" s="119">
        <v>1355768</v>
      </c>
      <c r="ML22" s="119">
        <v>5693485</v>
      </c>
      <c r="MM22" s="119">
        <v>6703765</v>
      </c>
      <c r="MN22" s="119">
        <v>4170106</v>
      </c>
      <c r="MO22" s="120">
        <v>18718781</v>
      </c>
      <c r="MP22" s="143">
        <v>18718781</v>
      </c>
      <c r="MQ22" s="142">
        <v>0</v>
      </c>
      <c r="MR22" s="119">
        <v>0</v>
      </c>
      <c r="MS22" s="120">
        <v>0</v>
      </c>
      <c r="MT22" s="145"/>
      <c r="MU22" s="119">
        <v>0</v>
      </c>
      <c r="MV22" s="119">
        <v>240176</v>
      </c>
      <c r="MW22" s="119">
        <v>2102875</v>
      </c>
      <c r="MX22" s="119">
        <v>3614450</v>
      </c>
      <c r="MY22" s="119">
        <v>2624954</v>
      </c>
      <c r="MZ22" s="120">
        <v>8582455</v>
      </c>
      <c r="NA22" s="143">
        <v>8582455</v>
      </c>
      <c r="NB22" s="142">
        <v>0</v>
      </c>
      <c r="NC22" s="119">
        <v>0</v>
      </c>
      <c r="ND22" s="120">
        <v>0</v>
      </c>
      <c r="NE22" s="145"/>
      <c r="NF22" s="119">
        <v>795657</v>
      </c>
      <c r="NG22" s="119">
        <v>1115592</v>
      </c>
      <c r="NH22" s="119">
        <v>3590610</v>
      </c>
      <c r="NI22" s="119">
        <v>3089315</v>
      </c>
      <c r="NJ22" s="119">
        <v>1194003</v>
      </c>
      <c r="NK22" s="120">
        <v>9785177</v>
      </c>
      <c r="NL22" s="320">
        <v>9785177</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351149</v>
      </c>
      <c r="OG22" s="120">
        <v>351149</v>
      </c>
      <c r="OH22" s="121">
        <v>351149</v>
      </c>
      <c r="OI22" s="142">
        <v>446535</v>
      </c>
      <c r="OJ22" s="119">
        <v>873158</v>
      </c>
      <c r="OK22" s="141">
        <v>1319693</v>
      </c>
      <c r="OL22" s="118">
        <v>0</v>
      </c>
      <c r="OM22" s="119">
        <v>6177103</v>
      </c>
      <c r="ON22" s="119">
        <v>10518347</v>
      </c>
      <c r="OO22" s="119">
        <v>13341237</v>
      </c>
      <c r="OP22" s="119">
        <v>13293572</v>
      </c>
      <c r="OQ22" s="119">
        <v>9467600</v>
      </c>
      <c r="OR22" s="120">
        <v>52797859</v>
      </c>
      <c r="OS22" s="143">
        <v>54117552</v>
      </c>
    </row>
    <row r="23" spans="2:409" ht="21" customHeight="1" x14ac:dyDescent="0.2">
      <c r="B23" s="126" t="s">
        <v>18</v>
      </c>
      <c r="C23" s="110">
        <v>583524</v>
      </c>
      <c r="D23" s="114">
        <v>603684</v>
      </c>
      <c r="E23" s="113">
        <v>1187208</v>
      </c>
      <c r="F23" s="109">
        <v>0</v>
      </c>
      <c r="G23" s="114">
        <v>7254564</v>
      </c>
      <c r="H23" s="114">
        <v>7967811</v>
      </c>
      <c r="I23" s="114">
        <v>9187207</v>
      </c>
      <c r="J23" s="114">
        <v>5822885</v>
      </c>
      <c r="K23" s="114">
        <v>3716287</v>
      </c>
      <c r="L23" s="109">
        <v>33948754</v>
      </c>
      <c r="M23" s="116">
        <v>35135962</v>
      </c>
      <c r="N23" s="110">
        <v>107430</v>
      </c>
      <c r="O23" s="114">
        <v>142811</v>
      </c>
      <c r="P23" s="113">
        <v>250241</v>
      </c>
      <c r="Q23" s="110">
        <v>0</v>
      </c>
      <c r="R23" s="114">
        <v>2153439</v>
      </c>
      <c r="S23" s="114">
        <v>2254205</v>
      </c>
      <c r="T23" s="114">
        <v>2380570</v>
      </c>
      <c r="U23" s="114">
        <v>2527205</v>
      </c>
      <c r="V23" s="114">
        <v>1388151</v>
      </c>
      <c r="W23" s="113">
        <v>10703570</v>
      </c>
      <c r="X23" s="116">
        <v>10953811</v>
      </c>
      <c r="Y23" s="110">
        <v>0</v>
      </c>
      <c r="Z23" s="114">
        <v>0</v>
      </c>
      <c r="AA23" s="113">
        <v>0</v>
      </c>
      <c r="AB23" s="110">
        <v>0</v>
      </c>
      <c r="AC23" s="114">
        <v>670227</v>
      </c>
      <c r="AD23" s="114">
        <v>810444</v>
      </c>
      <c r="AE23" s="114">
        <v>1106050</v>
      </c>
      <c r="AF23" s="114">
        <v>1587041</v>
      </c>
      <c r="AG23" s="114">
        <v>1179739</v>
      </c>
      <c r="AH23" s="113">
        <v>5353501</v>
      </c>
      <c r="AI23" s="116">
        <v>5353501</v>
      </c>
      <c r="AJ23" s="110">
        <v>0</v>
      </c>
      <c r="AK23" s="114">
        <v>0</v>
      </c>
      <c r="AL23" s="113">
        <v>0</v>
      </c>
      <c r="AM23" s="110">
        <v>0</v>
      </c>
      <c r="AN23" s="114">
        <v>48672</v>
      </c>
      <c r="AO23" s="114">
        <v>0</v>
      </c>
      <c r="AP23" s="114">
        <v>59368</v>
      </c>
      <c r="AQ23" s="114">
        <v>153527</v>
      </c>
      <c r="AR23" s="114">
        <v>72363</v>
      </c>
      <c r="AS23" s="113">
        <v>333930</v>
      </c>
      <c r="AT23" s="116">
        <v>333930</v>
      </c>
      <c r="AU23" s="110">
        <v>94790</v>
      </c>
      <c r="AV23" s="114">
        <v>74999</v>
      </c>
      <c r="AW23" s="113">
        <v>169789</v>
      </c>
      <c r="AX23" s="110">
        <v>0</v>
      </c>
      <c r="AY23" s="114">
        <v>901490</v>
      </c>
      <c r="AZ23" s="114">
        <v>804068</v>
      </c>
      <c r="BA23" s="114">
        <v>797536</v>
      </c>
      <c r="BB23" s="114">
        <v>385493</v>
      </c>
      <c r="BC23" s="114">
        <v>95827</v>
      </c>
      <c r="BD23" s="113">
        <v>2984414</v>
      </c>
      <c r="BE23" s="116">
        <v>3154203</v>
      </c>
      <c r="BF23" s="110">
        <v>0</v>
      </c>
      <c r="BG23" s="114">
        <v>38452</v>
      </c>
      <c r="BH23" s="112">
        <v>38452</v>
      </c>
      <c r="BI23" s="111">
        <v>0</v>
      </c>
      <c r="BJ23" s="114">
        <v>128970</v>
      </c>
      <c r="BK23" s="114">
        <v>158957</v>
      </c>
      <c r="BL23" s="114">
        <v>0</v>
      </c>
      <c r="BM23" s="114">
        <v>0</v>
      </c>
      <c r="BN23" s="114">
        <v>-193442</v>
      </c>
      <c r="BO23" s="113">
        <v>94485</v>
      </c>
      <c r="BP23" s="116">
        <v>132937</v>
      </c>
      <c r="BQ23" s="110">
        <v>12640</v>
      </c>
      <c r="BR23" s="114">
        <v>29360</v>
      </c>
      <c r="BS23" s="113">
        <v>42000</v>
      </c>
      <c r="BT23" s="110">
        <v>0</v>
      </c>
      <c r="BU23" s="114">
        <v>404080</v>
      </c>
      <c r="BV23" s="114">
        <v>480736</v>
      </c>
      <c r="BW23" s="114">
        <v>417616</v>
      </c>
      <c r="BX23" s="114">
        <v>401144</v>
      </c>
      <c r="BY23" s="114">
        <v>233664</v>
      </c>
      <c r="BZ23" s="113">
        <v>1937240</v>
      </c>
      <c r="CA23" s="116">
        <v>1979240</v>
      </c>
      <c r="CB23" s="110">
        <v>62790</v>
      </c>
      <c r="CC23" s="114">
        <v>234178</v>
      </c>
      <c r="CD23" s="113">
        <v>296968</v>
      </c>
      <c r="CE23" s="110">
        <v>0</v>
      </c>
      <c r="CF23" s="114">
        <v>2782099</v>
      </c>
      <c r="CG23" s="114">
        <v>2408709</v>
      </c>
      <c r="CH23" s="114">
        <v>3573730</v>
      </c>
      <c r="CI23" s="114">
        <v>766855</v>
      </c>
      <c r="CJ23" s="114">
        <v>614260</v>
      </c>
      <c r="CK23" s="113">
        <v>10145653</v>
      </c>
      <c r="CL23" s="116">
        <v>10442621</v>
      </c>
      <c r="CM23" s="110">
        <v>0</v>
      </c>
      <c r="CN23" s="114">
        <v>0</v>
      </c>
      <c r="CO23" s="113">
        <v>0</v>
      </c>
      <c r="CP23" s="111">
        <v>0</v>
      </c>
      <c r="CQ23" s="114">
        <v>2094999</v>
      </c>
      <c r="CR23" s="114">
        <v>1843379</v>
      </c>
      <c r="CS23" s="114">
        <v>2911298</v>
      </c>
      <c r="CT23" s="114">
        <v>668707</v>
      </c>
      <c r="CU23" s="114">
        <v>332317</v>
      </c>
      <c r="CV23" s="113">
        <v>7850700</v>
      </c>
      <c r="CW23" s="116">
        <v>7850700</v>
      </c>
      <c r="CX23" s="110">
        <v>62790</v>
      </c>
      <c r="CY23" s="114">
        <v>234178</v>
      </c>
      <c r="CZ23" s="113">
        <v>296968</v>
      </c>
      <c r="DA23" s="110">
        <v>0</v>
      </c>
      <c r="DB23" s="114">
        <v>687100</v>
      </c>
      <c r="DC23" s="114">
        <v>565330</v>
      </c>
      <c r="DD23" s="114">
        <v>662432</v>
      </c>
      <c r="DE23" s="114">
        <v>98148</v>
      </c>
      <c r="DF23" s="114">
        <v>281943</v>
      </c>
      <c r="DG23" s="113">
        <v>2294953</v>
      </c>
      <c r="DH23" s="116">
        <v>2591921</v>
      </c>
      <c r="DI23" s="110">
        <v>0</v>
      </c>
      <c r="DJ23" s="114">
        <v>24935</v>
      </c>
      <c r="DK23" s="112">
        <v>24935</v>
      </c>
      <c r="DL23" s="111">
        <v>0</v>
      </c>
      <c r="DM23" s="114">
        <v>97436</v>
      </c>
      <c r="DN23" s="114">
        <v>457255</v>
      </c>
      <c r="DO23" s="114">
        <v>1416168</v>
      </c>
      <c r="DP23" s="114">
        <v>599152</v>
      </c>
      <c r="DQ23" s="114">
        <v>190933</v>
      </c>
      <c r="DR23" s="113">
        <v>2760944</v>
      </c>
      <c r="DS23" s="116">
        <v>2785879</v>
      </c>
      <c r="DT23" s="110">
        <v>0</v>
      </c>
      <c r="DU23" s="114">
        <v>24935</v>
      </c>
      <c r="DV23" s="113">
        <v>24935</v>
      </c>
      <c r="DW23" s="110">
        <v>0</v>
      </c>
      <c r="DX23" s="114">
        <v>97436</v>
      </c>
      <c r="DY23" s="114">
        <v>457255</v>
      </c>
      <c r="DZ23" s="114">
        <v>1416168</v>
      </c>
      <c r="EA23" s="114">
        <v>599152</v>
      </c>
      <c r="EB23" s="114">
        <v>190933</v>
      </c>
      <c r="EC23" s="113">
        <v>2760944</v>
      </c>
      <c r="ED23" s="116">
        <v>2785879</v>
      </c>
      <c r="EE23" s="110">
        <v>0</v>
      </c>
      <c r="EF23" s="112">
        <v>0</v>
      </c>
      <c r="EG23" s="113">
        <v>0</v>
      </c>
      <c r="EH23" s="110">
        <v>0</v>
      </c>
      <c r="EI23" s="114">
        <v>0</v>
      </c>
      <c r="EJ23" s="114">
        <v>0</v>
      </c>
      <c r="EK23" s="114">
        <v>0</v>
      </c>
      <c r="EL23" s="114">
        <v>0</v>
      </c>
      <c r="EM23" s="114">
        <v>0</v>
      </c>
      <c r="EN23" s="112">
        <v>0</v>
      </c>
      <c r="EO23" s="116">
        <v>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209440</v>
      </c>
      <c r="FM23" s="114">
        <v>103472</v>
      </c>
      <c r="FN23" s="113">
        <v>312912</v>
      </c>
      <c r="FO23" s="110">
        <v>0</v>
      </c>
      <c r="FP23" s="114">
        <v>465280</v>
      </c>
      <c r="FQ23" s="114">
        <v>543796</v>
      </c>
      <c r="FR23" s="114">
        <v>709456</v>
      </c>
      <c r="FS23" s="114">
        <v>568224</v>
      </c>
      <c r="FT23" s="114">
        <v>240400</v>
      </c>
      <c r="FU23" s="113">
        <v>2527156</v>
      </c>
      <c r="FV23" s="116">
        <v>2840068</v>
      </c>
      <c r="FW23" s="115">
        <v>33976</v>
      </c>
      <c r="FX23" s="114">
        <v>103472</v>
      </c>
      <c r="FY23" s="112">
        <v>137448</v>
      </c>
      <c r="FZ23" s="111">
        <v>0</v>
      </c>
      <c r="GA23" s="114">
        <v>364480</v>
      </c>
      <c r="GB23" s="114">
        <v>543796</v>
      </c>
      <c r="GC23" s="114">
        <v>672416</v>
      </c>
      <c r="GD23" s="114">
        <v>568224</v>
      </c>
      <c r="GE23" s="114">
        <v>240400</v>
      </c>
      <c r="GF23" s="113">
        <v>2389316</v>
      </c>
      <c r="GG23" s="318">
        <v>2526764</v>
      </c>
      <c r="GH23" s="115">
        <v>35464</v>
      </c>
      <c r="GI23" s="114">
        <v>0</v>
      </c>
      <c r="GJ23" s="112">
        <v>35464</v>
      </c>
      <c r="GK23" s="111">
        <v>0</v>
      </c>
      <c r="GL23" s="114">
        <v>0</v>
      </c>
      <c r="GM23" s="114">
        <v>0</v>
      </c>
      <c r="GN23" s="114">
        <v>12800</v>
      </c>
      <c r="GO23" s="114">
        <v>0</v>
      </c>
      <c r="GP23" s="114">
        <v>0</v>
      </c>
      <c r="GQ23" s="113">
        <v>12800</v>
      </c>
      <c r="GR23" s="116">
        <v>48264</v>
      </c>
      <c r="GS23" s="110">
        <v>140000</v>
      </c>
      <c r="GT23" s="114">
        <v>0</v>
      </c>
      <c r="GU23" s="113">
        <v>140000</v>
      </c>
      <c r="GV23" s="110">
        <v>0</v>
      </c>
      <c r="GW23" s="114">
        <v>100800</v>
      </c>
      <c r="GX23" s="114">
        <v>0</v>
      </c>
      <c r="GY23" s="114">
        <v>24240</v>
      </c>
      <c r="GZ23" s="114">
        <v>0</v>
      </c>
      <c r="HA23" s="114">
        <v>0</v>
      </c>
      <c r="HB23" s="112">
        <v>125040</v>
      </c>
      <c r="HC23" s="116">
        <v>265040</v>
      </c>
      <c r="HD23" s="110">
        <v>203864</v>
      </c>
      <c r="HE23" s="114">
        <v>98288</v>
      </c>
      <c r="HF23" s="112">
        <v>302152</v>
      </c>
      <c r="HG23" s="111">
        <v>0</v>
      </c>
      <c r="HH23" s="114">
        <v>1756310</v>
      </c>
      <c r="HI23" s="114">
        <v>2303846</v>
      </c>
      <c r="HJ23" s="114">
        <v>1107283</v>
      </c>
      <c r="HK23" s="114">
        <v>1361449</v>
      </c>
      <c r="HL23" s="114">
        <v>1282543</v>
      </c>
      <c r="HM23" s="113">
        <v>7811431</v>
      </c>
      <c r="HN23" s="116">
        <v>8113583</v>
      </c>
      <c r="HO23" s="503"/>
      <c r="HP23" s="329"/>
      <c r="HQ23" s="330"/>
      <c r="HR23" s="331"/>
      <c r="HS23" s="329"/>
      <c r="HT23" s="329"/>
      <c r="HU23" s="329"/>
      <c r="HV23" s="329"/>
      <c r="HW23" s="329"/>
      <c r="HX23" s="329"/>
      <c r="HY23" s="510"/>
      <c r="HZ23" s="133">
        <v>91386</v>
      </c>
      <c r="IA23" s="132">
        <v>0</v>
      </c>
      <c r="IB23" s="133">
        <v>91386</v>
      </c>
      <c r="IC23" s="146">
        <v>0</v>
      </c>
      <c r="ID23" s="132">
        <v>2067495</v>
      </c>
      <c r="IE23" s="147">
        <v>2373911</v>
      </c>
      <c r="IF23" s="133">
        <v>3170890</v>
      </c>
      <c r="IG23" s="132">
        <v>2536858</v>
      </c>
      <c r="IH23" s="133">
        <v>1610561</v>
      </c>
      <c r="II23" s="148">
        <v>11759715</v>
      </c>
      <c r="IJ23" s="139">
        <v>11851101</v>
      </c>
      <c r="IK23" s="232">
        <v>0</v>
      </c>
      <c r="IL23" s="236">
        <v>0</v>
      </c>
      <c r="IM23" s="237">
        <v>0</v>
      </c>
      <c r="IN23" s="140"/>
      <c r="IO23" s="119">
        <v>0</v>
      </c>
      <c r="IP23" s="119">
        <v>0</v>
      </c>
      <c r="IQ23" s="119">
        <v>0</v>
      </c>
      <c r="IR23" s="119">
        <v>0</v>
      </c>
      <c r="IS23" s="119">
        <v>0</v>
      </c>
      <c r="IT23" s="141">
        <v>0</v>
      </c>
      <c r="IU23" s="320">
        <v>0</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689728</v>
      </c>
      <c r="JL23" s="119">
        <v>609611</v>
      </c>
      <c r="JM23" s="119">
        <v>413718</v>
      </c>
      <c r="JN23" s="119">
        <v>140429</v>
      </c>
      <c r="JO23" s="119">
        <v>0</v>
      </c>
      <c r="JP23" s="120">
        <v>1853486</v>
      </c>
      <c r="JQ23" s="320">
        <v>1853486</v>
      </c>
      <c r="JR23" s="142">
        <v>0</v>
      </c>
      <c r="JS23" s="119">
        <v>0</v>
      </c>
      <c r="JT23" s="141">
        <v>0</v>
      </c>
      <c r="JU23" s="118">
        <v>0</v>
      </c>
      <c r="JV23" s="119">
        <v>149176</v>
      </c>
      <c r="JW23" s="119">
        <v>0</v>
      </c>
      <c r="JX23" s="119">
        <v>165396</v>
      </c>
      <c r="JY23" s="119">
        <v>24298</v>
      </c>
      <c r="JZ23" s="119">
        <v>101490</v>
      </c>
      <c r="KA23" s="120">
        <v>440360</v>
      </c>
      <c r="KB23" s="320">
        <v>440360</v>
      </c>
      <c r="KC23" s="234">
        <v>91386</v>
      </c>
      <c r="KD23" s="230">
        <v>0</v>
      </c>
      <c r="KE23" s="120">
        <v>91386</v>
      </c>
      <c r="KF23" s="118">
        <v>0</v>
      </c>
      <c r="KG23" s="119">
        <v>508195</v>
      </c>
      <c r="KH23" s="119">
        <v>698364</v>
      </c>
      <c r="KI23" s="119">
        <v>699142</v>
      </c>
      <c r="KJ23" s="119">
        <v>511597</v>
      </c>
      <c r="KK23" s="119">
        <v>0</v>
      </c>
      <c r="KL23" s="120">
        <v>2417298</v>
      </c>
      <c r="KM23" s="143">
        <v>2508684</v>
      </c>
      <c r="KN23" s="232">
        <v>0</v>
      </c>
      <c r="KO23" s="236">
        <v>0</v>
      </c>
      <c r="KP23" s="237">
        <v>0</v>
      </c>
      <c r="KQ23" s="140"/>
      <c r="KR23" s="119">
        <v>720396</v>
      </c>
      <c r="KS23" s="119">
        <v>1065936</v>
      </c>
      <c r="KT23" s="119">
        <v>767956</v>
      </c>
      <c r="KU23" s="119">
        <v>1307024</v>
      </c>
      <c r="KV23" s="119">
        <v>804898</v>
      </c>
      <c r="KW23" s="120">
        <v>4666210</v>
      </c>
      <c r="KX23" s="320">
        <v>4666210</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0</v>
      </c>
      <c r="LQ23" s="119">
        <v>0</v>
      </c>
      <c r="LR23" s="119">
        <v>0</v>
      </c>
      <c r="LS23" s="120">
        <v>0</v>
      </c>
      <c r="LT23" s="320">
        <v>0</v>
      </c>
      <c r="LU23" s="142">
        <v>0</v>
      </c>
      <c r="LV23" s="119">
        <v>0</v>
      </c>
      <c r="LW23" s="120">
        <v>0</v>
      </c>
      <c r="LX23" s="145"/>
      <c r="LY23" s="119">
        <v>0</v>
      </c>
      <c r="LZ23" s="119">
        <v>0</v>
      </c>
      <c r="MA23" s="119">
        <v>1124678</v>
      </c>
      <c r="MB23" s="119">
        <v>553510</v>
      </c>
      <c r="MC23" s="119">
        <v>704173</v>
      </c>
      <c r="MD23" s="120">
        <v>2382361</v>
      </c>
      <c r="ME23" s="121">
        <v>2382361</v>
      </c>
      <c r="MF23" s="142">
        <v>0</v>
      </c>
      <c r="MG23" s="119">
        <v>0</v>
      </c>
      <c r="MH23" s="120">
        <v>0</v>
      </c>
      <c r="MI23" s="145"/>
      <c r="MJ23" s="119">
        <v>550923</v>
      </c>
      <c r="MK23" s="119">
        <v>1730076</v>
      </c>
      <c r="ML23" s="119">
        <v>2690053</v>
      </c>
      <c r="MM23" s="119">
        <v>6860850</v>
      </c>
      <c r="MN23" s="119">
        <v>2594016</v>
      </c>
      <c r="MO23" s="120">
        <v>14425918</v>
      </c>
      <c r="MP23" s="143">
        <v>14425918</v>
      </c>
      <c r="MQ23" s="142">
        <v>0</v>
      </c>
      <c r="MR23" s="119">
        <v>0</v>
      </c>
      <c r="MS23" s="120">
        <v>0</v>
      </c>
      <c r="MT23" s="145"/>
      <c r="MU23" s="119">
        <v>0</v>
      </c>
      <c r="MV23" s="119">
        <v>612593</v>
      </c>
      <c r="MW23" s="119">
        <v>1312048</v>
      </c>
      <c r="MX23" s="119">
        <v>5544539</v>
      </c>
      <c r="MY23" s="119">
        <v>1458055</v>
      </c>
      <c r="MZ23" s="120">
        <v>8927235</v>
      </c>
      <c r="NA23" s="143">
        <v>8927235</v>
      </c>
      <c r="NB23" s="142">
        <v>0</v>
      </c>
      <c r="NC23" s="119">
        <v>0</v>
      </c>
      <c r="ND23" s="120">
        <v>0</v>
      </c>
      <c r="NE23" s="145"/>
      <c r="NF23" s="119">
        <v>550923</v>
      </c>
      <c r="NG23" s="119">
        <v>1117483</v>
      </c>
      <c r="NH23" s="119">
        <v>1378005</v>
      </c>
      <c r="NI23" s="119">
        <v>1316311</v>
      </c>
      <c r="NJ23" s="119">
        <v>1135961</v>
      </c>
      <c r="NK23" s="120">
        <v>5498683</v>
      </c>
      <c r="NL23" s="320">
        <v>5498683</v>
      </c>
      <c r="NM23" s="142">
        <v>0</v>
      </c>
      <c r="NN23" s="119">
        <v>0</v>
      </c>
      <c r="NO23" s="120">
        <v>0</v>
      </c>
      <c r="NP23" s="145"/>
      <c r="NQ23" s="119">
        <v>0</v>
      </c>
      <c r="NR23" s="119">
        <v>0</v>
      </c>
      <c r="NS23" s="119">
        <v>0</v>
      </c>
      <c r="NT23" s="119">
        <v>0</v>
      </c>
      <c r="NU23" s="119">
        <v>0</v>
      </c>
      <c r="NV23" s="120">
        <v>0</v>
      </c>
      <c r="NW23" s="121">
        <v>0</v>
      </c>
      <c r="NX23" s="142">
        <v>0</v>
      </c>
      <c r="NY23" s="119">
        <v>0</v>
      </c>
      <c r="NZ23" s="120">
        <v>0</v>
      </c>
      <c r="OA23" s="145"/>
      <c r="OB23" s="119">
        <v>0</v>
      </c>
      <c r="OC23" s="119">
        <v>0</v>
      </c>
      <c r="OD23" s="119">
        <v>0</v>
      </c>
      <c r="OE23" s="119">
        <v>0</v>
      </c>
      <c r="OF23" s="119">
        <v>0</v>
      </c>
      <c r="OG23" s="120">
        <v>0</v>
      </c>
      <c r="OH23" s="121">
        <v>0</v>
      </c>
      <c r="OI23" s="142">
        <v>674910</v>
      </c>
      <c r="OJ23" s="119">
        <v>603684</v>
      </c>
      <c r="OK23" s="141">
        <v>1278594</v>
      </c>
      <c r="OL23" s="118">
        <v>0</v>
      </c>
      <c r="OM23" s="119">
        <v>9872982</v>
      </c>
      <c r="ON23" s="119">
        <v>12071798</v>
      </c>
      <c r="OO23" s="119">
        <v>15048150</v>
      </c>
      <c r="OP23" s="119">
        <v>15220593</v>
      </c>
      <c r="OQ23" s="119">
        <v>7920864</v>
      </c>
      <c r="OR23" s="120">
        <v>60134387</v>
      </c>
      <c r="OS23" s="143">
        <v>61412981</v>
      </c>
    </row>
    <row r="24" spans="2:409" ht="21" customHeight="1" x14ac:dyDescent="0.2">
      <c r="B24" s="126" t="s">
        <v>19</v>
      </c>
      <c r="C24" s="110">
        <v>93855</v>
      </c>
      <c r="D24" s="114">
        <v>390656</v>
      </c>
      <c r="E24" s="113">
        <v>484511</v>
      </c>
      <c r="F24" s="109">
        <v>0</v>
      </c>
      <c r="G24" s="114">
        <v>3967284</v>
      </c>
      <c r="H24" s="114">
        <v>3935167</v>
      </c>
      <c r="I24" s="114">
        <v>2250869</v>
      </c>
      <c r="J24" s="114">
        <v>3525809</v>
      </c>
      <c r="K24" s="114">
        <v>1084792</v>
      </c>
      <c r="L24" s="109">
        <v>14763921</v>
      </c>
      <c r="M24" s="116">
        <v>15248432</v>
      </c>
      <c r="N24" s="110">
        <v>50828</v>
      </c>
      <c r="O24" s="114">
        <v>36410</v>
      </c>
      <c r="P24" s="113">
        <v>87238</v>
      </c>
      <c r="Q24" s="110">
        <v>0</v>
      </c>
      <c r="R24" s="114">
        <v>1088775</v>
      </c>
      <c r="S24" s="114">
        <v>1065510</v>
      </c>
      <c r="T24" s="114">
        <v>719769</v>
      </c>
      <c r="U24" s="114">
        <v>1315258</v>
      </c>
      <c r="V24" s="114">
        <v>815759</v>
      </c>
      <c r="W24" s="113">
        <v>5005071</v>
      </c>
      <c r="X24" s="116">
        <v>5092309</v>
      </c>
      <c r="Y24" s="110">
        <v>0</v>
      </c>
      <c r="Z24" s="114">
        <v>0</v>
      </c>
      <c r="AA24" s="113">
        <v>0</v>
      </c>
      <c r="AB24" s="110">
        <v>0</v>
      </c>
      <c r="AC24" s="114">
        <v>396003</v>
      </c>
      <c r="AD24" s="114">
        <v>320148</v>
      </c>
      <c r="AE24" s="114">
        <v>127994</v>
      </c>
      <c r="AF24" s="114">
        <v>723896</v>
      </c>
      <c r="AG24" s="114">
        <v>311566</v>
      </c>
      <c r="AH24" s="113">
        <v>1879607</v>
      </c>
      <c r="AI24" s="116">
        <v>1879607</v>
      </c>
      <c r="AJ24" s="110">
        <v>0</v>
      </c>
      <c r="AK24" s="114">
        <v>0</v>
      </c>
      <c r="AL24" s="113">
        <v>0</v>
      </c>
      <c r="AM24" s="110">
        <v>0</v>
      </c>
      <c r="AN24" s="114">
        <v>0</v>
      </c>
      <c r="AO24" s="114">
        <v>49419</v>
      </c>
      <c r="AP24" s="114">
        <v>82620</v>
      </c>
      <c r="AQ24" s="114">
        <v>72287</v>
      </c>
      <c r="AR24" s="114">
        <v>141766</v>
      </c>
      <c r="AS24" s="113">
        <v>346092</v>
      </c>
      <c r="AT24" s="116">
        <v>346092</v>
      </c>
      <c r="AU24" s="110">
        <v>19516</v>
      </c>
      <c r="AV24" s="114">
        <v>22666</v>
      </c>
      <c r="AW24" s="113">
        <v>42182</v>
      </c>
      <c r="AX24" s="110">
        <v>0</v>
      </c>
      <c r="AY24" s="114">
        <v>367310</v>
      </c>
      <c r="AZ24" s="114">
        <v>310009</v>
      </c>
      <c r="BA24" s="114">
        <v>352148</v>
      </c>
      <c r="BB24" s="114">
        <v>250732</v>
      </c>
      <c r="BC24" s="114">
        <v>256875</v>
      </c>
      <c r="BD24" s="113">
        <v>1537074</v>
      </c>
      <c r="BE24" s="116">
        <v>1579256</v>
      </c>
      <c r="BF24" s="110">
        <v>0</v>
      </c>
      <c r="BG24" s="114">
        <v>0</v>
      </c>
      <c r="BH24" s="112">
        <v>0</v>
      </c>
      <c r="BI24" s="111">
        <v>0</v>
      </c>
      <c r="BJ24" s="114">
        <v>25294</v>
      </c>
      <c r="BK24" s="114">
        <v>121798</v>
      </c>
      <c r="BL24" s="114">
        <v>43415</v>
      </c>
      <c r="BM24" s="114">
        <v>26303</v>
      </c>
      <c r="BN24" s="114">
        <v>0</v>
      </c>
      <c r="BO24" s="113">
        <v>216810</v>
      </c>
      <c r="BP24" s="116">
        <v>216810</v>
      </c>
      <c r="BQ24" s="110">
        <v>31312</v>
      </c>
      <c r="BR24" s="114">
        <v>13744</v>
      </c>
      <c r="BS24" s="113">
        <v>45056</v>
      </c>
      <c r="BT24" s="110">
        <v>0</v>
      </c>
      <c r="BU24" s="114">
        <v>300168</v>
      </c>
      <c r="BV24" s="114">
        <v>264136</v>
      </c>
      <c r="BW24" s="114">
        <v>113592</v>
      </c>
      <c r="BX24" s="114">
        <v>242040</v>
      </c>
      <c r="BY24" s="114">
        <v>105552</v>
      </c>
      <c r="BZ24" s="113">
        <v>1025488</v>
      </c>
      <c r="CA24" s="116">
        <v>1070544</v>
      </c>
      <c r="CB24" s="110">
        <v>20787</v>
      </c>
      <c r="CC24" s="114">
        <v>118780</v>
      </c>
      <c r="CD24" s="113">
        <v>139567</v>
      </c>
      <c r="CE24" s="110">
        <v>0</v>
      </c>
      <c r="CF24" s="114">
        <v>1349015</v>
      </c>
      <c r="CG24" s="114">
        <v>1279444</v>
      </c>
      <c r="CH24" s="114">
        <v>715801</v>
      </c>
      <c r="CI24" s="114">
        <v>549671</v>
      </c>
      <c r="CJ24" s="114">
        <v>76602</v>
      </c>
      <c r="CK24" s="113">
        <v>3970533</v>
      </c>
      <c r="CL24" s="116">
        <v>4110100</v>
      </c>
      <c r="CM24" s="110">
        <v>0</v>
      </c>
      <c r="CN24" s="114">
        <v>0</v>
      </c>
      <c r="CO24" s="113">
        <v>0</v>
      </c>
      <c r="CP24" s="111">
        <v>0</v>
      </c>
      <c r="CQ24" s="114">
        <v>889446</v>
      </c>
      <c r="CR24" s="114">
        <v>927562</v>
      </c>
      <c r="CS24" s="114">
        <v>501678</v>
      </c>
      <c r="CT24" s="114">
        <v>152452</v>
      </c>
      <c r="CU24" s="114">
        <v>76602</v>
      </c>
      <c r="CV24" s="113">
        <v>2547740</v>
      </c>
      <c r="CW24" s="116">
        <v>2547740</v>
      </c>
      <c r="CX24" s="110">
        <v>20787</v>
      </c>
      <c r="CY24" s="114">
        <v>118780</v>
      </c>
      <c r="CZ24" s="113">
        <v>139567</v>
      </c>
      <c r="DA24" s="110">
        <v>0</v>
      </c>
      <c r="DB24" s="114">
        <v>459569</v>
      </c>
      <c r="DC24" s="114">
        <v>351882</v>
      </c>
      <c r="DD24" s="114">
        <v>214123</v>
      </c>
      <c r="DE24" s="114">
        <v>397219</v>
      </c>
      <c r="DF24" s="114">
        <v>0</v>
      </c>
      <c r="DG24" s="113">
        <v>1422793</v>
      </c>
      <c r="DH24" s="116">
        <v>1562360</v>
      </c>
      <c r="DI24" s="110">
        <v>0</v>
      </c>
      <c r="DJ24" s="114">
        <v>0</v>
      </c>
      <c r="DK24" s="112">
        <v>0</v>
      </c>
      <c r="DL24" s="111">
        <v>0</v>
      </c>
      <c r="DM24" s="114">
        <v>75386</v>
      </c>
      <c r="DN24" s="114">
        <v>0</v>
      </c>
      <c r="DO24" s="114">
        <v>65107</v>
      </c>
      <c r="DP24" s="114">
        <v>0</v>
      </c>
      <c r="DQ24" s="114">
        <v>21479</v>
      </c>
      <c r="DR24" s="113">
        <v>161972</v>
      </c>
      <c r="DS24" s="116">
        <v>161972</v>
      </c>
      <c r="DT24" s="110">
        <v>0</v>
      </c>
      <c r="DU24" s="114">
        <v>0</v>
      </c>
      <c r="DV24" s="113">
        <v>0</v>
      </c>
      <c r="DW24" s="110">
        <v>0</v>
      </c>
      <c r="DX24" s="114">
        <v>22543</v>
      </c>
      <c r="DY24" s="114">
        <v>0</v>
      </c>
      <c r="DZ24" s="114">
        <v>65107</v>
      </c>
      <c r="EA24" s="114">
        <v>0</v>
      </c>
      <c r="EB24" s="114">
        <v>21479</v>
      </c>
      <c r="EC24" s="113">
        <v>109129</v>
      </c>
      <c r="ED24" s="116">
        <v>109129</v>
      </c>
      <c r="EE24" s="110">
        <v>0</v>
      </c>
      <c r="EF24" s="112">
        <v>0</v>
      </c>
      <c r="EG24" s="113">
        <v>0</v>
      </c>
      <c r="EH24" s="110">
        <v>0</v>
      </c>
      <c r="EI24" s="114">
        <v>52843</v>
      </c>
      <c r="EJ24" s="114">
        <v>0</v>
      </c>
      <c r="EK24" s="114">
        <v>0</v>
      </c>
      <c r="EL24" s="114">
        <v>0</v>
      </c>
      <c r="EM24" s="114">
        <v>0</v>
      </c>
      <c r="EN24" s="112">
        <v>52843</v>
      </c>
      <c r="EO24" s="116">
        <v>52843</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22240</v>
      </c>
      <c r="FM24" s="114">
        <v>48320</v>
      </c>
      <c r="FN24" s="113">
        <v>70560</v>
      </c>
      <c r="FO24" s="110">
        <v>0</v>
      </c>
      <c r="FP24" s="114">
        <v>232920</v>
      </c>
      <c r="FQ24" s="114">
        <v>525600</v>
      </c>
      <c r="FR24" s="114">
        <v>151744</v>
      </c>
      <c r="FS24" s="114">
        <v>335664</v>
      </c>
      <c r="FT24" s="114">
        <v>170952</v>
      </c>
      <c r="FU24" s="113">
        <v>1416880</v>
      </c>
      <c r="FV24" s="116">
        <v>1487440</v>
      </c>
      <c r="FW24" s="115">
        <v>22240</v>
      </c>
      <c r="FX24" s="114">
        <v>48320</v>
      </c>
      <c r="FY24" s="112">
        <v>70560</v>
      </c>
      <c r="FZ24" s="111">
        <v>0</v>
      </c>
      <c r="GA24" s="114">
        <v>232920</v>
      </c>
      <c r="GB24" s="114">
        <v>352800</v>
      </c>
      <c r="GC24" s="114">
        <v>151744</v>
      </c>
      <c r="GD24" s="114">
        <v>292592</v>
      </c>
      <c r="GE24" s="114">
        <v>170952</v>
      </c>
      <c r="GF24" s="113">
        <v>1201008</v>
      </c>
      <c r="GG24" s="318">
        <v>1271568</v>
      </c>
      <c r="GH24" s="115">
        <v>0</v>
      </c>
      <c r="GI24" s="114">
        <v>0</v>
      </c>
      <c r="GJ24" s="112">
        <v>0</v>
      </c>
      <c r="GK24" s="111">
        <v>0</v>
      </c>
      <c r="GL24" s="114">
        <v>0</v>
      </c>
      <c r="GM24" s="114">
        <v>12800</v>
      </c>
      <c r="GN24" s="114">
        <v>0</v>
      </c>
      <c r="GO24" s="114">
        <v>0</v>
      </c>
      <c r="GP24" s="114">
        <v>0</v>
      </c>
      <c r="GQ24" s="113">
        <v>12800</v>
      </c>
      <c r="GR24" s="116">
        <v>12800</v>
      </c>
      <c r="GS24" s="110">
        <v>0</v>
      </c>
      <c r="GT24" s="114">
        <v>0</v>
      </c>
      <c r="GU24" s="113">
        <v>0</v>
      </c>
      <c r="GV24" s="110">
        <v>0</v>
      </c>
      <c r="GW24" s="114">
        <v>0</v>
      </c>
      <c r="GX24" s="114">
        <v>160000</v>
      </c>
      <c r="GY24" s="114">
        <v>0</v>
      </c>
      <c r="GZ24" s="114">
        <v>43072</v>
      </c>
      <c r="HA24" s="114">
        <v>0</v>
      </c>
      <c r="HB24" s="112">
        <v>203072</v>
      </c>
      <c r="HC24" s="116">
        <v>203072</v>
      </c>
      <c r="HD24" s="110">
        <v>0</v>
      </c>
      <c r="HE24" s="114">
        <v>187146</v>
      </c>
      <c r="HF24" s="112">
        <v>187146</v>
      </c>
      <c r="HG24" s="111">
        <v>0</v>
      </c>
      <c r="HH24" s="114">
        <v>1221188</v>
      </c>
      <c r="HI24" s="114">
        <v>1064613</v>
      </c>
      <c r="HJ24" s="114">
        <v>598448</v>
      </c>
      <c r="HK24" s="114">
        <v>1325216</v>
      </c>
      <c r="HL24" s="114">
        <v>0</v>
      </c>
      <c r="HM24" s="113">
        <v>4209465</v>
      </c>
      <c r="HN24" s="116">
        <v>4396611</v>
      </c>
      <c r="HO24" s="503"/>
      <c r="HP24" s="329"/>
      <c r="HQ24" s="330"/>
      <c r="HR24" s="331"/>
      <c r="HS24" s="329"/>
      <c r="HT24" s="329"/>
      <c r="HU24" s="329"/>
      <c r="HV24" s="329"/>
      <c r="HW24" s="329"/>
      <c r="HX24" s="329"/>
      <c r="HY24" s="510"/>
      <c r="HZ24" s="150">
        <v>0</v>
      </c>
      <c r="IA24" s="135">
        <v>83631</v>
      </c>
      <c r="IB24" s="150">
        <v>83631</v>
      </c>
      <c r="IC24" s="134">
        <v>0</v>
      </c>
      <c r="ID24" s="135">
        <v>1176004</v>
      </c>
      <c r="IE24" s="136">
        <v>1608493</v>
      </c>
      <c r="IF24" s="137">
        <v>206880</v>
      </c>
      <c r="IG24" s="135">
        <v>641848</v>
      </c>
      <c r="IH24" s="137">
        <v>682509</v>
      </c>
      <c r="II24" s="138">
        <v>4315734</v>
      </c>
      <c r="IJ24" s="150">
        <v>4399365</v>
      </c>
      <c r="IK24" s="232">
        <v>0</v>
      </c>
      <c r="IL24" s="236">
        <v>0</v>
      </c>
      <c r="IM24" s="237">
        <v>0</v>
      </c>
      <c r="IN24" s="140"/>
      <c r="IO24" s="119">
        <v>52917</v>
      </c>
      <c r="IP24" s="119">
        <v>0</v>
      </c>
      <c r="IQ24" s="119">
        <v>0</v>
      </c>
      <c r="IR24" s="119">
        <v>0</v>
      </c>
      <c r="IS24" s="119">
        <v>0</v>
      </c>
      <c r="IT24" s="141">
        <v>52917</v>
      </c>
      <c r="IU24" s="320">
        <v>52917</v>
      </c>
      <c r="IV24" s="142">
        <v>0</v>
      </c>
      <c r="IW24" s="119">
        <v>0</v>
      </c>
      <c r="IX24" s="120">
        <v>0</v>
      </c>
      <c r="IY24" s="144"/>
      <c r="IZ24" s="119">
        <v>0</v>
      </c>
      <c r="JA24" s="119">
        <v>0</v>
      </c>
      <c r="JB24" s="119">
        <v>0</v>
      </c>
      <c r="JC24" s="119">
        <v>0</v>
      </c>
      <c r="JD24" s="119">
        <v>0</v>
      </c>
      <c r="JE24" s="120">
        <v>0</v>
      </c>
      <c r="JF24" s="121">
        <v>0</v>
      </c>
      <c r="JG24" s="142">
        <v>0</v>
      </c>
      <c r="JH24" s="119">
        <v>0</v>
      </c>
      <c r="JI24" s="141">
        <v>0</v>
      </c>
      <c r="JJ24" s="118">
        <v>0</v>
      </c>
      <c r="JK24" s="119">
        <v>82225</v>
      </c>
      <c r="JL24" s="119">
        <v>425645</v>
      </c>
      <c r="JM24" s="119">
        <v>0</v>
      </c>
      <c r="JN24" s="119">
        <v>89627</v>
      </c>
      <c r="JO24" s="119">
        <v>42903</v>
      </c>
      <c r="JP24" s="120">
        <v>640400</v>
      </c>
      <c r="JQ24" s="320">
        <v>640400</v>
      </c>
      <c r="JR24" s="142">
        <v>0</v>
      </c>
      <c r="JS24" s="119">
        <v>0</v>
      </c>
      <c r="JT24" s="141">
        <v>0</v>
      </c>
      <c r="JU24" s="118">
        <v>0</v>
      </c>
      <c r="JV24" s="119">
        <v>25057</v>
      </c>
      <c r="JW24" s="119">
        <v>276896</v>
      </c>
      <c r="JX24" s="119">
        <v>0</v>
      </c>
      <c r="JY24" s="119">
        <v>0</v>
      </c>
      <c r="JZ24" s="119">
        <v>0</v>
      </c>
      <c r="KA24" s="120">
        <v>301953</v>
      </c>
      <c r="KB24" s="320">
        <v>301953</v>
      </c>
      <c r="KC24" s="234">
        <v>0</v>
      </c>
      <c r="KD24" s="230">
        <v>83631</v>
      </c>
      <c r="KE24" s="120">
        <v>83631</v>
      </c>
      <c r="KF24" s="118">
        <v>0</v>
      </c>
      <c r="KG24" s="119">
        <v>270162</v>
      </c>
      <c r="KH24" s="119">
        <v>657887</v>
      </c>
      <c r="KI24" s="119">
        <v>206880</v>
      </c>
      <c r="KJ24" s="119">
        <v>0</v>
      </c>
      <c r="KK24" s="119">
        <v>280941</v>
      </c>
      <c r="KL24" s="120">
        <v>1415870</v>
      </c>
      <c r="KM24" s="143">
        <v>1499501</v>
      </c>
      <c r="KN24" s="232">
        <v>0</v>
      </c>
      <c r="KO24" s="236">
        <v>0</v>
      </c>
      <c r="KP24" s="237">
        <v>0</v>
      </c>
      <c r="KQ24" s="140"/>
      <c r="KR24" s="119">
        <v>723506</v>
      </c>
      <c r="KS24" s="119">
        <v>248065</v>
      </c>
      <c r="KT24" s="119">
        <v>0</v>
      </c>
      <c r="KU24" s="119">
        <v>249344</v>
      </c>
      <c r="KV24" s="119">
        <v>0</v>
      </c>
      <c r="KW24" s="120">
        <v>1220915</v>
      </c>
      <c r="KX24" s="320">
        <v>1220915</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22137</v>
      </c>
      <c r="LZ24" s="119">
        <v>0</v>
      </c>
      <c r="MA24" s="119">
        <v>0</v>
      </c>
      <c r="MB24" s="119">
        <v>302877</v>
      </c>
      <c r="MC24" s="119">
        <v>358665</v>
      </c>
      <c r="MD24" s="120">
        <v>683679</v>
      </c>
      <c r="ME24" s="121">
        <v>683679</v>
      </c>
      <c r="MF24" s="142">
        <v>0</v>
      </c>
      <c r="MG24" s="119">
        <v>0</v>
      </c>
      <c r="MH24" s="120">
        <v>0</v>
      </c>
      <c r="MI24" s="145"/>
      <c r="MJ24" s="119">
        <v>238092</v>
      </c>
      <c r="MK24" s="119">
        <v>533876</v>
      </c>
      <c r="ML24" s="119">
        <v>1869766</v>
      </c>
      <c r="MM24" s="119">
        <v>2330173</v>
      </c>
      <c r="MN24" s="119">
        <v>1481446</v>
      </c>
      <c r="MO24" s="120">
        <v>6453353</v>
      </c>
      <c r="MP24" s="143">
        <v>6453353</v>
      </c>
      <c r="MQ24" s="142">
        <v>0</v>
      </c>
      <c r="MR24" s="119">
        <v>0</v>
      </c>
      <c r="MS24" s="120">
        <v>0</v>
      </c>
      <c r="MT24" s="145"/>
      <c r="MU24" s="119">
        <v>0</v>
      </c>
      <c r="MV24" s="119">
        <v>0</v>
      </c>
      <c r="MW24" s="119">
        <v>719409</v>
      </c>
      <c r="MX24" s="119">
        <v>1336816</v>
      </c>
      <c r="MY24" s="119">
        <v>1421096</v>
      </c>
      <c r="MZ24" s="120">
        <v>3477321</v>
      </c>
      <c r="NA24" s="143">
        <v>3477321</v>
      </c>
      <c r="NB24" s="142">
        <v>0</v>
      </c>
      <c r="NC24" s="119">
        <v>0</v>
      </c>
      <c r="ND24" s="120">
        <v>0</v>
      </c>
      <c r="NE24" s="145"/>
      <c r="NF24" s="119">
        <v>238092</v>
      </c>
      <c r="NG24" s="119">
        <v>533876</v>
      </c>
      <c r="NH24" s="119">
        <v>1150357</v>
      </c>
      <c r="NI24" s="119">
        <v>993357</v>
      </c>
      <c r="NJ24" s="119">
        <v>60350</v>
      </c>
      <c r="NK24" s="120">
        <v>2976032</v>
      </c>
      <c r="NL24" s="320">
        <v>2976032</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93855</v>
      </c>
      <c r="OJ24" s="119">
        <v>474287</v>
      </c>
      <c r="OK24" s="141">
        <v>568142</v>
      </c>
      <c r="OL24" s="118">
        <v>0</v>
      </c>
      <c r="OM24" s="119">
        <v>5381380</v>
      </c>
      <c r="ON24" s="119">
        <v>6077536</v>
      </c>
      <c r="OO24" s="119">
        <v>4327515</v>
      </c>
      <c r="OP24" s="119">
        <v>6497830</v>
      </c>
      <c r="OQ24" s="119">
        <v>3248747</v>
      </c>
      <c r="OR24" s="120">
        <v>25533008</v>
      </c>
      <c r="OS24" s="143">
        <v>26101150</v>
      </c>
    </row>
    <row r="25" spans="2:409" ht="21" customHeight="1" x14ac:dyDescent="0.2">
      <c r="B25" s="126" t="s">
        <v>20</v>
      </c>
      <c r="C25" s="110">
        <v>394792</v>
      </c>
      <c r="D25" s="114">
        <v>823047</v>
      </c>
      <c r="E25" s="113">
        <v>1217839</v>
      </c>
      <c r="F25" s="110">
        <v>0</v>
      </c>
      <c r="G25" s="114">
        <v>5584870</v>
      </c>
      <c r="H25" s="114">
        <v>5360338</v>
      </c>
      <c r="I25" s="114">
        <v>4991093</v>
      </c>
      <c r="J25" s="114">
        <v>5278371</v>
      </c>
      <c r="K25" s="114">
        <v>3289623</v>
      </c>
      <c r="L25" s="173">
        <v>24504295</v>
      </c>
      <c r="M25" s="116">
        <v>25722134</v>
      </c>
      <c r="N25" s="110">
        <v>133986</v>
      </c>
      <c r="O25" s="114">
        <v>280197</v>
      </c>
      <c r="P25" s="113">
        <v>414183</v>
      </c>
      <c r="Q25" s="110">
        <v>0</v>
      </c>
      <c r="R25" s="114">
        <v>2038925</v>
      </c>
      <c r="S25" s="114">
        <v>1932005</v>
      </c>
      <c r="T25" s="114">
        <v>1238847</v>
      </c>
      <c r="U25" s="114">
        <v>1276722</v>
      </c>
      <c r="V25" s="114">
        <v>866091</v>
      </c>
      <c r="W25" s="113">
        <v>7352590</v>
      </c>
      <c r="X25" s="116">
        <v>7766773</v>
      </c>
      <c r="Y25" s="110">
        <v>0</v>
      </c>
      <c r="Z25" s="114">
        <v>0</v>
      </c>
      <c r="AA25" s="113">
        <v>0</v>
      </c>
      <c r="AB25" s="110">
        <v>0</v>
      </c>
      <c r="AC25" s="114">
        <v>708209</v>
      </c>
      <c r="AD25" s="114">
        <v>723124</v>
      </c>
      <c r="AE25" s="114">
        <v>622442</v>
      </c>
      <c r="AF25" s="114">
        <v>537867</v>
      </c>
      <c r="AG25" s="114">
        <v>309819</v>
      </c>
      <c r="AH25" s="113">
        <v>2901461</v>
      </c>
      <c r="AI25" s="116">
        <v>2901461</v>
      </c>
      <c r="AJ25" s="110">
        <v>0</v>
      </c>
      <c r="AK25" s="114">
        <v>0</v>
      </c>
      <c r="AL25" s="113">
        <v>0</v>
      </c>
      <c r="AM25" s="110">
        <v>0</v>
      </c>
      <c r="AN25" s="114">
        <v>0</v>
      </c>
      <c r="AO25" s="114">
        <v>0</v>
      </c>
      <c r="AP25" s="114">
        <v>0</v>
      </c>
      <c r="AQ25" s="114">
        <v>38356</v>
      </c>
      <c r="AR25" s="114">
        <v>130295</v>
      </c>
      <c r="AS25" s="113">
        <v>168651</v>
      </c>
      <c r="AT25" s="116">
        <v>168651</v>
      </c>
      <c r="AU25" s="110">
        <v>103298</v>
      </c>
      <c r="AV25" s="114">
        <v>124633</v>
      </c>
      <c r="AW25" s="113">
        <v>227931</v>
      </c>
      <c r="AX25" s="110">
        <v>0</v>
      </c>
      <c r="AY25" s="114">
        <v>898961</v>
      </c>
      <c r="AZ25" s="114">
        <v>800121</v>
      </c>
      <c r="BA25" s="114">
        <v>273728</v>
      </c>
      <c r="BB25" s="114">
        <v>276172</v>
      </c>
      <c r="BC25" s="114">
        <v>246697</v>
      </c>
      <c r="BD25" s="113">
        <v>2495679</v>
      </c>
      <c r="BE25" s="116">
        <v>2723610</v>
      </c>
      <c r="BF25" s="110">
        <v>0</v>
      </c>
      <c r="BG25" s="114">
        <v>63956</v>
      </c>
      <c r="BH25" s="112">
        <v>63956</v>
      </c>
      <c r="BI25" s="111">
        <v>0</v>
      </c>
      <c r="BJ25" s="114">
        <v>190235</v>
      </c>
      <c r="BK25" s="114">
        <v>116064</v>
      </c>
      <c r="BL25" s="114">
        <v>85333</v>
      </c>
      <c r="BM25" s="114">
        <v>123671</v>
      </c>
      <c r="BN25" s="114">
        <v>0</v>
      </c>
      <c r="BO25" s="113">
        <v>515303</v>
      </c>
      <c r="BP25" s="116">
        <v>579259</v>
      </c>
      <c r="BQ25" s="110">
        <v>30688</v>
      </c>
      <c r="BR25" s="114">
        <v>91608</v>
      </c>
      <c r="BS25" s="113">
        <v>122296</v>
      </c>
      <c r="BT25" s="110">
        <v>0</v>
      </c>
      <c r="BU25" s="114">
        <v>241520</v>
      </c>
      <c r="BV25" s="114">
        <v>292696</v>
      </c>
      <c r="BW25" s="114">
        <v>257344</v>
      </c>
      <c r="BX25" s="114">
        <v>300656</v>
      </c>
      <c r="BY25" s="114">
        <v>179280</v>
      </c>
      <c r="BZ25" s="113">
        <v>1271496</v>
      </c>
      <c r="CA25" s="116">
        <v>1393792</v>
      </c>
      <c r="CB25" s="110">
        <v>88048</v>
      </c>
      <c r="CC25" s="114">
        <v>112007</v>
      </c>
      <c r="CD25" s="113">
        <v>200055</v>
      </c>
      <c r="CE25" s="110">
        <v>0</v>
      </c>
      <c r="CF25" s="114">
        <v>2050161</v>
      </c>
      <c r="CG25" s="114">
        <v>1392514</v>
      </c>
      <c r="CH25" s="114">
        <v>1982597</v>
      </c>
      <c r="CI25" s="114">
        <v>921666</v>
      </c>
      <c r="CJ25" s="114">
        <v>55104</v>
      </c>
      <c r="CK25" s="113">
        <v>6402042</v>
      </c>
      <c r="CL25" s="116">
        <v>6602097</v>
      </c>
      <c r="CM25" s="110">
        <v>0</v>
      </c>
      <c r="CN25" s="114">
        <v>0</v>
      </c>
      <c r="CO25" s="113">
        <v>0</v>
      </c>
      <c r="CP25" s="111">
        <v>0</v>
      </c>
      <c r="CQ25" s="114">
        <v>1404897</v>
      </c>
      <c r="CR25" s="114">
        <v>1064285</v>
      </c>
      <c r="CS25" s="114">
        <v>1340598</v>
      </c>
      <c r="CT25" s="114">
        <v>433220</v>
      </c>
      <c r="CU25" s="114">
        <v>18392</v>
      </c>
      <c r="CV25" s="113">
        <v>4261392</v>
      </c>
      <c r="CW25" s="116">
        <v>4261392</v>
      </c>
      <c r="CX25" s="110">
        <v>88048</v>
      </c>
      <c r="CY25" s="114">
        <v>112007</v>
      </c>
      <c r="CZ25" s="113">
        <v>200055</v>
      </c>
      <c r="DA25" s="110">
        <v>0</v>
      </c>
      <c r="DB25" s="114">
        <v>645264</v>
      </c>
      <c r="DC25" s="114">
        <v>328229</v>
      </c>
      <c r="DD25" s="114">
        <v>641999</v>
      </c>
      <c r="DE25" s="114">
        <v>488446</v>
      </c>
      <c r="DF25" s="114">
        <v>36712</v>
      </c>
      <c r="DG25" s="113">
        <v>2140650</v>
      </c>
      <c r="DH25" s="116">
        <v>2340705</v>
      </c>
      <c r="DI25" s="110">
        <v>0</v>
      </c>
      <c r="DJ25" s="114">
        <v>29771</v>
      </c>
      <c r="DK25" s="112">
        <v>29771</v>
      </c>
      <c r="DL25" s="111">
        <v>0</v>
      </c>
      <c r="DM25" s="114">
        <v>157179</v>
      </c>
      <c r="DN25" s="114">
        <v>159412</v>
      </c>
      <c r="DO25" s="114">
        <v>393454</v>
      </c>
      <c r="DP25" s="114">
        <v>1339265</v>
      </c>
      <c r="DQ25" s="114">
        <v>30560</v>
      </c>
      <c r="DR25" s="113">
        <v>2079870</v>
      </c>
      <c r="DS25" s="116">
        <v>2109641</v>
      </c>
      <c r="DT25" s="110">
        <v>0</v>
      </c>
      <c r="DU25" s="114">
        <v>29771</v>
      </c>
      <c r="DV25" s="113">
        <v>29771</v>
      </c>
      <c r="DW25" s="110">
        <v>0</v>
      </c>
      <c r="DX25" s="114">
        <v>157179</v>
      </c>
      <c r="DY25" s="114">
        <v>159412</v>
      </c>
      <c r="DZ25" s="114">
        <v>353976</v>
      </c>
      <c r="EA25" s="114">
        <v>1293986</v>
      </c>
      <c r="EB25" s="114">
        <v>30560</v>
      </c>
      <c r="EC25" s="113">
        <v>1995113</v>
      </c>
      <c r="ED25" s="116">
        <v>2024884</v>
      </c>
      <c r="EE25" s="110">
        <v>0</v>
      </c>
      <c r="EF25" s="112">
        <v>0</v>
      </c>
      <c r="EG25" s="113">
        <v>0</v>
      </c>
      <c r="EH25" s="110">
        <v>0</v>
      </c>
      <c r="EI25" s="114">
        <v>0</v>
      </c>
      <c r="EJ25" s="114">
        <v>0</v>
      </c>
      <c r="EK25" s="114">
        <v>39478</v>
      </c>
      <c r="EL25" s="114">
        <v>45279</v>
      </c>
      <c r="EM25" s="114">
        <v>0</v>
      </c>
      <c r="EN25" s="112">
        <v>84757</v>
      </c>
      <c r="EO25" s="116">
        <v>84757</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62224</v>
      </c>
      <c r="FM25" s="114">
        <v>132352</v>
      </c>
      <c r="FN25" s="113">
        <v>194576</v>
      </c>
      <c r="FO25" s="110">
        <v>0</v>
      </c>
      <c r="FP25" s="114">
        <v>702432</v>
      </c>
      <c r="FQ25" s="114">
        <v>483224</v>
      </c>
      <c r="FR25" s="114">
        <v>374024</v>
      </c>
      <c r="FS25" s="114">
        <v>284552</v>
      </c>
      <c r="FT25" s="114">
        <v>187496</v>
      </c>
      <c r="FU25" s="113">
        <v>2031728</v>
      </c>
      <c r="FV25" s="116">
        <v>2226304</v>
      </c>
      <c r="FW25" s="115">
        <v>62224</v>
      </c>
      <c r="FX25" s="114">
        <v>132352</v>
      </c>
      <c r="FY25" s="112">
        <v>194576</v>
      </c>
      <c r="FZ25" s="111">
        <v>0</v>
      </c>
      <c r="GA25" s="114">
        <v>430432</v>
      </c>
      <c r="GB25" s="114">
        <v>456824</v>
      </c>
      <c r="GC25" s="114">
        <v>374024</v>
      </c>
      <c r="GD25" s="114">
        <v>284552</v>
      </c>
      <c r="GE25" s="114">
        <v>187496</v>
      </c>
      <c r="GF25" s="113">
        <v>1733328</v>
      </c>
      <c r="GG25" s="318">
        <v>1927904</v>
      </c>
      <c r="GH25" s="115">
        <v>0</v>
      </c>
      <c r="GI25" s="114">
        <v>0</v>
      </c>
      <c r="GJ25" s="112">
        <v>0</v>
      </c>
      <c r="GK25" s="111">
        <v>0</v>
      </c>
      <c r="GL25" s="114">
        <v>0</v>
      </c>
      <c r="GM25" s="114">
        <v>26400</v>
      </c>
      <c r="GN25" s="114">
        <v>0</v>
      </c>
      <c r="GO25" s="114">
        <v>0</v>
      </c>
      <c r="GP25" s="114">
        <v>0</v>
      </c>
      <c r="GQ25" s="113">
        <v>26400</v>
      </c>
      <c r="GR25" s="116">
        <v>26400</v>
      </c>
      <c r="GS25" s="110">
        <v>0</v>
      </c>
      <c r="GT25" s="114">
        <v>0</v>
      </c>
      <c r="GU25" s="113">
        <v>0</v>
      </c>
      <c r="GV25" s="110">
        <v>0</v>
      </c>
      <c r="GW25" s="114">
        <v>272000</v>
      </c>
      <c r="GX25" s="114">
        <v>0</v>
      </c>
      <c r="GY25" s="114">
        <v>0</v>
      </c>
      <c r="GZ25" s="114">
        <v>0</v>
      </c>
      <c r="HA25" s="114">
        <v>0</v>
      </c>
      <c r="HB25" s="112">
        <v>272000</v>
      </c>
      <c r="HC25" s="116">
        <v>272000</v>
      </c>
      <c r="HD25" s="110">
        <v>110534</v>
      </c>
      <c r="HE25" s="114">
        <v>268720</v>
      </c>
      <c r="HF25" s="112">
        <v>379254</v>
      </c>
      <c r="HG25" s="111">
        <v>0</v>
      </c>
      <c r="HH25" s="114">
        <v>636173</v>
      </c>
      <c r="HI25" s="114">
        <v>1393183</v>
      </c>
      <c r="HJ25" s="114">
        <v>1002171</v>
      </c>
      <c r="HK25" s="114">
        <v>1456166</v>
      </c>
      <c r="HL25" s="114">
        <v>2150372</v>
      </c>
      <c r="HM25" s="113">
        <v>6638065</v>
      </c>
      <c r="HN25" s="116">
        <v>7017319</v>
      </c>
      <c r="HO25" s="503"/>
      <c r="HP25" s="329"/>
      <c r="HQ25" s="330"/>
      <c r="HR25" s="331"/>
      <c r="HS25" s="329"/>
      <c r="HT25" s="329"/>
      <c r="HU25" s="329"/>
      <c r="HV25" s="329"/>
      <c r="HW25" s="329"/>
      <c r="HX25" s="329"/>
      <c r="HY25" s="510"/>
      <c r="HZ25" s="133">
        <v>0</v>
      </c>
      <c r="IA25" s="132">
        <v>0</v>
      </c>
      <c r="IB25" s="133">
        <v>0</v>
      </c>
      <c r="IC25" s="146">
        <v>0</v>
      </c>
      <c r="ID25" s="132">
        <v>683971</v>
      </c>
      <c r="IE25" s="147">
        <v>723192</v>
      </c>
      <c r="IF25" s="133">
        <v>886995</v>
      </c>
      <c r="IG25" s="132">
        <v>833297</v>
      </c>
      <c r="IH25" s="133">
        <v>0</v>
      </c>
      <c r="II25" s="148">
        <v>3127455</v>
      </c>
      <c r="IJ25" s="139">
        <v>3127455</v>
      </c>
      <c r="IK25" s="232">
        <v>0</v>
      </c>
      <c r="IL25" s="236">
        <v>0</v>
      </c>
      <c r="IM25" s="237">
        <v>0</v>
      </c>
      <c r="IN25" s="140"/>
      <c r="IO25" s="119">
        <v>0</v>
      </c>
      <c r="IP25" s="119">
        <v>0</v>
      </c>
      <c r="IQ25" s="119">
        <v>0</v>
      </c>
      <c r="IR25" s="119">
        <v>0</v>
      </c>
      <c r="IS25" s="119">
        <v>0</v>
      </c>
      <c r="IT25" s="141">
        <v>0</v>
      </c>
      <c r="IU25" s="320">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437218</v>
      </c>
      <c r="JL25" s="119">
        <v>465780</v>
      </c>
      <c r="JM25" s="119">
        <v>352725</v>
      </c>
      <c r="JN25" s="119">
        <v>156042</v>
      </c>
      <c r="JO25" s="119">
        <v>0</v>
      </c>
      <c r="JP25" s="120">
        <v>1411765</v>
      </c>
      <c r="JQ25" s="320">
        <v>1411765</v>
      </c>
      <c r="JR25" s="142">
        <v>0</v>
      </c>
      <c r="JS25" s="119">
        <v>0</v>
      </c>
      <c r="JT25" s="141">
        <v>0</v>
      </c>
      <c r="JU25" s="118">
        <v>0</v>
      </c>
      <c r="JV25" s="119">
        <v>0</v>
      </c>
      <c r="JW25" s="119">
        <v>0</v>
      </c>
      <c r="JX25" s="119">
        <v>44311</v>
      </c>
      <c r="JY25" s="119">
        <v>0</v>
      </c>
      <c r="JZ25" s="119">
        <v>0</v>
      </c>
      <c r="KA25" s="120">
        <v>44311</v>
      </c>
      <c r="KB25" s="320">
        <v>44311</v>
      </c>
      <c r="KC25" s="234">
        <v>0</v>
      </c>
      <c r="KD25" s="230">
        <v>0</v>
      </c>
      <c r="KE25" s="120">
        <v>0</v>
      </c>
      <c r="KF25" s="118">
        <v>0</v>
      </c>
      <c r="KG25" s="119">
        <v>0</v>
      </c>
      <c r="KH25" s="119">
        <v>0</v>
      </c>
      <c r="KI25" s="119">
        <v>224951</v>
      </c>
      <c r="KJ25" s="119">
        <v>0</v>
      </c>
      <c r="KK25" s="119">
        <v>0</v>
      </c>
      <c r="KL25" s="120">
        <v>224951</v>
      </c>
      <c r="KM25" s="143">
        <v>224951</v>
      </c>
      <c r="KN25" s="232">
        <v>0</v>
      </c>
      <c r="KO25" s="236">
        <v>0</v>
      </c>
      <c r="KP25" s="237">
        <v>0</v>
      </c>
      <c r="KQ25" s="140"/>
      <c r="KR25" s="119">
        <v>246753</v>
      </c>
      <c r="KS25" s="119">
        <v>257412</v>
      </c>
      <c r="KT25" s="119">
        <v>265008</v>
      </c>
      <c r="KU25" s="119">
        <v>677255</v>
      </c>
      <c r="KV25" s="119">
        <v>0</v>
      </c>
      <c r="KW25" s="120">
        <v>1446428</v>
      </c>
      <c r="KX25" s="320">
        <v>1446428</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287176</v>
      </c>
      <c r="MK25" s="119">
        <v>470049</v>
      </c>
      <c r="ML25" s="119">
        <v>2690030</v>
      </c>
      <c r="MM25" s="119">
        <v>2931324</v>
      </c>
      <c r="MN25" s="119">
        <v>2219883</v>
      </c>
      <c r="MO25" s="120">
        <v>8598462</v>
      </c>
      <c r="MP25" s="143">
        <v>8598462</v>
      </c>
      <c r="MQ25" s="142">
        <v>0</v>
      </c>
      <c r="MR25" s="119">
        <v>0</v>
      </c>
      <c r="MS25" s="120">
        <v>0</v>
      </c>
      <c r="MT25" s="145"/>
      <c r="MU25" s="119">
        <v>0</v>
      </c>
      <c r="MV25" s="119">
        <v>470049</v>
      </c>
      <c r="MW25" s="119">
        <v>1998434</v>
      </c>
      <c r="MX25" s="119">
        <v>2626955</v>
      </c>
      <c r="MY25" s="119">
        <v>1840211</v>
      </c>
      <c r="MZ25" s="120">
        <v>6935649</v>
      </c>
      <c r="NA25" s="143">
        <v>6935649</v>
      </c>
      <c r="NB25" s="142">
        <v>0</v>
      </c>
      <c r="NC25" s="119">
        <v>0</v>
      </c>
      <c r="ND25" s="120">
        <v>0</v>
      </c>
      <c r="NE25" s="145"/>
      <c r="NF25" s="119">
        <v>287176</v>
      </c>
      <c r="NG25" s="119">
        <v>0</v>
      </c>
      <c r="NH25" s="119">
        <v>691596</v>
      </c>
      <c r="NI25" s="119">
        <v>304369</v>
      </c>
      <c r="NJ25" s="119">
        <v>0</v>
      </c>
      <c r="NK25" s="120">
        <v>1283141</v>
      </c>
      <c r="NL25" s="320">
        <v>1283141</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379672</v>
      </c>
      <c r="OG25" s="120">
        <v>379672</v>
      </c>
      <c r="OH25" s="121">
        <v>379672</v>
      </c>
      <c r="OI25" s="142">
        <v>394792</v>
      </c>
      <c r="OJ25" s="119">
        <v>823047</v>
      </c>
      <c r="OK25" s="141">
        <v>1217839</v>
      </c>
      <c r="OL25" s="118">
        <v>0</v>
      </c>
      <c r="OM25" s="119">
        <v>6556017</v>
      </c>
      <c r="ON25" s="119">
        <v>6553579</v>
      </c>
      <c r="OO25" s="119">
        <v>8568118</v>
      </c>
      <c r="OP25" s="119">
        <v>9042992</v>
      </c>
      <c r="OQ25" s="119">
        <v>5509506</v>
      </c>
      <c r="OR25" s="120">
        <v>36230212</v>
      </c>
      <c r="OS25" s="143">
        <v>37448051</v>
      </c>
    </row>
    <row r="26" spans="2:409" ht="21" customHeight="1" x14ac:dyDescent="0.2">
      <c r="B26" s="126" t="s">
        <v>21</v>
      </c>
      <c r="C26" s="110">
        <v>352303</v>
      </c>
      <c r="D26" s="114">
        <v>481749</v>
      </c>
      <c r="E26" s="113">
        <v>834052</v>
      </c>
      <c r="F26" s="109">
        <v>0</v>
      </c>
      <c r="G26" s="114">
        <v>3166647</v>
      </c>
      <c r="H26" s="114">
        <v>3730011</v>
      </c>
      <c r="I26" s="114">
        <v>4901274</v>
      </c>
      <c r="J26" s="114">
        <v>4658202</v>
      </c>
      <c r="K26" s="114">
        <v>2814132</v>
      </c>
      <c r="L26" s="173">
        <v>19270266</v>
      </c>
      <c r="M26" s="116">
        <v>20104318</v>
      </c>
      <c r="N26" s="110">
        <v>134693</v>
      </c>
      <c r="O26" s="114">
        <v>186762</v>
      </c>
      <c r="P26" s="113">
        <v>321455</v>
      </c>
      <c r="Q26" s="110">
        <v>0</v>
      </c>
      <c r="R26" s="114">
        <v>1068312</v>
      </c>
      <c r="S26" s="114">
        <v>1203589</v>
      </c>
      <c r="T26" s="114">
        <v>772548</v>
      </c>
      <c r="U26" s="114">
        <v>2289864</v>
      </c>
      <c r="V26" s="114">
        <v>1473217</v>
      </c>
      <c r="W26" s="113">
        <v>6807530</v>
      </c>
      <c r="X26" s="116">
        <v>7128985</v>
      </c>
      <c r="Y26" s="110">
        <v>0</v>
      </c>
      <c r="Z26" s="114">
        <v>0</v>
      </c>
      <c r="AA26" s="113">
        <v>0</v>
      </c>
      <c r="AB26" s="110">
        <v>0</v>
      </c>
      <c r="AC26" s="114">
        <v>357437</v>
      </c>
      <c r="AD26" s="114">
        <v>231431</v>
      </c>
      <c r="AE26" s="114">
        <v>216201</v>
      </c>
      <c r="AF26" s="114">
        <v>1253421</v>
      </c>
      <c r="AG26" s="114">
        <v>676577</v>
      </c>
      <c r="AH26" s="113">
        <v>2735067</v>
      </c>
      <c r="AI26" s="116">
        <v>2735067</v>
      </c>
      <c r="AJ26" s="110">
        <v>0</v>
      </c>
      <c r="AK26" s="114">
        <v>0</v>
      </c>
      <c r="AL26" s="113">
        <v>0</v>
      </c>
      <c r="AM26" s="110">
        <v>0</v>
      </c>
      <c r="AN26" s="114">
        <v>0</v>
      </c>
      <c r="AO26" s="114">
        <v>0</v>
      </c>
      <c r="AP26" s="114">
        <v>23145</v>
      </c>
      <c r="AQ26" s="114">
        <v>11845</v>
      </c>
      <c r="AR26" s="114">
        <v>151531</v>
      </c>
      <c r="AS26" s="113">
        <v>186521</v>
      </c>
      <c r="AT26" s="116">
        <v>186521</v>
      </c>
      <c r="AU26" s="110">
        <v>98317</v>
      </c>
      <c r="AV26" s="114">
        <v>101623</v>
      </c>
      <c r="AW26" s="113">
        <v>199940</v>
      </c>
      <c r="AX26" s="110">
        <v>0</v>
      </c>
      <c r="AY26" s="114">
        <v>545780</v>
      </c>
      <c r="AZ26" s="114">
        <v>690330</v>
      </c>
      <c r="BA26" s="114">
        <v>325346</v>
      </c>
      <c r="BB26" s="114">
        <v>740974</v>
      </c>
      <c r="BC26" s="114">
        <v>449837</v>
      </c>
      <c r="BD26" s="113">
        <v>2752267</v>
      </c>
      <c r="BE26" s="116">
        <v>2952207</v>
      </c>
      <c r="BF26" s="110">
        <v>0</v>
      </c>
      <c r="BG26" s="114">
        <v>42267</v>
      </c>
      <c r="BH26" s="112">
        <v>42267</v>
      </c>
      <c r="BI26" s="111">
        <v>0</v>
      </c>
      <c r="BJ26" s="114">
        <v>43415</v>
      </c>
      <c r="BK26" s="114">
        <v>85180</v>
      </c>
      <c r="BL26" s="114">
        <v>0</v>
      </c>
      <c r="BM26" s="114">
        <v>25472</v>
      </c>
      <c r="BN26" s="114">
        <v>0</v>
      </c>
      <c r="BO26" s="113">
        <v>154067</v>
      </c>
      <c r="BP26" s="116">
        <v>196334</v>
      </c>
      <c r="BQ26" s="110">
        <v>36376</v>
      </c>
      <c r="BR26" s="114">
        <v>42872</v>
      </c>
      <c r="BS26" s="113">
        <v>79248</v>
      </c>
      <c r="BT26" s="110">
        <v>0</v>
      </c>
      <c r="BU26" s="114">
        <v>121680</v>
      </c>
      <c r="BV26" s="114">
        <v>196648</v>
      </c>
      <c r="BW26" s="114">
        <v>207856</v>
      </c>
      <c r="BX26" s="114">
        <v>258152</v>
      </c>
      <c r="BY26" s="114">
        <v>195272</v>
      </c>
      <c r="BZ26" s="113">
        <v>979608</v>
      </c>
      <c r="CA26" s="116">
        <v>1058856</v>
      </c>
      <c r="CB26" s="110">
        <v>40619</v>
      </c>
      <c r="CC26" s="114">
        <v>0</v>
      </c>
      <c r="CD26" s="113">
        <v>40619</v>
      </c>
      <c r="CE26" s="110">
        <v>0</v>
      </c>
      <c r="CF26" s="114">
        <v>920956</v>
      </c>
      <c r="CG26" s="114">
        <v>1231792</v>
      </c>
      <c r="CH26" s="114">
        <v>990571</v>
      </c>
      <c r="CI26" s="114">
        <v>279057</v>
      </c>
      <c r="CJ26" s="114">
        <v>454082</v>
      </c>
      <c r="CK26" s="113">
        <v>3876458</v>
      </c>
      <c r="CL26" s="116">
        <v>3917077</v>
      </c>
      <c r="CM26" s="110">
        <v>0</v>
      </c>
      <c r="CN26" s="114">
        <v>0</v>
      </c>
      <c r="CO26" s="113">
        <v>0</v>
      </c>
      <c r="CP26" s="111">
        <v>0</v>
      </c>
      <c r="CQ26" s="114">
        <v>600917</v>
      </c>
      <c r="CR26" s="114">
        <v>821360</v>
      </c>
      <c r="CS26" s="114">
        <v>911244</v>
      </c>
      <c r="CT26" s="114">
        <v>246792</v>
      </c>
      <c r="CU26" s="114">
        <v>454082</v>
      </c>
      <c r="CV26" s="113">
        <v>3034395</v>
      </c>
      <c r="CW26" s="116">
        <v>3034395</v>
      </c>
      <c r="CX26" s="110">
        <v>40619</v>
      </c>
      <c r="CY26" s="114">
        <v>0</v>
      </c>
      <c r="CZ26" s="113">
        <v>40619</v>
      </c>
      <c r="DA26" s="110">
        <v>0</v>
      </c>
      <c r="DB26" s="114">
        <v>320039</v>
      </c>
      <c r="DC26" s="114">
        <v>410432</v>
      </c>
      <c r="DD26" s="114">
        <v>79327</v>
      </c>
      <c r="DE26" s="114">
        <v>32265</v>
      </c>
      <c r="DF26" s="114">
        <v>0</v>
      </c>
      <c r="DG26" s="113">
        <v>842063</v>
      </c>
      <c r="DH26" s="116">
        <v>882682</v>
      </c>
      <c r="DI26" s="110">
        <v>0</v>
      </c>
      <c r="DJ26" s="114">
        <v>14508</v>
      </c>
      <c r="DK26" s="112">
        <v>14508</v>
      </c>
      <c r="DL26" s="111">
        <v>0</v>
      </c>
      <c r="DM26" s="114">
        <v>185928</v>
      </c>
      <c r="DN26" s="114">
        <v>231744</v>
      </c>
      <c r="DO26" s="114">
        <v>987059</v>
      </c>
      <c r="DP26" s="114">
        <v>891749</v>
      </c>
      <c r="DQ26" s="114">
        <v>199410</v>
      </c>
      <c r="DR26" s="113">
        <v>2495890</v>
      </c>
      <c r="DS26" s="116">
        <v>2510398</v>
      </c>
      <c r="DT26" s="110">
        <v>0</v>
      </c>
      <c r="DU26" s="114">
        <v>14508</v>
      </c>
      <c r="DV26" s="113">
        <v>14508</v>
      </c>
      <c r="DW26" s="110">
        <v>0</v>
      </c>
      <c r="DX26" s="114">
        <v>185928</v>
      </c>
      <c r="DY26" s="114">
        <v>231744</v>
      </c>
      <c r="DZ26" s="114">
        <v>987059</v>
      </c>
      <c r="EA26" s="114">
        <v>891749</v>
      </c>
      <c r="EB26" s="114">
        <v>199410</v>
      </c>
      <c r="EC26" s="113">
        <v>2495890</v>
      </c>
      <c r="ED26" s="116">
        <v>2510398</v>
      </c>
      <c r="EE26" s="110">
        <v>0</v>
      </c>
      <c r="EF26" s="112">
        <v>0</v>
      </c>
      <c r="EG26" s="113">
        <v>0</v>
      </c>
      <c r="EH26" s="110">
        <v>0</v>
      </c>
      <c r="EI26" s="114">
        <v>0</v>
      </c>
      <c r="EJ26" s="114">
        <v>0</v>
      </c>
      <c r="EK26" s="114">
        <v>0</v>
      </c>
      <c r="EL26" s="114">
        <v>0</v>
      </c>
      <c r="EM26" s="114">
        <v>0</v>
      </c>
      <c r="EN26" s="112">
        <v>0</v>
      </c>
      <c r="EO26" s="116">
        <v>0</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120219</v>
      </c>
      <c r="FM26" s="114">
        <v>188720</v>
      </c>
      <c r="FN26" s="113">
        <v>308939</v>
      </c>
      <c r="FO26" s="110">
        <v>0</v>
      </c>
      <c r="FP26" s="114">
        <v>128752</v>
      </c>
      <c r="FQ26" s="114">
        <v>495432</v>
      </c>
      <c r="FR26" s="114">
        <v>382596</v>
      </c>
      <c r="FS26" s="114">
        <v>404384</v>
      </c>
      <c r="FT26" s="114">
        <v>187512</v>
      </c>
      <c r="FU26" s="113">
        <v>1598676</v>
      </c>
      <c r="FV26" s="116">
        <v>1907615</v>
      </c>
      <c r="FW26" s="115">
        <v>12680</v>
      </c>
      <c r="FX26" s="114">
        <v>59360</v>
      </c>
      <c r="FY26" s="112">
        <v>72040</v>
      </c>
      <c r="FZ26" s="111">
        <v>0</v>
      </c>
      <c r="GA26" s="114">
        <v>128752</v>
      </c>
      <c r="GB26" s="114">
        <v>374520</v>
      </c>
      <c r="GC26" s="114">
        <v>334536</v>
      </c>
      <c r="GD26" s="114">
        <v>404384</v>
      </c>
      <c r="GE26" s="114">
        <v>187512</v>
      </c>
      <c r="GF26" s="113">
        <v>1429704</v>
      </c>
      <c r="GG26" s="318">
        <v>1501744</v>
      </c>
      <c r="GH26" s="115">
        <v>0</v>
      </c>
      <c r="GI26" s="114">
        <v>0</v>
      </c>
      <c r="GJ26" s="112">
        <v>0</v>
      </c>
      <c r="GK26" s="111">
        <v>0</v>
      </c>
      <c r="GL26" s="114">
        <v>0</v>
      </c>
      <c r="GM26" s="114">
        <v>18656</v>
      </c>
      <c r="GN26" s="114">
        <v>48060</v>
      </c>
      <c r="GO26" s="114">
        <v>0</v>
      </c>
      <c r="GP26" s="114">
        <v>0</v>
      </c>
      <c r="GQ26" s="113">
        <v>66716</v>
      </c>
      <c r="GR26" s="116">
        <v>66716</v>
      </c>
      <c r="GS26" s="110">
        <v>107539</v>
      </c>
      <c r="GT26" s="114">
        <v>129360</v>
      </c>
      <c r="GU26" s="113">
        <v>236899</v>
      </c>
      <c r="GV26" s="110">
        <v>0</v>
      </c>
      <c r="GW26" s="114">
        <v>0</v>
      </c>
      <c r="GX26" s="114">
        <v>102256</v>
      </c>
      <c r="GY26" s="114">
        <v>0</v>
      </c>
      <c r="GZ26" s="114">
        <v>0</v>
      </c>
      <c r="HA26" s="114">
        <v>0</v>
      </c>
      <c r="HB26" s="112">
        <v>102256</v>
      </c>
      <c r="HC26" s="116">
        <v>339155</v>
      </c>
      <c r="HD26" s="110">
        <v>56772</v>
      </c>
      <c r="HE26" s="114">
        <v>91759</v>
      </c>
      <c r="HF26" s="112">
        <v>148531</v>
      </c>
      <c r="HG26" s="111">
        <v>0</v>
      </c>
      <c r="HH26" s="114">
        <v>862699</v>
      </c>
      <c r="HI26" s="114">
        <v>567454</v>
      </c>
      <c r="HJ26" s="114">
        <v>1768500</v>
      </c>
      <c r="HK26" s="114">
        <v>793148</v>
      </c>
      <c r="HL26" s="114">
        <v>499911</v>
      </c>
      <c r="HM26" s="113">
        <v>4491712</v>
      </c>
      <c r="HN26" s="116">
        <v>4640243</v>
      </c>
      <c r="HO26" s="503"/>
      <c r="HP26" s="329"/>
      <c r="HQ26" s="330"/>
      <c r="HR26" s="331"/>
      <c r="HS26" s="329"/>
      <c r="HT26" s="329"/>
      <c r="HU26" s="329"/>
      <c r="HV26" s="329"/>
      <c r="HW26" s="329"/>
      <c r="HX26" s="329"/>
      <c r="HY26" s="510"/>
      <c r="HZ26" s="150">
        <v>0</v>
      </c>
      <c r="IA26" s="135">
        <v>0</v>
      </c>
      <c r="IB26" s="150">
        <v>0</v>
      </c>
      <c r="IC26" s="134">
        <v>0</v>
      </c>
      <c r="ID26" s="135">
        <v>981813</v>
      </c>
      <c r="IE26" s="136">
        <v>1520416</v>
      </c>
      <c r="IF26" s="137">
        <v>781641</v>
      </c>
      <c r="IG26" s="135">
        <v>419151</v>
      </c>
      <c r="IH26" s="137">
        <v>492541</v>
      </c>
      <c r="II26" s="138">
        <v>4195562</v>
      </c>
      <c r="IJ26" s="150">
        <v>4195562</v>
      </c>
      <c r="IK26" s="232">
        <v>0</v>
      </c>
      <c r="IL26" s="236">
        <v>0</v>
      </c>
      <c r="IM26" s="237">
        <v>0</v>
      </c>
      <c r="IN26" s="140"/>
      <c r="IO26" s="119">
        <v>0</v>
      </c>
      <c r="IP26" s="119">
        <v>123717</v>
      </c>
      <c r="IQ26" s="119">
        <v>0</v>
      </c>
      <c r="IR26" s="119">
        <v>0</v>
      </c>
      <c r="IS26" s="119">
        <v>0</v>
      </c>
      <c r="IT26" s="141">
        <v>123717</v>
      </c>
      <c r="IU26" s="320">
        <v>123717</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307606</v>
      </c>
      <c r="JL26" s="119">
        <v>436615</v>
      </c>
      <c r="JM26" s="119">
        <v>96029</v>
      </c>
      <c r="JN26" s="119">
        <v>156589</v>
      </c>
      <c r="JO26" s="119">
        <v>0</v>
      </c>
      <c r="JP26" s="120">
        <v>996839</v>
      </c>
      <c r="JQ26" s="320">
        <v>996839</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0</v>
      </c>
      <c r="KH26" s="119">
        <v>0</v>
      </c>
      <c r="KI26" s="119">
        <v>685612</v>
      </c>
      <c r="KJ26" s="119">
        <v>0</v>
      </c>
      <c r="KK26" s="119">
        <v>492541</v>
      </c>
      <c r="KL26" s="120">
        <v>1178153</v>
      </c>
      <c r="KM26" s="143">
        <v>1178153</v>
      </c>
      <c r="KN26" s="232">
        <v>0</v>
      </c>
      <c r="KO26" s="236">
        <v>0</v>
      </c>
      <c r="KP26" s="237">
        <v>0</v>
      </c>
      <c r="KQ26" s="140"/>
      <c r="KR26" s="119">
        <v>674207</v>
      </c>
      <c r="KS26" s="119">
        <v>960084</v>
      </c>
      <c r="KT26" s="119">
        <v>0</v>
      </c>
      <c r="KU26" s="119">
        <v>262562</v>
      </c>
      <c r="KV26" s="119">
        <v>0</v>
      </c>
      <c r="KW26" s="120">
        <v>1896853</v>
      </c>
      <c r="KX26" s="320">
        <v>1896853</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0</v>
      </c>
      <c r="LZ26" s="119">
        <v>0</v>
      </c>
      <c r="MA26" s="119">
        <v>0</v>
      </c>
      <c r="MB26" s="119">
        <v>0</v>
      </c>
      <c r="MC26" s="119">
        <v>0</v>
      </c>
      <c r="MD26" s="120">
        <v>0</v>
      </c>
      <c r="ME26" s="121">
        <v>0</v>
      </c>
      <c r="MF26" s="142">
        <v>0</v>
      </c>
      <c r="MG26" s="119">
        <v>0</v>
      </c>
      <c r="MH26" s="120">
        <v>0</v>
      </c>
      <c r="MI26" s="145"/>
      <c r="MJ26" s="119">
        <v>0</v>
      </c>
      <c r="MK26" s="119">
        <v>374610</v>
      </c>
      <c r="ML26" s="119">
        <v>2215477</v>
      </c>
      <c r="MM26" s="119">
        <v>3575171</v>
      </c>
      <c r="MN26" s="119">
        <v>1853883</v>
      </c>
      <c r="MO26" s="120">
        <v>8019141</v>
      </c>
      <c r="MP26" s="143">
        <v>8019141</v>
      </c>
      <c r="MQ26" s="142">
        <v>0</v>
      </c>
      <c r="MR26" s="119">
        <v>0</v>
      </c>
      <c r="MS26" s="120">
        <v>0</v>
      </c>
      <c r="MT26" s="145"/>
      <c r="MU26" s="119">
        <v>0</v>
      </c>
      <c r="MV26" s="119">
        <v>0</v>
      </c>
      <c r="MW26" s="119">
        <v>1983262</v>
      </c>
      <c r="MX26" s="119">
        <v>2706002</v>
      </c>
      <c r="MY26" s="119">
        <v>1752841</v>
      </c>
      <c r="MZ26" s="120">
        <v>6442105</v>
      </c>
      <c r="NA26" s="143">
        <v>6442105</v>
      </c>
      <c r="NB26" s="142">
        <v>0</v>
      </c>
      <c r="NC26" s="119">
        <v>0</v>
      </c>
      <c r="ND26" s="120">
        <v>0</v>
      </c>
      <c r="NE26" s="145"/>
      <c r="NF26" s="119">
        <v>0</v>
      </c>
      <c r="NG26" s="119">
        <v>374610</v>
      </c>
      <c r="NH26" s="119">
        <v>232215</v>
      </c>
      <c r="NI26" s="119">
        <v>487211</v>
      </c>
      <c r="NJ26" s="119">
        <v>101042</v>
      </c>
      <c r="NK26" s="120">
        <v>1195078</v>
      </c>
      <c r="NL26" s="320">
        <v>1195078</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381958</v>
      </c>
      <c r="OF26" s="119">
        <v>0</v>
      </c>
      <c r="OG26" s="120">
        <v>381958</v>
      </c>
      <c r="OH26" s="121">
        <v>381958</v>
      </c>
      <c r="OI26" s="142">
        <v>352303</v>
      </c>
      <c r="OJ26" s="119">
        <v>481749</v>
      </c>
      <c r="OK26" s="141">
        <v>834052</v>
      </c>
      <c r="OL26" s="118">
        <v>0</v>
      </c>
      <c r="OM26" s="119">
        <v>4148460</v>
      </c>
      <c r="ON26" s="119">
        <v>5625037</v>
      </c>
      <c r="OO26" s="119">
        <v>7898392</v>
      </c>
      <c r="OP26" s="119">
        <v>8652524</v>
      </c>
      <c r="OQ26" s="119">
        <v>5160556</v>
      </c>
      <c r="OR26" s="120">
        <v>31484969</v>
      </c>
      <c r="OS26" s="143">
        <v>32319021</v>
      </c>
    </row>
    <row r="27" spans="2:409" ht="21" customHeight="1" x14ac:dyDescent="0.2">
      <c r="B27" s="126" t="s">
        <v>22</v>
      </c>
      <c r="C27" s="110">
        <v>3200</v>
      </c>
      <c r="D27" s="114">
        <v>86992</v>
      </c>
      <c r="E27" s="113">
        <v>90192</v>
      </c>
      <c r="F27" s="109">
        <v>0</v>
      </c>
      <c r="G27" s="114">
        <v>1075658</v>
      </c>
      <c r="H27" s="114">
        <v>1634656</v>
      </c>
      <c r="I27" s="114">
        <v>1198348</v>
      </c>
      <c r="J27" s="114">
        <v>1823827</v>
      </c>
      <c r="K27" s="114">
        <v>628752</v>
      </c>
      <c r="L27" s="173">
        <v>6361241</v>
      </c>
      <c r="M27" s="116">
        <v>6451433</v>
      </c>
      <c r="N27" s="110">
        <v>0</v>
      </c>
      <c r="O27" s="114">
        <v>31392</v>
      </c>
      <c r="P27" s="113">
        <v>31392</v>
      </c>
      <c r="Q27" s="110">
        <v>0</v>
      </c>
      <c r="R27" s="114">
        <v>249802</v>
      </c>
      <c r="S27" s="114">
        <v>426198</v>
      </c>
      <c r="T27" s="114">
        <v>230936</v>
      </c>
      <c r="U27" s="114">
        <v>774072</v>
      </c>
      <c r="V27" s="114">
        <v>347480</v>
      </c>
      <c r="W27" s="113">
        <v>2028488</v>
      </c>
      <c r="X27" s="116">
        <v>2059880</v>
      </c>
      <c r="Y27" s="110">
        <v>0</v>
      </c>
      <c r="Z27" s="114">
        <v>0</v>
      </c>
      <c r="AA27" s="113">
        <v>0</v>
      </c>
      <c r="AB27" s="110">
        <v>0</v>
      </c>
      <c r="AC27" s="114">
        <v>130794</v>
      </c>
      <c r="AD27" s="114">
        <v>227760</v>
      </c>
      <c r="AE27" s="114">
        <v>92248</v>
      </c>
      <c r="AF27" s="114">
        <v>426010</v>
      </c>
      <c r="AG27" s="114">
        <v>323088</v>
      </c>
      <c r="AH27" s="113">
        <v>1199900</v>
      </c>
      <c r="AI27" s="116">
        <v>1199900</v>
      </c>
      <c r="AJ27" s="110">
        <v>0</v>
      </c>
      <c r="AK27" s="114">
        <v>0</v>
      </c>
      <c r="AL27" s="113">
        <v>0</v>
      </c>
      <c r="AM27" s="110">
        <v>0</v>
      </c>
      <c r="AN27" s="114">
        <v>0</v>
      </c>
      <c r="AO27" s="114">
        <v>0</v>
      </c>
      <c r="AP27" s="114">
        <v>0</v>
      </c>
      <c r="AQ27" s="114">
        <v>98344</v>
      </c>
      <c r="AR27" s="114">
        <v>0</v>
      </c>
      <c r="AS27" s="113">
        <v>98344</v>
      </c>
      <c r="AT27" s="116">
        <v>98344</v>
      </c>
      <c r="AU27" s="110">
        <v>0</v>
      </c>
      <c r="AV27" s="114">
        <v>31392</v>
      </c>
      <c r="AW27" s="113">
        <v>31392</v>
      </c>
      <c r="AX27" s="110">
        <v>0</v>
      </c>
      <c r="AY27" s="114">
        <v>54976</v>
      </c>
      <c r="AZ27" s="114">
        <v>56461</v>
      </c>
      <c r="BA27" s="114">
        <v>78720</v>
      </c>
      <c r="BB27" s="114">
        <v>202462</v>
      </c>
      <c r="BC27" s="114">
        <v>0</v>
      </c>
      <c r="BD27" s="113">
        <v>392619</v>
      </c>
      <c r="BE27" s="116">
        <v>424011</v>
      </c>
      <c r="BF27" s="110">
        <v>0</v>
      </c>
      <c r="BG27" s="114">
        <v>0</v>
      </c>
      <c r="BH27" s="112">
        <v>0</v>
      </c>
      <c r="BI27" s="111">
        <v>0</v>
      </c>
      <c r="BJ27" s="114">
        <v>45616</v>
      </c>
      <c r="BK27" s="114">
        <v>62793</v>
      </c>
      <c r="BL27" s="114">
        <v>22944</v>
      </c>
      <c r="BM27" s="114">
        <v>0</v>
      </c>
      <c r="BN27" s="114">
        <v>0</v>
      </c>
      <c r="BO27" s="113">
        <v>131353</v>
      </c>
      <c r="BP27" s="116">
        <v>131353</v>
      </c>
      <c r="BQ27" s="110">
        <v>0</v>
      </c>
      <c r="BR27" s="114">
        <v>0</v>
      </c>
      <c r="BS27" s="113">
        <v>0</v>
      </c>
      <c r="BT27" s="110">
        <v>0</v>
      </c>
      <c r="BU27" s="114">
        <v>18416</v>
      </c>
      <c r="BV27" s="114">
        <v>79184</v>
      </c>
      <c r="BW27" s="114">
        <v>37024</v>
      </c>
      <c r="BX27" s="114">
        <v>47256</v>
      </c>
      <c r="BY27" s="114">
        <v>24392</v>
      </c>
      <c r="BZ27" s="113">
        <v>206272</v>
      </c>
      <c r="CA27" s="116">
        <v>206272</v>
      </c>
      <c r="CB27" s="110">
        <v>0</v>
      </c>
      <c r="CC27" s="114">
        <v>0</v>
      </c>
      <c r="CD27" s="113">
        <v>0</v>
      </c>
      <c r="CE27" s="110">
        <v>0</v>
      </c>
      <c r="CF27" s="114">
        <v>369586</v>
      </c>
      <c r="CG27" s="114">
        <v>648422</v>
      </c>
      <c r="CH27" s="114">
        <v>437372</v>
      </c>
      <c r="CI27" s="114">
        <v>220760</v>
      </c>
      <c r="CJ27" s="114">
        <v>199128</v>
      </c>
      <c r="CK27" s="113">
        <v>1875268</v>
      </c>
      <c r="CL27" s="116">
        <v>1875268</v>
      </c>
      <c r="CM27" s="110">
        <v>0</v>
      </c>
      <c r="CN27" s="114">
        <v>0</v>
      </c>
      <c r="CO27" s="113">
        <v>0</v>
      </c>
      <c r="CP27" s="111">
        <v>0</v>
      </c>
      <c r="CQ27" s="114">
        <v>254618</v>
      </c>
      <c r="CR27" s="114">
        <v>522274</v>
      </c>
      <c r="CS27" s="114">
        <v>390064</v>
      </c>
      <c r="CT27" s="114">
        <v>173864</v>
      </c>
      <c r="CU27" s="114">
        <v>146992</v>
      </c>
      <c r="CV27" s="113">
        <v>1487812</v>
      </c>
      <c r="CW27" s="116">
        <v>1487812</v>
      </c>
      <c r="CX27" s="110">
        <v>0</v>
      </c>
      <c r="CY27" s="114">
        <v>0</v>
      </c>
      <c r="CZ27" s="113">
        <v>0</v>
      </c>
      <c r="DA27" s="110">
        <v>0</v>
      </c>
      <c r="DB27" s="114">
        <v>114968</v>
      </c>
      <c r="DC27" s="114">
        <v>126148</v>
      </c>
      <c r="DD27" s="114">
        <v>47308</v>
      </c>
      <c r="DE27" s="114">
        <v>46896</v>
      </c>
      <c r="DF27" s="114">
        <v>52136</v>
      </c>
      <c r="DG27" s="113">
        <v>387456</v>
      </c>
      <c r="DH27" s="116">
        <v>387456</v>
      </c>
      <c r="DI27" s="110">
        <v>0</v>
      </c>
      <c r="DJ27" s="114">
        <v>0</v>
      </c>
      <c r="DK27" s="112">
        <v>0</v>
      </c>
      <c r="DL27" s="111">
        <v>0</v>
      </c>
      <c r="DM27" s="114">
        <v>41997</v>
      </c>
      <c r="DN27" s="114">
        <v>40772</v>
      </c>
      <c r="DO27" s="114">
        <v>210440</v>
      </c>
      <c r="DP27" s="114">
        <v>240187</v>
      </c>
      <c r="DQ27" s="114">
        <v>0</v>
      </c>
      <c r="DR27" s="113">
        <v>533396</v>
      </c>
      <c r="DS27" s="116">
        <v>533396</v>
      </c>
      <c r="DT27" s="110">
        <v>0</v>
      </c>
      <c r="DU27" s="114">
        <v>0</v>
      </c>
      <c r="DV27" s="113">
        <v>0</v>
      </c>
      <c r="DW27" s="110">
        <v>0</v>
      </c>
      <c r="DX27" s="114">
        <v>41997</v>
      </c>
      <c r="DY27" s="114">
        <v>40772</v>
      </c>
      <c r="DZ27" s="114">
        <v>176040</v>
      </c>
      <c r="EA27" s="114">
        <v>162774</v>
      </c>
      <c r="EB27" s="114">
        <v>0</v>
      </c>
      <c r="EC27" s="113">
        <v>421583</v>
      </c>
      <c r="ED27" s="116">
        <v>421583</v>
      </c>
      <c r="EE27" s="110">
        <v>0</v>
      </c>
      <c r="EF27" s="112">
        <v>0</v>
      </c>
      <c r="EG27" s="113">
        <v>0</v>
      </c>
      <c r="EH27" s="110">
        <v>0</v>
      </c>
      <c r="EI27" s="114">
        <v>0</v>
      </c>
      <c r="EJ27" s="114">
        <v>0</v>
      </c>
      <c r="EK27" s="114">
        <v>34400</v>
      </c>
      <c r="EL27" s="114">
        <v>77413</v>
      </c>
      <c r="EM27" s="114">
        <v>0</v>
      </c>
      <c r="EN27" s="112">
        <v>111813</v>
      </c>
      <c r="EO27" s="116">
        <v>111813</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3200</v>
      </c>
      <c r="FM27" s="114">
        <v>55600</v>
      </c>
      <c r="FN27" s="113">
        <v>58800</v>
      </c>
      <c r="FO27" s="110">
        <v>0</v>
      </c>
      <c r="FP27" s="114">
        <v>60480</v>
      </c>
      <c r="FQ27" s="114">
        <v>178072</v>
      </c>
      <c r="FR27" s="114">
        <v>128672</v>
      </c>
      <c r="FS27" s="114">
        <v>171840</v>
      </c>
      <c r="FT27" s="114">
        <v>82144</v>
      </c>
      <c r="FU27" s="113">
        <v>621208</v>
      </c>
      <c r="FV27" s="116">
        <v>680008</v>
      </c>
      <c r="FW27" s="115">
        <v>3200</v>
      </c>
      <c r="FX27" s="114">
        <v>55600</v>
      </c>
      <c r="FY27" s="112">
        <v>58800</v>
      </c>
      <c r="FZ27" s="111">
        <v>0</v>
      </c>
      <c r="GA27" s="114">
        <v>60480</v>
      </c>
      <c r="GB27" s="114">
        <v>154752</v>
      </c>
      <c r="GC27" s="114">
        <v>128672</v>
      </c>
      <c r="GD27" s="114">
        <v>171840</v>
      </c>
      <c r="GE27" s="114">
        <v>65600</v>
      </c>
      <c r="GF27" s="113">
        <v>581344</v>
      </c>
      <c r="GG27" s="318">
        <v>640144</v>
      </c>
      <c r="GH27" s="115">
        <v>0</v>
      </c>
      <c r="GI27" s="114">
        <v>0</v>
      </c>
      <c r="GJ27" s="112">
        <v>0</v>
      </c>
      <c r="GK27" s="111">
        <v>0</v>
      </c>
      <c r="GL27" s="114">
        <v>0</v>
      </c>
      <c r="GM27" s="114">
        <v>23320</v>
      </c>
      <c r="GN27" s="114">
        <v>0</v>
      </c>
      <c r="GO27" s="114">
        <v>0</v>
      </c>
      <c r="GP27" s="114">
        <v>16544</v>
      </c>
      <c r="GQ27" s="113">
        <v>39864</v>
      </c>
      <c r="GR27" s="116">
        <v>39864</v>
      </c>
      <c r="GS27" s="110">
        <v>0</v>
      </c>
      <c r="GT27" s="114">
        <v>0</v>
      </c>
      <c r="GU27" s="113">
        <v>0</v>
      </c>
      <c r="GV27" s="110">
        <v>0</v>
      </c>
      <c r="GW27" s="114">
        <v>0</v>
      </c>
      <c r="GX27" s="114">
        <v>0</v>
      </c>
      <c r="GY27" s="114">
        <v>0</v>
      </c>
      <c r="GZ27" s="114">
        <v>0</v>
      </c>
      <c r="HA27" s="114">
        <v>0</v>
      </c>
      <c r="HB27" s="112">
        <v>0</v>
      </c>
      <c r="HC27" s="116">
        <v>0</v>
      </c>
      <c r="HD27" s="110">
        <v>0</v>
      </c>
      <c r="HE27" s="114">
        <v>0</v>
      </c>
      <c r="HF27" s="112">
        <v>0</v>
      </c>
      <c r="HG27" s="111">
        <v>0</v>
      </c>
      <c r="HH27" s="114">
        <v>353793</v>
      </c>
      <c r="HI27" s="114">
        <v>341192</v>
      </c>
      <c r="HJ27" s="114">
        <v>190928</v>
      </c>
      <c r="HK27" s="114">
        <v>416968</v>
      </c>
      <c r="HL27" s="114">
        <v>0</v>
      </c>
      <c r="HM27" s="113">
        <v>1302881</v>
      </c>
      <c r="HN27" s="116">
        <v>1302881</v>
      </c>
      <c r="HO27" s="503"/>
      <c r="HP27" s="329"/>
      <c r="HQ27" s="330"/>
      <c r="HR27" s="331"/>
      <c r="HS27" s="329"/>
      <c r="HT27" s="329"/>
      <c r="HU27" s="329"/>
      <c r="HV27" s="329"/>
      <c r="HW27" s="329"/>
      <c r="HX27" s="329"/>
      <c r="HY27" s="510"/>
      <c r="HZ27" s="133">
        <v>0</v>
      </c>
      <c r="IA27" s="132">
        <v>72096</v>
      </c>
      <c r="IB27" s="133">
        <v>72096</v>
      </c>
      <c r="IC27" s="146">
        <v>0</v>
      </c>
      <c r="ID27" s="132">
        <v>793126</v>
      </c>
      <c r="IE27" s="147">
        <v>1224915</v>
      </c>
      <c r="IF27" s="133">
        <v>256987</v>
      </c>
      <c r="IG27" s="132">
        <v>1363456</v>
      </c>
      <c r="IH27" s="133">
        <v>0</v>
      </c>
      <c r="II27" s="148">
        <v>3638484</v>
      </c>
      <c r="IJ27" s="139">
        <v>3710580</v>
      </c>
      <c r="IK27" s="232">
        <v>0</v>
      </c>
      <c r="IL27" s="236">
        <v>0</v>
      </c>
      <c r="IM27" s="237">
        <v>0</v>
      </c>
      <c r="IN27" s="140"/>
      <c r="IO27" s="119">
        <v>0</v>
      </c>
      <c r="IP27" s="119">
        <v>0</v>
      </c>
      <c r="IQ27" s="119">
        <v>161088</v>
      </c>
      <c r="IR27" s="119">
        <v>0</v>
      </c>
      <c r="IS27" s="119">
        <v>0</v>
      </c>
      <c r="IT27" s="141">
        <v>161088</v>
      </c>
      <c r="IU27" s="320">
        <v>161088</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153472</v>
      </c>
      <c r="JL27" s="119">
        <v>301392</v>
      </c>
      <c r="JM27" s="119">
        <v>20488</v>
      </c>
      <c r="JN27" s="119">
        <v>338968</v>
      </c>
      <c r="JO27" s="119">
        <v>0</v>
      </c>
      <c r="JP27" s="120">
        <v>814320</v>
      </c>
      <c r="JQ27" s="320">
        <v>814320</v>
      </c>
      <c r="JR27" s="142">
        <v>0</v>
      </c>
      <c r="JS27" s="119">
        <v>0</v>
      </c>
      <c r="JT27" s="141">
        <v>0</v>
      </c>
      <c r="JU27" s="118">
        <v>0</v>
      </c>
      <c r="JV27" s="119">
        <v>0</v>
      </c>
      <c r="JW27" s="119">
        <v>0</v>
      </c>
      <c r="JX27" s="119">
        <v>75411</v>
      </c>
      <c r="JY27" s="119">
        <v>143528</v>
      </c>
      <c r="JZ27" s="119">
        <v>0</v>
      </c>
      <c r="KA27" s="120">
        <v>218939</v>
      </c>
      <c r="KB27" s="320">
        <v>218939</v>
      </c>
      <c r="KC27" s="234">
        <v>0</v>
      </c>
      <c r="KD27" s="230">
        <v>72096</v>
      </c>
      <c r="KE27" s="120">
        <v>72096</v>
      </c>
      <c r="KF27" s="118">
        <v>0</v>
      </c>
      <c r="KG27" s="119">
        <v>409136</v>
      </c>
      <c r="KH27" s="119">
        <v>449880</v>
      </c>
      <c r="KI27" s="119">
        <v>0</v>
      </c>
      <c r="KJ27" s="119">
        <v>0</v>
      </c>
      <c r="KK27" s="119">
        <v>0</v>
      </c>
      <c r="KL27" s="120">
        <v>859016</v>
      </c>
      <c r="KM27" s="143">
        <v>931112</v>
      </c>
      <c r="KN27" s="232">
        <v>0</v>
      </c>
      <c r="KO27" s="236">
        <v>0</v>
      </c>
      <c r="KP27" s="237">
        <v>0</v>
      </c>
      <c r="KQ27" s="140"/>
      <c r="KR27" s="119">
        <v>230518</v>
      </c>
      <c r="KS27" s="119">
        <v>473643</v>
      </c>
      <c r="KT27" s="119">
        <v>0</v>
      </c>
      <c r="KU27" s="119">
        <v>0</v>
      </c>
      <c r="KV27" s="119">
        <v>0</v>
      </c>
      <c r="KW27" s="120">
        <v>704161</v>
      </c>
      <c r="KX27" s="320">
        <v>704161</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880960</v>
      </c>
      <c r="LR27" s="119">
        <v>0</v>
      </c>
      <c r="LS27" s="120">
        <v>880960</v>
      </c>
      <c r="LT27" s="320">
        <v>880960</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140864</v>
      </c>
      <c r="ML27" s="119">
        <v>1049985</v>
      </c>
      <c r="MM27" s="119">
        <v>1203746</v>
      </c>
      <c r="MN27" s="119">
        <v>589876</v>
      </c>
      <c r="MO27" s="120">
        <v>2984471</v>
      </c>
      <c r="MP27" s="143">
        <v>2984471</v>
      </c>
      <c r="MQ27" s="142">
        <v>0</v>
      </c>
      <c r="MR27" s="119">
        <v>0</v>
      </c>
      <c r="MS27" s="120">
        <v>0</v>
      </c>
      <c r="MT27" s="145"/>
      <c r="MU27" s="119">
        <v>0</v>
      </c>
      <c r="MV27" s="119">
        <v>0</v>
      </c>
      <c r="MW27" s="119">
        <v>487024</v>
      </c>
      <c r="MX27" s="119">
        <v>720143</v>
      </c>
      <c r="MY27" s="119">
        <v>589876</v>
      </c>
      <c r="MZ27" s="120">
        <v>1797043</v>
      </c>
      <c r="NA27" s="143">
        <v>1797043</v>
      </c>
      <c r="NB27" s="142">
        <v>0</v>
      </c>
      <c r="NC27" s="119">
        <v>0</v>
      </c>
      <c r="ND27" s="120">
        <v>0</v>
      </c>
      <c r="NE27" s="145"/>
      <c r="NF27" s="119">
        <v>0</v>
      </c>
      <c r="NG27" s="119">
        <v>140864</v>
      </c>
      <c r="NH27" s="119">
        <v>562961</v>
      </c>
      <c r="NI27" s="119">
        <v>483603</v>
      </c>
      <c r="NJ27" s="119">
        <v>0</v>
      </c>
      <c r="NK27" s="120">
        <v>1187428</v>
      </c>
      <c r="NL27" s="320">
        <v>1187428</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3200</v>
      </c>
      <c r="OJ27" s="119">
        <v>159088</v>
      </c>
      <c r="OK27" s="141">
        <v>162288</v>
      </c>
      <c r="OL27" s="118">
        <v>0</v>
      </c>
      <c r="OM27" s="119">
        <v>1868784</v>
      </c>
      <c r="ON27" s="119">
        <v>3000435</v>
      </c>
      <c r="OO27" s="119">
        <v>2505320</v>
      </c>
      <c r="OP27" s="119">
        <v>4391029</v>
      </c>
      <c r="OQ27" s="119">
        <v>1218628</v>
      </c>
      <c r="OR27" s="120">
        <v>12984196</v>
      </c>
      <c r="OS27" s="143">
        <v>13146484</v>
      </c>
    </row>
    <row r="28" spans="2:409" ht="21" customHeight="1" x14ac:dyDescent="0.2">
      <c r="B28" s="126" t="s">
        <v>23</v>
      </c>
      <c r="C28" s="110">
        <v>191750</v>
      </c>
      <c r="D28" s="114">
        <v>180176</v>
      </c>
      <c r="E28" s="113">
        <v>371926</v>
      </c>
      <c r="F28" s="109">
        <v>0</v>
      </c>
      <c r="G28" s="114">
        <v>2979408</v>
      </c>
      <c r="H28" s="114">
        <v>3324293</v>
      </c>
      <c r="I28" s="114">
        <v>2294569</v>
      </c>
      <c r="J28" s="114">
        <v>2169950</v>
      </c>
      <c r="K28" s="114">
        <v>1817376</v>
      </c>
      <c r="L28" s="173">
        <v>12585596</v>
      </c>
      <c r="M28" s="116">
        <v>12957522</v>
      </c>
      <c r="N28" s="110">
        <v>72463</v>
      </c>
      <c r="O28" s="114">
        <v>118825</v>
      </c>
      <c r="P28" s="113">
        <v>191288</v>
      </c>
      <c r="Q28" s="110">
        <v>0</v>
      </c>
      <c r="R28" s="114">
        <v>532578</v>
      </c>
      <c r="S28" s="114">
        <v>1115970</v>
      </c>
      <c r="T28" s="114">
        <v>708492</v>
      </c>
      <c r="U28" s="114">
        <v>481707</v>
      </c>
      <c r="V28" s="114">
        <v>878737</v>
      </c>
      <c r="W28" s="113">
        <v>3717484</v>
      </c>
      <c r="X28" s="116">
        <v>3908772</v>
      </c>
      <c r="Y28" s="110">
        <v>0</v>
      </c>
      <c r="Z28" s="114">
        <v>0</v>
      </c>
      <c r="AA28" s="113">
        <v>0</v>
      </c>
      <c r="AB28" s="110">
        <v>0</v>
      </c>
      <c r="AC28" s="114">
        <v>64069</v>
      </c>
      <c r="AD28" s="114">
        <v>523532</v>
      </c>
      <c r="AE28" s="114">
        <v>341106</v>
      </c>
      <c r="AF28" s="114">
        <v>335858</v>
      </c>
      <c r="AG28" s="114">
        <v>661924</v>
      </c>
      <c r="AH28" s="113">
        <v>1926489</v>
      </c>
      <c r="AI28" s="116">
        <v>1926489</v>
      </c>
      <c r="AJ28" s="110">
        <v>0</v>
      </c>
      <c r="AK28" s="114">
        <v>0</v>
      </c>
      <c r="AL28" s="113">
        <v>0</v>
      </c>
      <c r="AM28" s="110">
        <v>0</v>
      </c>
      <c r="AN28" s="114">
        <v>0</v>
      </c>
      <c r="AO28" s="114">
        <v>46195</v>
      </c>
      <c r="AP28" s="114">
        <v>46763</v>
      </c>
      <c r="AQ28" s="114">
        <v>0</v>
      </c>
      <c r="AR28" s="114">
        <v>13727</v>
      </c>
      <c r="AS28" s="113">
        <v>106685</v>
      </c>
      <c r="AT28" s="116">
        <v>106685</v>
      </c>
      <c r="AU28" s="110">
        <v>27083</v>
      </c>
      <c r="AV28" s="114">
        <v>118825</v>
      </c>
      <c r="AW28" s="113">
        <v>145908</v>
      </c>
      <c r="AX28" s="110">
        <v>0</v>
      </c>
      <c r="AY28" s="114">
        <v>195352</v>
      </c>
      <c r="AZ28" s="114">
        <v>391690</v>
      </c>
      <c r="BA28" s="114">
        <v>194975</v>
      </c>
      <c r="BB28" s="114">
        <v>24361</v>
      </c>
      <c r="BC28" s="114">
        <v>79358</v>
      </c>
      <c r="BD28" s="113">
        <v>885736</v>
      </c>
      <c r="BE28" s="116">
        <v>1031644</v>
      </c>
      <c r="BF28" s="110">
        <v>5252</v>
      </c>
      <c r="BG28" s="114">
        <v>0</v>
      </c>
      <c r="BH28" s="112">
        <v>5252</v>
      </c>
      <c r="BI28" s="111">
        <v>0</v>
      </c>
      <c r="BJ28" s="114">
        <v>21933</v>
      </c>
      <c r="BK28" s="114">
        <v>21353</v>
      </c>
      <c r="BL28" s="114">
        <v>0</v>
      </c>
      <c r="BM28" s="114">
        <v>0</v>
      </c>
      <c r="BN28" s="114">
        <v>0</v>
      </c>
      <c r="BO28" s="113">
        <v>43286</v>
      </c>
      <c r="BP28" s="116">
        <v>48538</v>
      </c>
      <c r="BQ28" s="110">
        <v>40128</v>
      </c>
      <c r="BR28" s="114">
        <v>0</v>
      </c>
      <c r="BS28" s="113">
        <v>40128</v>
      </c>
      <c r="BT28" s="110">
        <v>0</v>
      </c>
      <c r="BU28" s="114">
        <v>251224</v>
      </c>
      <c r="BV28" s="114">
        <v>133200</v>
      </c>
      <c r="BW28" s="114">
        <v>125648</v>
      </c>
      <c r="BX28" s="114">
        <v>121488</v>
      </c>
      <c r="BY28" s="114">
        <v>123728</v>
      </c>
      <c r="BZ28" s="113">
        <v>755288</v>
      </c>
      <c r="CA28" s="116">
        <v>795416</v>
      </c>
      <c r="CB28" s="110">
        <v>0</v>
      </c>
      <c r="CC28" s="114">
        <v>0</v>
      </c>
      <c r="CD28" s="113">
        <v>0</v>
      </c>
      <c r="CE28" s="110">
        <v>0</v>
      </c>
      <c r="CF28" s="114">
        <v>1041334</v>
      </c>
      <c r="CG28" s="114">
        <v>1189477</v>
      </c>
      <c r="CH28" s="114">
        <v>1200185</v>
      </c>
      <c r="CI28" s="114">
        <v>415599</v>
      </c>
      <c r="CJ28" s="114">
        <v>162838</v>
      </c>
      <c r="CK28" s="113">
        <v>4009433</v>
      </c>
      <c r="CL28" s="116">
        <v>4009433</v>
      </c>
      <c r="CM28" s="110">
        <v>0</v>
      </c>
      <c r="CN28" s="114">
        <v>0</v>
      </c>
      <c r="CO28" s="113">
        <v>0</v>
      </c>
      <c r="CP28" s="111">
        <v>0</v>
      </c>
      <c r="CQ28" s="114">
        <v>853318</v>
      </c>
      <c r="CR28" s="114">
        <v>863931</v>
      </c>
      <c r="CS28" s="114">
        <v>944288</v>
      </c>
      <c r="CT28" s="114">
        <v>415599</v>
      </c>
      <c r="CU28" s="114">
        <v>63106</v>
      </c>
      <c r="CV28" s="113">
        <v>3140242</v>
      </c>
      <c r="CW28" s="116">
        <v>3140242</v>
      </c>
      <c r="CX28" s="110">
        <v>0</v>
      </c>
      <c r="CY28" s="114">
        <v>0</v>
      </c>
      <c r="CZ28" s="113">
        <v>0</v>
      </c>
      <c r="DA28" s="110">
        <v>0</v>
      </c>
      <c r="DB28" s="114">
        <v>188016</v>
      </c>
      <c r="DC28" s="114">
        <v>325546</v>
      </c>
      <c r="DD28" s="114">
        <v>255897</v>
      </c>
      <c r="DE28" s="114">
        <v>0</v>
      </c>
      <c r="DF28" s="114">
        <v>99732</v>
      </c>
      <c r="DG28" s="113">
        <v>869191</v>
      </c>
      <c r="DH28" s="116">
        <v>869191</v>
      </c>
      <c r="DI28" s="110">
        <v>0</v>
      </c>
      <c r="DJ28" s="114">
        <v>29527</v>
      </c>
      <c r="DK28" s="112">
        <v>29527</v>
      </c>
      <c r="DL28" s="111">
        <v>0</v>
      </c>
      <c r="DM28" s="114">
        <v>107892</v>
      </c>
      <c r="DN28" s="114">
        <v>140897</v>
      </c>
      <c r="DO28" s="114">
        <v>216548</v>
      </c>
      <c r="DP28" s="114">
        <v>167701</v>
      </c>
      <c r="DQ28" s="114">
        <v>165817</v>
      </c>
      <c r="DR28" s="113">
        <v>798855</v>
      </c>
      <c r="DS28" s="116">
        <v>828382</v>
      </c>
      <c r="DT28" s="110">
        <v>0</v>
      </c>
      <c r="DU28" s="114">
        <v>0</v>
      </c>
      <c r="DV28" s="113">
        <v>0</v>
      </c>
      <c r="DW28" s="110">
        <v>0</v>
      </c>
      <c r="DX28" s="114">
        <v>68784</v>
      </c>
      <c r="DY28" s="114">
        <v>140897</v>
      </c>
      <c r="DZ28" s="114">
        <v>216548</v>
      </c>
      <c r="EA28" s="114">
        <v>167701</v>
      </c>
      <c r="EB28" s="114">
        <v>71317</v>
      </c>
      <c r="EC28" s="113">
        <v>665247</v>
      </c>
      <c r="ED28" s="116">
        <v>665247</v>
      </c>
      <c r="EE28" s="110">
        <v>0</v>
      </c>
      <c r="EF28" s="112">
        <v>29527</v>
      </c>
      <c r="EG28" s="113">
        <v>29527</v>
      </c>
      <c r="EH28" s="110">
        <v>0</v>
      </c>
      <c r="EI28" s="114">
        <v>39108</v>
      </c>
      <c r="EJ28" s="114">
        <v>0</v>
      </c>
      <c r="EK28" s="114">
        <v>0</v>
      </c>
      <c r="EL28" s="114">
        <v>0</v>
      </c>
      <c r="EM28" s="114">
        <v>94500</v>
      </c>
      <c r="EN28" s="112">
        <v>133608</v>
      </c>
      <c r="EO28" s="116">
        <v>163135</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11120</v>
      </c>
      <c r="FM28" s="114">
        <v>31824</v>
      </c>
      <c r="FN28" s="113">
        <v>42944</v>
      </c>
      <c r="FO28" s="110">
        <v>0</v>
      </c>
      <c r="FP28" s="114">
        <v>123544</v>
      </c>
      <c r="FQ28" s="114">
        <v>340032</v>
      </c>
      <c r="FR28" s="114">
        <v>169344</v>
      </c>
      <c r="FS28" s="114">
        <v>103512</v>
      </c>
      <c r="FT28" s="114">
        <v>135904</v>
      </c>
      <c r="FU28" s="113">
        <v>872336</v>
      </c>
      <c r="FV28" s="116">
        <v>915280</v>
      </c>
      <c r="FW28" s="115">
        <v>11120</v>
      </c>
      <c r="FX28" s="114">
        <v>31824</v>
      </c>
      <c r="FY28" s="112">
        <v>42944</v>
      </c>
      <c r="FZ28" s="111">
        <v>0</v>
      </c>
      <c r="GA28" s="114">
        <v>97144</v>
      </c>
      <c r="GB28" s="114">
        <v>340032</v>
      </c>
      <c r="GC28" s="114">
        <v>169344</v>
      </c>
      <c r="GD28" s="114">
        <v>103512</v>
      </c>
      <c r="GE28" s="114">
        <v>135904</v>
      </c>
      <c r="GF28" s="113">
        <v>845936</v>
      </c>
      <c r="GG28" s="318">
        <v>888880</v>
      </c>
      <c r="GH28" s="115">
        <v>0</v>
      </c>
      <c r="GI28" s="114">
        <v>0</v>
      </c>
      <c r="GJ28" s="112">
        <v>0</v>
      </c>
      <c r="GK28" s="111">
        <v>0</v>
      </c>
      <c r="GL28" s="114">
        <v>0</v>
      </c>
      <c r="GM28" s="114">
        <v>0</v>
      </c>
      <c r="GN28" s="114">
        <v>0</v>
      </c>
      <c r="GO28" s="114">
        <v>0</v>
      </c>
      <c r="GP28" s="114">
        <v>0</v>
      </c>
      <c r="GQ28" s="113">
        <v>0</v>
      </c>
      <c r="GR28" s="116">
        <v>0</v>
      </c>
      <c r="GS28" s="110">
        <v>0</v>
      </c>
      <c r="GT28" s="114">
        <v>0</v>
      </c>
      <c r="GU28" s="113">
        <v>0</v>
      </c>
      <c r="GV28" s="110">
        <v>0</v>
      </c>
      <c r="GW28" s="114">
        <v>26400</v>
      </c>
      <c r="GX28" s="114">
        <v>0</v>
      </c>
      <c r="GY28" s="114">
        <v>0</v>
      </c>
      <c r="GZ28" s="114">
        <v>0</v>
      </c>
      <c r="HA28" s="114">
        <v>0</v>
      </c>
      <c r="HB28" s="112">
        <v>26400</v>
      </c>
      <c r="HC28" s="116">
        <v>26400</v>
      </c>
      <c r="HD28" s="110">
        <v>108167</v>
      </c>
      <c r="HE28" s="114">
        <v>0</v>
      </c>
      <c r="HF28" s="112">
        <v>108167</v>
      </c>
      <c r="HG28" s="111">
        <v>0</v>
      </c>
      <c r="HH28" s="114">
        <v>1174060</v>
      </c>
      <c r="HI28" s="114">
        <v>537917</v>
      </c>
      <c r="HJ28" s="114">
        <v>0</v>
      </c>
      <c r="HK28" s="114">
        <v>1001431</v>
      </c>
      <c r="HL28" s="114">
        <v>474080</v>
      </c>
      <c r="HM28" s="113">
        <v>3187488</v>
      </c>
      <c r="HN28" s="116">
        <v>3295655</v>
      </c>
      <c r="HO28" s="503"/>
      <c r="HP28" s="329"/>
      <c r="HQ28" s="330"/>
      <c r="HR28" s="331"/>
      <c r="HS28" s="329"/>
      <c r="HT28" s="329"/>
      <c r="HU28" s="329"/>
      <c r="HV28" s="329"/>
      <c r="HW28" s="329"/>
      <c r="HX28" s="329"/>
      <c r="HY28" s="510"/>
      <c r="HZ28" s="150">
        <v>0</v>
      </c>
      <c r="IA28" s="135">
        <v>0</v>
      </c>
      <c r="IB28" s="150">
        <v>0</v>
      </c>
      <c r="IC28" s="134">
        <v>0</v>
      </c>
      <c r="ID28" s="135">
        <v>533056</v>
      </c>
      <c r="IE28" s="136">
        <v>94550</v>
      </c>
      <c r="IF28" s="137">
        <v>841204</v>
      </c>
      <c r="IG28" s="135">
        <v>1075311</v>
      </c>
      <c r="IH28" s="137">
        <v>0</v>
      </c>
      <c r="II28" s="138">
        <v>2544121</v>
      </c>
      <c r="IJ28" s="150">
        <v>2544121</v>
      </c>
      <c r="IK28" s="232">
        <v>0</v>
      </c>
      <c r="IL28" s="236">
        <v>0</v>
      </c>
      <c r="IM28" s="237">
        <v>0</v>
      </c>
      <c r="IN28" s="140"/>
      <c r="IO28" s="119">
        <v>0</v>
      </c>
      <c r="IP28" s="119">
        <v>0</v>
      </c>
      <c r="IQ28" s="119">
        <v>0</v>
      </c>
      <c r="IR28" s="119">
        <v>0</v>
      </c>
      <c r="IS28" s="119">
        <v>0</v>
      </c>
      <c r="IT28" s="141">
        <v>0</v>
      </c>
      <c r="IU28" s="320">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52709</v>
      </c>
      <c r="JL28" s="119">
        <v>94550</v>
      </c>
      <c r="JM28" s="119">
        <v>65390</v>
      </c>
      <c r="JN28" s="119">
        <v>280160</v>
      </c>
      <c r="JO28" s="119">
        <v>0</v>
      </c>
      <c r="JP28" s="120">
        <v>492809</v>
      </c>
      <c r="JQ28" s="320">
        <v>492809</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480347</v>
      </c>
      <c r="KS28" s="119">
        <v>0</v>
      </c>
      <c r="KT28" s="119">
        <v>775814</v>
      </c>
      <c r="KU28" s="119">
        <v>795151</v>
      </c>
      <c r="KV28" s="119">
        <v>0</v>
      </c>
      <c r="KW28" s="120">
        <v>2051312</v>
      </c>
      <c r="KX28" s="320">
        <v>2051312</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529690</v>
      </c>
      <c r="MK28" s="119">
        <v>274383</v>
      </c>
      <c r="ML28" s="119">
        <v>692547</v>
      </c>
      <c r="MM28" s="119">
        <v>1736806</v>
      </c>
      <c r="MN28" s="119">
        <v>308752</v>
      </c>
      <c r="MO28" s="120">
        <v>3542178</v>
      </c>
      <c r="MP28" s="143">
        <v>3542178</v>
      </c>
      <c r="MQ28" s="142">
        <v>0</v>
      </c>
      <c r="MR28" s="119">
        <v>0</v>
      </c>
      <c r="MS28" s="120">
        <v>0</v>
      </c>
      <c r="MT28" s="145"/>
      <c r="MU28" s="119">
        <v>227007</v>
      </c>
      <c r="MV28" s="119">
        <v>0</v>
      </c>
      <c r="MW28" s="119">
        <v>259769</v>
      </c>
      <c r="MX28" s="119">
        <v>1192224</v>
      </c>
      <c r="MY28" s="119">
        <v>0</v>
      </c>
      <c r="MZ28" s="120">
        <v>1679000</v>
      </c>
      <c r="NA28" s="143">
        <v>1679000</v>
      </c>
      <c r="NB28" s="142">
        <v>0</v>
      </c>
      <c r="NC28" s="119">
        <v>0</v>
      </c>
      <c r="ND28" s="120">
        <v>0</v>
      </c>
      <c r="NE28" s="145"/>
      <c r="NF28" s="119">
        <v>302683</v>
      </c>
      <c r="NG28" s="119">
        <v>274383</v>
      </c>
      <c r="NH28" s="119">
        <v>432778</v>
      </c>
      <c r="NI28" s="119">
        <v>544582</v>
      </c>
      <c r="NJ28" s="119">
        <v>308752</v>
      </c>
      <c r="NK28" s="120">
        <v>1863178</v>
      </c>
      <c r="NL28" s="320">
        <v>1863178</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0</v>
      </c>
      <c r="OG28" s="120">
        <v>0</v>
      </c>
      <c r="OH28" s="121">
        <v>0</v>
      </c>
      <c r="OI28" s="142">
        <v>191750</v>
      </c>
      <c r="OJ28" s="119">
        <v>180176</v>
      </c>
      <c r="OK28" s="141">
        <v>371926</v>
      </c>
      <c r="OL28" s="118">
        <v>0</v>
      </c>
      <c r="OM28" s="119">
        <v>4042154</v>
      </c>
      <c r="ON28" s="119">
        <v>3693226</v>
      </c>
      <c r="OO28" s="119">
        <v>3828320</v>
      </c>
      <c r="OP28" s="119">
        <v>4982067</v>
      </c>
      <c r="OQ28" s="119">
        <v>2126128</v>
      </c>
      <c r="OR28" s="120">
        <v>18671895</v>
      </c>
      <c r="OS28" s="143">
        <v>19043821</v>
      </c>
    </row>
    <row r="29" spans="2:409" ht="21" customHeight="1" x14ac:dyDescent="0.2">
      <c r="B29" s="126" t="s">
        <v>24</v>
      </c>
      <c r="C29" s="110">
        <v>293941</v>
      </c>
      <c r="D29" s="114">
        <v>217427</v>
      </c>
      <c r="E29" s="113">
        <v>511368</v>
      </c>
      <c r="F29" s="109">
        <v>0</v>
      </c>
      <c r="G29" s="114">
        <v>2464334</v>
      </c>
      <c r="H29" s="114">
        <v>2561019</v>
      </c>
      <c r="I29" s="114">
        <v>2212814</v>
      </c>
      <c r="J29" s="114">
        <v>806255</v>
      </c>
      <c r="K29" s="114">
        <v>1686217</v>
      </c>
      <c r="L29" s="173">
        <v>9730639</v>
      </c>
      <c r="M29" s="116">
        <v>10242007</v>
      </c>
      <c r="N29" s="110">
        <v>61154</v>
      </c>
      <c r="O29" s="114">
        <v>45624</v>
      </c>
      <c r="P29" s="113">
        <v>106778</v>
      </c>
      <c r="Q29" s="110">
        <v>0</v>
      </c>
      <c r="R29" s="114">
        <v>971324</v>
      </c>
      <c r="S29" s="114">
        <v>631849</v>
      </c>
      <c r="T29" s="114">
        <v>870766</v>
      </c>
      <c r="U29" s="114">
        <v>337783</v>
      </c>
      <c r="V29" s="114">
        <v>1199496</v>
      </c>
      <c r="W29" s="113">
        <v>4011218</v>
      </c>
      <c r="X29" s="116">
        <v>4117996</v>
      </c>
      <c r="Y29" s="110">
        <v>0</v>
      </c>
      <c r="Z29" s="114">
        <v>0</v>
      </c>
      <c r="AA29" s="113">
        <v>0</v>
      </c>
      <c r="AB29" s="110">
        <v>0</v>
      </c>
      <c r="AC29" s="114">
        <v>386381</v>
      </c>
      <c r="AD29" s="114">
        <v>281526</v>
      </c>
      <c r="AE29" s="114">
        <v>451845</v>
      </c>
      <c r="AF29" s="114">
        <v>160527</v>
      </c>
      <c r="AG29" s="114">
        <v>648273</v>
      </c>
      <c r="AH29" s="113">
        <v>1928552</v>
      </c>
      <c r="AI29" s="116">
        <v>1928552</v>
      </c>
      <c r="AJ29" s="110">
        <v>0</v>
      </c>
      <c r="AK29" s="114">
        <v>0</v>
      </c>
      <c r="AL29" s="113">
        <v>0</v>
      </c>
      <c r="AM29" s="110">
        <v>0</v>
      </c>
      <c r="AN29" s="114">
        <v>0</v>
      </c>
      <c r="AO29" s="114">
        <v>0</v>
      </c>
      <c r="AP29" s="114">
        <v>0</v>
      </c>
      <c r="AQ29" s="114">
        <v>48292</v>
      </c>
      <c r="AR29" s="114">
        <v>129837</v>
      </c>
      <c r="AS29" s="113">
        <v>178129</v>
      </c>
      <c r="AT29" s="116">
        <v>178129</v>
      </c>
      <c r="AU29" s="110">
        <v>32506</v>
      </c>
      <c r="AV29" s="114">
        <v>0</v>
      </c>
      <c r="AW29" s="113">
        <v>32506</v>
      </c>
      <c r="AX29" s="110">
        <v>0</v>
      </c>
      <c r="AY29" s="114">
        <v>428131</v>
      </c>
      <c r="AZ29" s="114">
        <v>165540</v>
      </c>
      <c r="BA29" s="114">
        <v>263369</v>
      </c>
      <c r="BB29" s="114">
        <v>20006</v>
      </c>
      <c r="BC29" s="114">
        <v>313154</v>
      </c>
      <c r="BD29" s="113">
        <v>1190200</v>
      </c>
      <c r="BE29" s="116">
        <v>1222706</v>
      </c>
      <c r="BF29" s="110">
        <v>0</v>
      </c>
      <c r="BG29" s="114">
        <v>0</v>
      </c>
      <c r="BH29" s="112">
        <v>0</v>
      </c>
      <c r="BI29" s="111">
        <v>0</v>
      </c>
      <c r="BJ29" s="114">
        <v>35868</v>
      </c>
      <c r="BK29" s="114">
        <v>74831</v>
      </c>
      <c r="BL29" s="114">
        <v>0</v>
      </c>
      <c r="BM29" s="114">
        <v>78702</v>
      </c>
      <c r="BN29" s="114">
        <v>0</v>
      </c>
      <c r="BO29" s="113">
        <v>189401</v>
      </c>
      <c r="BP29" s="116">
        <v>189401</v>
      </c>
      <c r="BQ29" s="110">
        <v>28648</v>
      </c>
      <c r="BR29" s="114">
        <v>45624</v>
      </c>
      <c r="BS29" s="113">
        <v>74272</v>
      </c>
      <c r="BT29" s="110">
        <v>0</v>
      </c>
      <c r="BU29" s="114">
        <v>120944</v>
      </c>
      <c r="BV29" s="114">
        <v>109952</v>
      </c>
      <c r="BW29" s="114">
        <v>155552</v>
      </c>
      <c r="BX29" s="114">
        <v>30256</v>
      </c>
      <c r="BY29" s="114">
        <v>108232</v>
      </c>
      <c r="BZ29" s="113">
        <v>524936</v>
      </c>
      <c r="CA29" s="116">
        <v>599208</v>
      </c>
      <c r="CB29" s="110">
        <v>41484</v>
      </c>
      <c r="CC29" s="114">
        <v>74094</v>
      </c>
      <c r="CD29" s="113">
        <v>115578</v>
      </c>
      <c r="CE29" s="110">
        <v>0</v>
      </c>
      <c r="CF29" s="114">
        <v>684220</v>
      </c>
      <c r="CG29" s="114">
        <v>1011842</v>
      </c>
      <c r="CH29" s="114">
        <v>525926</v>
      </c>
      <c r="CI29" s="114">
        <v>121165</v>
      </c>
      <c r="CJ29" s="114">
        <v>37382</v>
      </c>
      <c r="CK29" s="113">
        <v>2380535</v>
      </c>
      <c r="CL29" s="116">
        <v>2496113</v>
      </c>
      <c r="CM29" s="110">
        <v>0</v>
      </c>
      <c r="CN29" s="114">
        <v>0</v>
      </c>
      <c r="CO29" s="113">
        <v>0</v>
      </c>
      <c r="CP29" s="111">
        <v>0</v>
      </c>
      <c r="CQ29" s="114">
        <v>566683</v>
      </c>
      <c r="CR29" s="114">
        <v>709319</v>
      </c>
      <c r="CS29" s="114">
        <v>436215</v>
      </c>
      <c r="CT29" s="114">
        <v>0</v>
      </c>
      <c r="CU29" s="114">
        <v>37382</v>
      </c>
      <c r="CV29" s="113">
        <v>1749599</v>
      </c>
      <c r="CW29" s="116">
        <v>1749599</v>
      </c>
      <c r="CX29" s="110">
        <v>41484</v>
      </c>
      <c r="CY29" s="114">
        <v>74094</v>
      </c>
      <c r="CZ29" s="113">
        <v>115578</v>
      </c>
      <c r="DA29" s="110">
        <v>0</v>
      </c>
      <c r="DB29" s="114">
        <v>117537</v>
      </c>
      <c r="DC29" s="114">
        <v>302523</v>
      </c>
      <c r="DD29" s="114">
        <v>89711</v>
      </c>
      <c r="DE29" s="114">
        <v>121165</v>
      </c>
      <c r="DF29" s="114">
        <v>0</v>
      </c>
      <c r="DG29" s="113">
        <v>630936</v>
      </c>
      <c r="DH29" s="116">
        <v>746514</v>
      </c>
      <c r="DI29" s="110">
        <v>0</v>
      </c>
      <c r="DJ29" s="114">
        <v>0</v>
      </c>
      <c r="DK29" s="112">
        <v>0</v>
      </c>
      <c r="DL29" s="111">
        <v>0</v>
      </c>
      <c r="DM29" s="114">
        <v>79780</v>
      </c>
      <c r="DN29" s="114">
        <v>210053</v>
      </c>
      <c r="DO29" s="114">
        <v>25581</v>
      </c>
      <c r="DP29" s="114">
        <v>29344</v>
      </c>
      <c r="DQ29" s="114">
        <v>149355</v>
      </c>
      <c r="DR29" s="113">
        <v>494113</v>
      </c>
      <c r="DS29" s="116">
        <v>494113</v>
      </c>
      <c r="DT29" s="110">
        <v>0</v>
      </c>
      <c r="DU29" s="114">
        <v>0</v>
      </c>
      <c r="DV29" s="113">
        <v>0</v>
      </c>
      <c r="DW29" s="110">
        <v>0</v>
      </c>
      <c r="DX29" s="114">
        <v>79780</v>
      </c>
      <c r="DY29" s="114">
        <v>210053</v>
      </c>
      <c r="DZ29" s="114">
        <v>25581</v>
      </c>
      <c r="EA29" s="114">
        <v>29344</v>
      </c>
      <c r="EB29" s="114">
        <v>149355</v>
      </c>
      <c r="EC29" s="113">
        <v>494113</v>
      </c>
      <c r="ED29" s="116">
        <v>494113</v>
      </c>
      <c r="EE29" s="110">
        <v>0</v>
      </c>
      <c r="EF29" s="112">
        <v>0</v>
      </c>
      <c r="EG29" s="113">
        <v>0</v>
      </c>
      <c r="EH29" s="110">
        <v>0</v>
      </c>
      <c r="EI29" s="114">
        <v>0</v>
      </c>
      <c r="EJ29" s="114">
        <v>0</v>
      </c>
      <c r="EK29" s="114">
        <v>0</v>
      </c>
      <c r="EL29" s="114">
        <v>0</v>
      </c>
      <c r="EM29" s="114">
        <v>0</v>
      </c>
      <c r="EN29" s="112">
        <v>0</v>
      </c>
      <c r="EO29" s="116">
        <v>0</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28800</v>
      </c>
      <c r="FM29" s="114">
        <v>6800</v>
      </c>
      <c r="FN29" s="113">
        <v>35600</v>
      </c>
      <c r="FO29" s="110">
        <v>0</v>
      </c>
      <c r="FP29" s="114">
        <v>243904</v>
      </c>
      <c r="FQ29" s="114">
        <v>156152</v>
      </c>
      <c r="FR29" s="114">
        <v>187720</v>
      </c>
      <c r="FS29" s="114">
        <v>100888</v>
      </c>
      <c r="FT29" s="114">
        <v>68984</v>
      </c>
      <c r="FU29" s="113">
        <v>757648</v>
      </c>
      <c r="FV29" s="116">
        <v>793248</v>
      </c>
      <c r="FW29" s="115">
        <v>28800</v>
      </c>
      <c r="FX29" s="114">
        <v>6800</v>
      </c>
      <c r="FY29" s="112">
        <v>35600</v>
      </c>
      <c r="FZ29" s="111">
        <v>0</v>
      </c>
      <c r="GA29" s="114">
        <v>104704</v>
      </c>
      <c r="GB29" s="114">
        <v>156152</v>
      </c>
      <c r="GC29" s="114">
        <v>187720</v>
      </c>
      <c r="GD29" s="114">
        <v>100888</v>
      </c>
      <c r="GE29" s="114">
        <v>68984</v>
      </c>
      <c r="GF29" s="113">
        <v>618448</v>
      </c>
      <c r="GG29" s="318">
        <v>654048</v>
      </c>
      <c r="GH29" s="115">
        <v>0</v>
      </c>
      <c r="GI29" s="114">
        <v>0</v>
      </c>
      <c r="GJ29" s="112">
        <v>0</v>
      </c>
      <c r="GK29" s="111">
        <v>0</v>
      </c>
      <c r="GL29" s="114">
        <v>0</v>
      </c>
      <c r="GM29" s="114">
        <v>0</v>
      </c>
      <c r="GN29" s="114">
        <v>0</v>
      </c>
      <c r="GO29" s="114">
        <v>0</v>
      </c>
      <c r="GP29" s="114">
        <v>0</v>
      </c>
      <c r="GQ29" s="113">
        <v>0</v>
      </c>
      <c r="GR29" s="116">
        <v>0</v>
      </c>
      <c r="GS29" s="110">
        <v>0</v>
      </c>
      <c r="GT29" s="114">
        <v>0</v>
      </c>
      <c r="GU29" s="113">
        <v>0</v>
      </c>
      <c r="GV29" s="110">
        <v>0</v>
      </c>
      <c r="GW29" s="114">
        <v>139200</v>
      </c>
      <c r="GX29" s="114">
        <v>0</v>
      </c>
      <c r="GY29" s="114">
        <v>0</v>
      </c>
      <c r="GZ29" s="114">
        <v>0</v>
      </c>
      <c r="HA29" s="114">
        <v>0</v>
      </c>
      <c r="HB29" s="112">
        <v>139200</v>
      </c>
      <c r="HC29" s="116">
        <v>139200</v>
      </c>
      <c r="HD29" s="110">
        <v>162503</v>
      </c>
      <c r="HE29" s="114">
        <v>90909</v>
      </c>
      <c r="HF29" s="112">
        <v>253412</v>
      </c>
      <c r="HG29" s="111">
        <v>0</v>
      </c>
      <c r="HH29" s="114">
        <v>485106</v>
      </c>
      <c r="HI29" s="114">
        <v>551123</v>
      </c>
      <c r="HJ29" s="114">
        <v>602821</v>
      </c>
      <c r="HK29" s="114">
        <v>217075</v>
      </c>
      <c r="HL29" s="114">
        <v>231000</v>
      </c>
      <c r="HM29" s="113">
        <v>2087125</v>
      </c>
      <c r="HN29" s="116">
        <v>2340537</v>
      </c>
      <c r="HO29" s="503"/>
      <c r="HP29" s="329"/>
      <c r="HQ29" s="330"/>
      <c r="HR29" s="331"/>
      <c r="HS29" s="329"/>
      <c r="HT29" s="329"/>
      <c r="HU29" s="329"/>
      <c r="HV29" s="329"/>
      <c r="HW29" s="329"/>
      <c r="HX29" s="329"/>
      <c r="HY29" s="510"/>
      <c r="HZ29" s="133">
        <v>0</v>
      </c>
      <c r="IA29" s="132">
        <v>0</v>
      </c>
      <c r="IB29" s="133">
        <v>0</v>
      </c>
      <c r="IC29" s="146">
        <v>0</v>
      </c>
      <c r="ID29" s="132">
        <v>216691</v>
      </c>
      <c r="IE29" s="147">
        <v>169337</v>
      </c>
      <c r="IF29" s="133">
        <v>1040405</v>
      </c>
      <c r="IG29" s="132">
        <v>0</v>
      </c>
      <c r="IH29" s="133">
        <v>251656</v>
      </c>
      <c r="II29" s="148">
        <v>1678089</v>
      </c>
      <c r="IJ29" s="139">
        <v>1678089</v>
      </c>
      <c r="IK29" s="232">
        <v>0</v>
      </c>
      <c r="IL29" s="236">
        <v>0</v>
      </c>
      <c r="IM29" s="237">
        <v>0</v>
      </c>
      <c r="IN29" s="140"/>
      <c r="IO29" s="119">
        <v>0</v>
      </c>
      <c r="IP29" s="119">
        <v>0</v>
      </c>
      <c r="IQ29" s="119">
        <v>158825</v>
      </c>
      <c r="IR29" s="119">
        <v>0</v>
      </c>
      <c r="IS29" s="119">
        <v>0</v>
      </c>
      <c r="IT29" s="141">
        <v>158825</v>
      </c>
      <c r="IU29" s="320">
        <v>158825</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108310</v>
      </c>
      <c r="JL29" s="119">
        <v>0</v>
      </c>
      <c r="JM29" s="119">
        <v>247757</v>
      </c>
      <c r="JN29" s="119">
        <v>0</v>
      </c>
      <c r="JO29" s="119">
        <v>0</v>
      </c>
      <c r="JP29" s="120">
        <v>356067</v>
      </c>
      <c r="JQ29" s="320">
        <v>356067</v>
      </c>
      <c r="JR29" s="142">
        <v>0</v>
      </c>
      <c r="JS29" s="119">
        <v>0</v>
      </c>
      <c r="JT29" s="141">
        <v>0</v>
      </c>
      <c r="JU29" s="118">
        <v>0</v>
      </c>
      <c r="JV29" s="119">
        <v>0</v>
      </c>
      <c r="JW29" s="119">
        <v>0</v>
      </c>
      <c r="JX29" s="119">
        <v>149983</v>
      </c>
      <c r="JY29" s="119">
        <v>0</v>
      </c>
      <c r="JZ29" s="119">
        <v>0</v>
      </c>
      <c r="KA29" s="120">
        <v>149983</v>
      </c>
      <c r="KB29" s="320">
        <v>149983</v>
      </c>
      <c r="KC29" s="234">
        <v>0</v>
      </c>
      <c r="KD29" s="230">
        <v>0</v>
      </c>
      <c r="KE29" s="120">
        <v>0</v>
      </c>
      <c r="KF29" s="118">
        <v>0</v>
      </c>
      <c r="KG29" s="119">
        <v>108381</v>
      </c>
      <c r="KH29" s="119">
        <v>169337</v>
      </c>
      <c r="KI29" s="119">
        <v>0</v>
      </c>
      <c r="KJ29" s="119">
        <v>0</v>
      </c>
      <c r="KK29" s="119">
        <v>0</v>
      </c>
      <c r="KL29" s="120">
        <v>277718</v>
      </c>
      <c r="KM29" s="143">
        <v>277718</v>
      </c>
      <c r="KN29" s="232">
        <v>0</v>
      </c>
      <c r="KO29" s="236">
        <v>0</v>
      </c>
      <c r="KP29" s="237">
        <v>0</v>
      </c>
      <c r="KQ29" s="140"/>
      <c r="KR29" s="119">
        <v>0</v>
      </c>
      <c r="KS29" s="119">
        <v>0</v>
      </c>
      <c r="KT29" s="119">
        <v>483840</v>
      </c>
      <c r="KU29" s="119">
        <v>0</v>
      </c>
      <c r="KV29" s="119">
        <v>251656</v>
      </c>
      <c r="KW29" s="120">
        <v>735496</v>
      </c>
      <c r="KX29" s="320">
        <v>735496</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436861</v>
      </c>
      <c r="MK29" s="119">
        <v>284875</v>
      </c>
      <c r="ML29" s="119">
        <v>887296</v>
      </c>
      <c r="MM29" s="119">
        <v>1781747</v>
      </c>
      <c r="MN29" s="119">
        <v>544309</v>
      </c>
      <c r="MO29" s="120">
        <v>3935088</v>
      </c>
      <c r="MP29" s="143">
        <v>3935088</v>
      </c>
      <c r="MQ29" s="142">
        <v>0</v>
      </c>
      <c r="MR29" s="119">
        <v>0</v>
      </c>
      <c r="MS29" s="120">
        <v>0</v>
      </c>
      <c r="MT29" s="145"/>
      <c r="MU29" s="119">
        <v>0</v>
      </c>
      <c r="MV29" s="119">
        <v>0</v>
      </c>
      <c r="MW29" s="119">
        <v>0</v>
      </c>
      <c r="MX29" s="119">
        <v>1202830</v>
      </c>
      <c r="MY29" s="119">
        <v>544309</v>
      </c>
      <c r="MZ29" s="120">
        <v>1747139</v>
      </c>
      <c r="NA29" s="143">
        <v>1747139</v>
      </c>
      <c r="NB29" s="142">
        <v>0</v>
      </c>
      <c r="NC29" s="119">
        <v>0</v>
      </c>
      <c r="ND29" s="120">
        <v>0</v>
      </c>
      <c r="NE29" s="145"/>
      <c r="NF29" s="119">
        <v>436861</v>
      </c>
      <c r="NG29" s="119">
        <v>284875</v>
      </c>
      <c r="NH29" s="119">
        <v>887296</v>
      </c>
      <c r="NI29" s="119">
        <v>578917</v>
      </c>
      <c r="NJ29" s="119">
        <v>0</v>
      </c>
      <c r="NK29" s="120">
        <v>2187949</v>
      </c>
      <c r="NL29" s="320">
        <v>2187949</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293941</v>
      </c>
      <c r="OJ29" s="119">
        <v>217427</v>
      </c>
      <c r="OK29" s="141">
        <v>511368</v>
      </c>
      <c r="OL29" s="118">
        <v>0</v>
      </c>
      <c r="OM29" s="119">
        <v>3117886</v>
      </c>
      <c r="ON29" s="119">
        <v>3015231</v>
      </c>
      <c r="OO29" s="119">
        <v>4140515</v>
      </c>
      <c r="OP29" s="119">
        <v>2588002</v>
      </c>
      <c r="OQ29" s="119">
        <v>2482182</v>
      </c>
      <c r="OR29" s="120">
        <v>15343816</v>
      </c>
      <c r="OS29" s="143">
        <v>15855184</v>
      </c>
    </row>
    <row r="30" spans="2:409" ht="21" customHeight="1" x14ac:dyDescent="0.2">
      <c r="B30" s="126" t="s">
        <v>25</v>
      </c>
      <c r="C30" s="110">
        <v>84530</v>
      </c>
      <c r="D30" s="114">
        <v>253078</v>
      </c>
      <c r="E30" s="113">
        <v>337608</v>
      </c>
      <c r="F30" s="109">
        <v>0</v>
      </c>
      <c r="G30" s="114">
        <v>1653059</v>
      </c>
      <c r="H30" s="114">
        <v>629752</v>
      </c>
      <c r="I30" s="114">
        <v>1512566</v>
      </c>
      <c r="J30" s="114">
        <v>1147864</v>
      </c>
      <c r="K30" s="114">
        <v>433579</v>
      </c>
      <c r="L30" s="173">
        <v>5376820</v>
      </c>
      <c r="M30" s="116">
        <v>5714428</v>
      </c>
      <c r="N30" s="110">
        <v>20338</v>
      </c>
      <c r="O30" s="114">
        <v>67983</v>
      </c>
      <c r="P30" s="113">
        <v>88321</v>
      </c>
      <c r="Q30" s="110">
        <v>0</v>
      </c>
      <c r="R30" s="114">
        <v>337374</v>
      </c>
      <c r="S30" s="114">
        <v>122456</v>
      </c>
      <c r="T30" s="114">
        <v>697737</v>
      </c>
      <c r="U30" s="114">
        <v>113431</v>
      </c>
      <c r="V30" s="114">
        <v>154868</v>
      </c>
      <c r="W30" s="113">
        <v>1425866</v>
      </c>
      <c r="X30" s="116">
        <v>1514187</v>
      </c>
      <c r="Y30" s="110">
        <v>0</v>
      </c>
      <c r="Z30" s="114">
        <v>0</v>
      </c>
      <c r="AA30" s="113">
        <v>0</v>
      </c>
      <c r="AB30" s="110">
        <v>0</v>
      </c>
      <c r="AC30" s="114">
        <v>142987</v>
      </c>
      <c r="AD30" s="114">
        <v>71705</v>
      </c>
      <c r="AE30" s="114">
        <v>437799</v>
      </c>
      <c r="AF30" s="114">
        <v>0</v>
      </c>
      <c r="AG30" s="114">
        <v>0</v>
      </c>
      <c r="AH30" s="113">
        <v>652491</v>
      </c>
      <c r="AI30" s="116">
        <v>652491</v>
      </c>
      <c r="AJ30" s="110">
        <v>0</v>
      </c>
      <c r="AK30" s="114">
        <v>0</v>
      </c>
      <c r="AL30" s="113">
        <v>0</v>
      </c>
      <c r="AM30" s="110">
        <v>0</v>
      </c>
      <c r="AN30" s="114">
        <v>0</v>
      </c>
      <c r="AO30" s="114">
        <v>0</v>
      </c>
      <c r="AP30" s="114">
        <v>59220</v>
      </c>
      <c r="AQ30" s="114">
        <v>0</v>
      </c>
      <c r="AR30" s="114">
        <v>72999</v>
      </c>
      <c r="AS30" s="113">
        <v>132219</v>
      </c>
      <c r="AT30" s="116">
        <v>132219</v>
      </c>
      <c r="AU30" s="110">
        <v>20338</v>
      </c>
      <c r="AV30" s="114">
        <v>13815</v>
      </c>
      <c r="AW30" s="113">
        <v>34153</v>
      </c>
      <c r="AX30" s="110">
        <v>0</v>
      </c>
      <c r="AY30" s="114">
        <v>116019</v>
      </c>
      <c r="AZ30" s="114">
        <v>46623</v>
      </c>
      <c r="BA30" s="114">
        <v>115941</v>
      </c>
      <c r="BB30" s="114">
        <v>100919</v>
      </c>
      <c r="BC30" s="114">
        <v>34941</v>
      </c>
      <c r="BD30" s="113">
        <v>414443</v>
      </c>
      <c r="BE30" s="116">
        <v>448596</v>
      </c>
      <c r="BF30" s="110">
        <v>0</v>
      </c>
      <c r="BG30" s="114">
        <v>41592</v>
      </c>
      <c r="BH30" s="112">
        <v>41592</v>
      </c>
      <c r="BI30" s="111">
        <v>0</v>
      </c>
      <c r="BJ30" s="114">
        <v>0</v>
      </c>
      <c r="BK30" s="114">
        <v>0</v>
      </c>
      <c r="BL30" s="114">
        <v>48841</v>
      </c>
      <c r="BM30" s="114">
        <v>0</v>
      </c>
      <c r="BN30" s="114">
        <v>32560</v>
      </c>
      <c r="BO30" s="113">
        <v>81401</v>
      </c>
      <c r="BP30" s="116">
        <v>122993</v>
      </c>
      <c r="BQ30" s="110">
        <v>0</v>
      </c>
      <c r="BR30" s="114">
        <v>12576</v>
      </c>
      <c r="BS30" s="113">
        <v>12576</v>
      </c>
      <c r="BT30" s="110">
        <v>0</v>
      </c>
      <c r="BU30" s="114">
        <v>78368</v>
      </c>
      <c r="BV30" s="114">
        <v>4128</v>
      </c>
      <c r="BW30" s="114">
        <v>35936</v>
      </c>
      <c r="BX30" s="114">
        <v>12512</v>
      </c>
      <c r="BY30" s="114">
        <v>14368</v>
      </c>
      <c r="BZ30" s="113">
        <v>145312</v>
      </c>
      <c r="CA30" s="116">
        <v>157888</v>
      </c>
      <c r="CB30" s="110">
        <v>58688</v>
      </c>
      <c r="CC30" s="114">
        <v>36431</v>
      </c>
      <c r="CD30" s="113">
        <v>95119</v>
      </c>
      <c r="CE30" s="110">
        <v>0</v>
      </c>
      <c r="CF30" s="114">
        <v>693274</v>
      </c>
      <c r="CG30" s="114">
        <v>424896</v>
      </c>
      <c r="CH30" s="114">
        <v>407413</v>
      </c>
      <c r="CI30" s="114">
        <v>476986</v>
      </c>
      <c r="CJ30" s="114">
        <v>0</v>
      </c>
      <c r="CK30" s="113">
        <v>2002569</v>
      </c>
      <c r="CL30" s="116">
        <v>2097688</v>
      </c>
      <c r="CM30" s="110">
        <v>0</v>
      </c>
      <c r="CN30" s="114">
        <v>0</v>
      </c>
      <c r="CO30" s="113">
        <v>0</v>
      </c>
      <c r="CP30" s="111">
        <v>0</v>
      </c>
      <c r="CQ30" s="114">
        <v>525699</v>
      </c>
      <c r="CR30" s="114">
        <v>90202</v>
      </c>
      <c r="CS30" s="114">
        <v>122532</v>
      </c>
      <c r="CT30" s="114">
        <v>398402</v>
      </c>
      <c r="CU30" s="114">
        <v>0</v>
      </c>
      <c r="CV30" s="113">
        <v>1136835</v>
      </c>
      <c r="CW30" s="116">
        <v>1136835</v>
      </c>
      <c r="CX30" s="110">
        <v>58688</v>
      </c>
      <c r="CY30" s="114">
        <v>36431</v>
      </c>
      <c r="CZ30" s="113">
        <v>95119</v>
      </c>
      <c r="DA30" s="110">
        <v>0</v>
      </c>
      <c r="DB30" s="114">
        <v>167575</v>
      </c>
      <c r="DC30" s="114">
        <v>334694</v>
      </c>
      <c r="DD30" s="114">
        <v>284881</v>
      </c>
      <c r="DE30" s="114">
        <v>78584</v>
      </c>
      <c r="DF30" s="114">
        <v>0</v>
      </c>
      <c r="DG30" s="113">
        <v>865734</v>
      </c>
      <c r="DH30" s="116">
        <v>960853</v>
      </c>
      <c r="DI30" s="110">
        <v>0</v>
      </c>
      <c r="DJ30" s="114">
        <v>14565</v>
      </c>
      <c r="DK30" s="112">
        <v>14565</v>
      </c>
      <c r="DL30" s="111">
        <v>0</v>
      </c>
      <c r="DM30" s="114">
        <v>24172</v>
      </c>
      <c r="DN30" s="114">
        <v>0</v>
      </c>
      <c r="DO30" s="114">
        <v>67660</v>
      </c>
      <c r="DP30" s="114">
        <v>259067</v>
      </c>
      <c r="DQ30" s="114">
        <v>0</v>
      </c>
      <c r="DR30" s="113">
        <v>350899</v>
      </c>
      <c r="DS30" s="116">
        <v>365464</v>
      </c>
      <c r="DT30" s="110">
        <v>0</v>
      </c>
      <c r="DU30" s="114">
        <v>14565</v>
      </c>
      <c r="DV30" s="113">
        <v>14565</v>
      </c>
      <c r="DW30" s="110">
        <v>0</v>
      </c>
      <c r="DX30" s="114">
        <v>24172</v>
      </c>
      <c r="DY30" s="114">
        <v>0</v>
      </c>
      <c r="DZ30" s="114">
        <v>67660</v>
      </c>
      <c r="EA30" s="114">
        <v>259067</v>
      </c>
      <c r="EB30" s="114">
        <v>0</v>
      </c>
      <c r="EC30" s="113">
        <v>350899</v>
      </c>
      <c r="ED30" s="116">
        <v>365464</v>
      </c>
      <c r="EE30" s="110">
        <v>0</v>
      </c>
      <c r="EF30" s="112">
        <v>0</v>
      </c>
      <c r="EG30" s="113">
        <v>0</v>
      </c>
      <c r="EH30" s="110">
        <v>0</v>
      </c>
      <c r="EI30" s="114">
        <v>0</v>
      </c>
      <c r="EJ30" s="114">
        <v>0</v>
      </c>
      <c r="EK30" s="114">
        <v>0</v>
      </c>
      <c r="EL30" s="114">
        <v>0</v>
      </c>
      <c r="EM30" s="114">
        <v>0</v>
      </c>
      <c r="EN30" s="112">
        <v>0</v>
      </c>
      <c r="EO30" s="116">
        <v>0</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5504</v>
      </c>
      <c r="FM30" s="114">
        <v>42248</v>
      </c>
      <c r="FN30" s="113">
        <v>47752</v>
      </c>
      <c r="FO30" s="110">
        <v>0</v>
      </c>
      <c r="FP30" s="114">
        <v>114320</v>
      </c>
      <c r="FQ30" s="114">
        <v>82400</v>
      </c>
      <c r="FR30" s="114">
        <v>136784</v>
      </c>
      <c r="FS30" s="114">
        <v>79600</v>
      </c>
      <c r="FT30" s="114">
        <v>45376</v>
      </c>
      <c r="FU30" s="113">
        <v>458480</v>
      </c>
      <c r="FV30" s="116">
        <v>506232</v>
      </c>
      <c r="FW30" s="115">
        <v>5504</v>
      </c>
      <c r="FX30" s="114">
        <v>42248</v>
      </c>
      <c r="FY30" s="112">
        <v>47752</v>
      </c>
      <c r="FZ30" s="111">
        <v>0</v>
      </c>
      <c r="GA30" s="114">
        <v>30320</v>
      </c>
      <c r="GB30" s="114">
        <v>82400</v>
      </c>
      <c r="GC30" s="114">
        <v>136784</v>
      </c>
      <c r="GD30" s="114">
        <v>79600</v>
      </c>
      <c r="GE30" s="114">
        <v>45376</v>
      </c>
      <c r="GF30" s="113">
        <v>374480</v>
      </c>
      <c r="GG30" s="318">
        <v>422232</v>
      </c>
      <c r="GH30" s="115">
        <v>0</v>
      </c>
      <c r="GI30" s="114">
        <v>0</v>
      </c>
      <c r="GJ30" s="112">
        <v>0</v>
      </c>
      <c r="GK30" s="111">
        <v>0</v>
      </c>
      <c r="GL30" s="114">
        <v>0</v>
      </c>
      <c r="GM30" s="114">
        <v>0</v>
      </c>
      <c r="GN30" s="114">
        <v>0</v>
      </c>
      <c r="GO30" s="114">
        <v>0</v>
      </c>
      <c r="GP30" s="114">
        <v>0</v>
      </c>
      <c r="GQ30" s="113">
        <v>0</v>
      </c>
      <c r="GR30" s="116">
        <v>0</v>
      </c>
      <c r="GS30" s="110">
        <v>0</v>
      </c>
      <c r="GT30" s="114">
        <v>0</v>
      </c>
      <c r="GU30" s="113">
        <v>0</v>
      </c>
      <c r="GV30" s="110">
        <v>0</v>
      </c>
      <c r="GW30" s="114">
        <v>84000</v>
      </c>
      <c r="GX30" s="114">
        <v>0</v>
      </c>
      <c r="GY30" s="114">
        <v>0</v>
      </c>
      <c r="GZ30" s="114">
        <v>0</v>
      </c>
      <c r="HA30" s="114">
        <v>0</v>
      </c>
      <c r="HB30" s="112">
        <v>84000</v>
      </c>
      <c r="HC30" s="116">
        <v>84000</v>
      </c>
      <c r="HD30" s="110">
        <v>0</v>
      </c>
      <c r="HE30" s="114">
        <v>91851</v>
      </c>
      <c r="HF30" s="112">
        <v>91851</v>
      </c>
      <c r="HG30" s="111">
        <v>0</v>
      </c>
      <c r="HH30" s="114">
        <v>483919</v>
      </c>
      <c r="HI30" s="114">
        <v>0</v>
      </c>
      <c r="HJ30" s="114">
        <v>202972</v>
      </c>
      <c r="HK30" s="114">
        <v>218780</v>
      </c>
      <c r="HL30" s="114">
        <v>233335</v>
      </c>
      <c r="HM30" s="113">
        <v>1139006</v>
      </c>
      <c r="HN30" s="116">
        <v>1230857</v>
      </c>
      <c r="HO30" s="503"/>
      <c r="HP30" s="329"/>
      <c r="HQ30" s="330"/>
      <c r="HR30" s="331"/>
      <c r="HS30" s="329"/>
      <c r="HT30" s="329"/>
      <c r="HU30" s="329"/>
      <c r="HV30" s="329"/>
      <c r="HW30" s="329"/>
      <c r="HX30" s="329"/>
      <c r="HY30" s="510"/>
      <c r="HZ30" s="150">
        <v>41280</v>
      </c>
      <c r="IA30" s="135">
        <v>0</v>
      </c>
      <c r="IB30" s="150">
        <v>41280</v>
      </c>
      <c r="IC30" s="134">
        <v>0</v>
      </c>
      <c r="ID30" s="135">
        <v>228432</v>
      </c>
      <c r="IE30" s="136">
        <v>33305</v>
      </c>
      <c r="IF30" s="137">
        <v>0</v>
      </c>
      <c r="IG30" s="135">
        <v>0</v>
      </c>
      <c r="IH30" s="137">
        <v>0</v>
      </c>
      <c r="II30" s="138">
        <v>261737</v>
      </c>
      <c r="IJ30" s="150">
        <v>303017</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228432</v>
      </c>
      <c r="JL30" s="119">
        <v>33305</v>
      </c>
      <c r="JM30" s="119">
        <v>0</v>
      </c>
      <c r="JN30" s="119">
        <v>0</v>
      </c>
      <c r="JO30" s="119">
        <v>0</v>
      </c>
      <c r="JP30" s="120">
        <v>261737</v>
      </c>
      <c r="JQ30" s="320">
        <v>261737</v>
      </c>
      <c r="JR30" s="142">
        <v>0</v>
      </c>
      <c r="JS30" s="119">
        <v>0</v>
      </c>
      <c r="JT30" s="141">
        <v>0</v>
      </c>
      <c r="JU30" s="118">
        <v>0</v>
      </c>
      <c r="JV30" s="119">
        <v>0</v>
      </c>
      <c r="JW30" s="119">
        <v>0</v>
      </c>
      <c r="JX30" s="119">
        <v>0</v>
      </c>
      <c r="JY30" s="119">
        <v>0</v>
      </c>
      <c r="JZ30" s="119">
        <v>0</v>
      </c>
      <c r="KA30" s="120">
        <v>0</v>
      </c>
      <c r="KB30" s="320">
        <v>0</v>
      </c>
      <c r="KC30" s="234">
        <v>41280</v>
      </c>
      <c r="KD30" s="230">
        <v>0</v>
      </c>
      <c r="KE30" s="120">
        <v>41280</v>
      </c>
      <c r="KF30" s="118">
        <v>0</v>
      </c>
      <c r="KG30" s="119">
        <v>0</v>
      </c>
      <c r="KH30" s="119">
        <v>0</v>
      </c>
      <c r="KI30" s="119">
        <v>0</v>
      </c>
      <c r="KJ30" s="119">
        <v>0</v>
      </c>
      <c r="KK30" s="119">
        <v>0</v>
      </c>
      <c r="KL30" s="120">
        <v>0</v>
      </c>
      <c r="KM30" s="143">
        <v>41280</v>
      </c>
      <c r="KN30" s="232">
        <v>0</v>
      </c>
      <c r="KO30" s="236">
        <v>0</v>
      </c>
      <c r="KP30" s="237">
        <v>0</v>
      </c>
      <c r="KQ30" s="140"/>
      <c r="KR30" s="119">
        <v>0</v>
      </c>
      <c r="KS30" s="119">
        <v>0</v>
      </c>
      <c r="KT30" s="119">
        <v>0</v>
      </c>
      <c r="KU30" s="119">
        <v>0</v>
      </c>
      <c r="KV30" s="119">
        <v>0</v>
      </c>
      <c r="KW30" s="120">
        <v>0</v>
      </c>
      <c r="KX30" s="320">
        <v>0</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302589</v>
      </c>
      <c r="MK30" s="119">
        <v>208531</v>
      </c>
      <c r="ML30" s="119">
        <v>1391444</v>
      </c>
      <c r="MM30" s="119">
        <v>522064</v>
      </c>
      <c r="MN30" s="119">
        <v>1476592</v>
      </c>
      <c r="MO30" s="120">
        <v>3901220</v>
      </c>
      <c r="MP30" s="143">
        <v>3901220</v>
      </c>
      <c r="MQ30" s="142">
        <v>0</v>
      </c>
      <c r="MR30" s="119">
        <v>0</v>
      </c>
      <c r="MS30" s="120">
        <v>0</v>
      </c>
      <c r="MT30" s="145"/>
      <c r="MU30" s="119">
        <v>0</v>
      </c>
      <c r="MV30" s="119">
        <v>208531</v>
      </c>
      <c r="MW30" s="119">
        <v>1391444</v>
      </c>
      <c r="MX30" s="119">
        <v>522064</v>
      </c>
      <c r="MY30" s="119">
        <v>780328</v>
      </c>
      <c r="MZ30" s="120">
        <v>2902367</v>
      </c>
      <c r="NA30" s="143">
        <v>2902367</v>
      </c>
      <c r="NB30" s="142">
        <v>0</v>
      </c>
      <c r="NC30" s="119">
        <v>0</v>
      </c>
      <c r="ND30" s="120">
        <v>0</v>
      </c>
      <c r="NE30" s="145"/>
      <c r="NF30" s="119">
        <v>302589</v>
      </c>
      <c r="NG30" s="119">
        <v>0</v>
      </c>
      <c r="NH30" s="119">
        <v>0</v>
      </c>
      <c r="NI30" s="119">
        <v>0</v>
      </c>
      <c r="NJ30" s="119">
        <v>696264</v>
      </c>
      <c r="NK30" s="120">
        <v>998853</v>
      </c>
      <c r="NL30" s="320">
        <v>998853</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125810</v>
      </c>
      <c r="OJ30" s="119">
        <v>253078</v>
      </c>
      <c r="OK30" s="141">
        <v>378888</v>
      </c>
      <c r="OL30" s="118">
        <v>0</v>
      </c>
      <c r="OM30" s="119">
        <v>2184080</v>
      </c>
      <c r="ON30" s="119">
        <v>871588</v>
      </c>
      <c r="OO30" s="119">
        <v>2904010</v>
      </c>
      <c r="OP30" s="119">
        <v>1669928</v>
      </c>
      <c r="OQ30" s="119">
        <v>1910171</v>
      </c>
      <c r="OR30" s="120">
        <v>9539777</v>
      </c>
      <c r="OS30" s="143">
        <v>9918665</v>
      </c>
    </row>
    <row r="31" spans="2:409" ht="21" customHeight="1" x14ac:dyDescent="0.2">
      <c r="B31" s="126" t="s">
        <v>26</v>
      </c>
      <c r="C31" s="110">
        <v>43238</v>
      </c>
      <c r="D31" s="114">
        <v>16224</v>
      </c>
      <c r="E31" s="113">
        <v>59462</v>
      </c>
      <c r="F31" s="109">
        <v>0</v>
      </c>
      <c r="G31" s="114">
        <v>1330354</v>
      </c>
      <c r="H31" s="114">
        <v>2680615</v>
      </c>
      <c r="I31" s="114">
        <v>1283348</v>
      </c>
      <c r="J31" s="114">
        <v>315396</v>
      </c>
      <c r="K31" s="114">
        <v>896143</v>
      </c>
      <c r="L31" s="173">
        <v>6505856</v>
      </c>
      <c r="M31" s="116">
        <v>6565318</v>
      </c>
      <c r="N31" s="110">
        <v>12416</v>
      </c>
      <c r="O31" s="114">
        <v>0</v>
      </c>
      <c r="P31" s="113">
        <v>12416</v>
      </c>
      <c r="Q31" s="110">
        <v>0</v>
      </c>
      <c r="R31" s="114">
        <v>366503</v>
      </c>
      <c r="S31" s="114">
        <v>797300</v>
      </c>
      <c r="T31" s="114">
        <v>662895</v>
      </c>
      <c r="U31" s="114">
        <v>14512</v>
      </c>
      <c r="V31" s="114">
        <v>229343</v>
      </c>
      <c r="W31" s="113">
        <v>2070553</v>
      </c>
      <c r="X31" s="116">
        <v>2082969</v>
      </c>
      <c r="Y31" s="110">
        <v>0</v>
      </c>
      <c r="Z31" s="114">
        <v>0</v>
      </c>
      <c r="AA31" s="113">
        <v>0</v>
      </c>
      <c r="AB31" s="110">
        <v>0</v>
      </c>
      <c r="AC31" s="114">
        <v>250500</v>
      </c>
      <c r="AD31" s="114">
        <v>498958</v>
      </c>
      <c r="AE31" s="114">
        <v>443560</v>
      </c>
      <c r="AF31" s="114">
        <v>0</v>
      </c>
      <c r="AG31" s="114">
        <v>0</v>
      </c>
      <c r="AH31" s="113">
        <v>1193018</v>
      </c>
      <c r="AI31" s="116">
        <v>1193018</v>
      </c>
      <c r="AJ31" s="110">
        <v>0</v>
      </c>
      <c r="AK31" s="114">
        <v>0</v>
      </c>
      <c r="AL31" s="113">
        <v>0</v>
      </c>
      <c r="AM31" s="110">
        <v>0</v>
      </c>
      <c r="AN31" s="114">
        <v>0</v>
      </c>
      <c r="AO31" s="114">
        <v>0</v>
      </c>
      <c r="AP31" s="114">
        <v>35404</v>
      </c>
      <c r="AQ31" s="114">
        <v>0</v>
      </c>
      <c r="AR31" s="114">
        <v>105228</v>
      </c>
      <c r="AS31" s="113">
        <v>140632</v>
      </c>
      <c r="AT31" s="116">
        <v>140632</v>
      </c>
      <c r="AU31" s="110">
        <v>0</v>
      </c>
      <c r="AV31" s="114">
        <v>0</v>
      </c>
      <c r="AW31" s="113">
        <v>0</v>
      </c>
      <c r="AX31" s="110">
        <v>0</v>
      </c>
      <c r="AY31" s="114">
        <v>74963</v>
      </c>
      <c r="AZ31" s="114">
        <v>128942</v>
      </c>
      <c r="BA31" s="114">
        <v>105243</v>
      </c>
      <c r="BB31" s="114">
        <v>0</v>
      </c>
      <c r="BC31" s="114">
        <v>112827</v>
      </c>
      <c r="BD31" s="113">
        <v>421975</v>
      </c>
      <c r="BE31" s="116">
        <v>421975</v>
      </c>
      <c r="BF31" s="110">
        <v>0</v>
      </c>
      <c r="BG31" s="114">
        <v>0</v>
      </c>
      <c r="BH31" s="112">
        <v>0</v>
      </c>
      <c r="BI31" s="111">
        <v>0</v>
      </c>
      <c r="BJ31" s="114">
        <v>0</v>
      </c>
      <c r="BK31" s="114">
        <v>0</v>
      </c>
      <c r="BL31" s="114">
        <v>0</v>
      </c>
      <c r="BM31" s="114">
        <v>0</v>
      </c>
      <c r="BN31" s="114">
        <v>0</v>
      </c>
      <c r="BO31" s="113">
        <v>0</v>
      </c>
      <c r="BP31" s="116">
        <v>0</v>
      </c>
      <c r="BQ31" s="110">
        <v>12416</v>
      </c>
      <c r="BR31" s="114">
        <v>0</v>
      </c>
      <c r="BS31" s="113">
        <v>12416</v>
      </c>
      <c r="BT31" s="110">
        <v>0</v>
      </c>
      <c r="BU31" s="114">
        <v>41040</v>
      </c>
      <c r="BV31" s="114">
        <v>169400</v>
      </c>
      <c r="BW31" s="114">
        <v>78688</v>
      </c>
      <c r="BX31" s="114">
        <v>14512</v>
      </c>
      <c r="BY31" s="114">
        <v>11288</v>
      </c>
      <c r="BZ31" s="113">
        <v>314928</v>
      </c>
      <c r="CA31" s="116">
        <v>327344</v>
      </c>
      <c r="CB31" s="110">
        <v>20742</v>
      </c>
      <c r="CC31" s="114">
        <v>0</v>
      </c>
      <c r="CD31" s="113">
        <v>20742</v>
      </c>
      <c r="CE31" s="110">
        <v>0</v>
      </c>
      <c r="CF31" s="114">
        <v>440928</v>
      </c>
      <c r="CG31" s="114">
        <v>953285</v>
      </c>
      <c r="CH31" s="114">
        <v>386917</v>
      </c>
      <c r="CI31" s="114">
        <v>32336</v>
      </c>
      <c r="CJ31" s="114">
        <v>328688</v>
      </c>
      <c r="CK31" s="113">
        <v>2142154</v>
      </c>
      <c r="CL31" s="116">
        <v>2162896</v>
      </c>
      <c r="CM31" s="110">
        <v>0</v>
      </c>
      <c r="CN31" s="114">
        <v>0</v>
      </c>
      <c r="CO31" s="113">
        <v>0</v>
      </c>
      <c r="CP31" s="111">
        <v>0</v>
      </c>
      <c r="CQ31" s="114">
        <v>384536</v>
      </c>
      <c r="CR31" s="114">
        <v>696517</v>
      </c>
      <c r="CS31" s="114">
        <v>274131</v>
      </c>
      <c r="CT31" s="114">
        <v>0</v>
      </c>
      <c r="CU31" s="114">
        <v>328688</v>
      </c>
      <c r="CV31" s="113">
        <v>1683872</v>
      </c>
      <c r="CW31" s="116">
        <v>1683872</v>
      </c>
      <c r="CX31" s="110">
        <v>20742</v>
      </c>
      <c r="CY31" s="114">
        <v>0</v>
      </c>
      <c r="CZ31" s="113">
        <v>20742</v>
      </c>
      <c r="DA31" s="110">
        <v>0</v>
      </c>
      <c r="DB31" s="114">
        <v>56392</v>
      </c>
      <c r="DC31" s="114">
        <v>256768</v>
      </c>
      <c r="DD31" s="114">
        <v>112786</v>
      </c>
      <c r="DE31" s="114">
        <v>32336</v>
      </c>
      <c r="DF31" s="114">
        <v>0</v>
      </c>
      <c r="DG31" s="113">
        <v>458282</v>
      </c>
      <c r="DH31" s="116">
        <v>479024</v>
      </c>
      <c r="DI31" s="110">
        <v>0</v>
      </c>
      <c r="DJ31" s="114">
        <v>0</v>
      </c>
      <c r="DK31" s="112">
        <v>0</v>
      </c>
      <c r="DL31" s="111">
        <v>0</v>
      </c>
      <c r="DM31" s="114">
        <v>0</v>
      </c>
      <c r="DN31" s="114">
        <v>339455</v>
      </c>
      <c r="DO31" s="114">
        <v>55128</v>
      </c>
      <c r="DP31" s="114">
        <v>114200</v>
      </c>
      <c r="DQ31" s="114">
        <v>252144</v>
      </c>
      <c r="DR31" s="113">
        <v>760927</v>
      </c>
      <c r="DS31" s="116">
        <v>760927</v>
      </c>
      <c r="DT31" s="110">
        <v>0</v>
      </c>
      <c r="DU31" s="114">
        <v>0</v>
      </c>
      <c r="DV31" s="113">
        <v>0</v>
      </c>
      <c r="DW31" s="110">
        <v>0</v>
      </c>
      <c r="DX31" s="114">
        <v>0</v>
      </c>
      <c r="DY31" s="114">
        <v>339455</v>
      </c>
      <c r="DZ31" s="114">
        <v>55128</v>
      </c>
      <c r="EA31" s="114">
        <v>114200</v>
      </c>
      <c r="EB31" s="114">
        <v>252144</v>
      </c>
      <c r="EC31" s="113">
        <v>760927</v>
      </c>
      <c r="ED31" s="116">
        <v>760927</v>
      </c>
      <c r="EE31" s="110">
        <v>0</v>
      </c>
      <c r="EF31" s="112">
        <v>0</v>
      </c>
      <c r="EG31" s="113">
        <v>0</v>
      </c>
      <c r="EH31" s="110">
        <v>0</v>
      </c>
      <c r="EI31" s="114">
        <v>0</v>
      </c>
      <c r="EJ31" s="114">
        <v>0</v>
      </c>
      <c r="EK31" s="114">
        <v>0</v>
      </c>
      <c r="EL31" s="114">
        <v>0</v>
      </c>
      <c r="EM31" s="114">
        <v>0</v>
      </c>
      <c r="EN31" s="112">
        <v>0</v>
      </c>
      <c r="EO31" s="116">
        <v>0</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10080</v>
      </c>
      <c r="FM31" s="114">
        <v>16224</v>
      </c>
      <c r="FN31" s="113">
        <v>26304</v>
      </c>
      <c r="FO31" s="110">
        <v>0</v>
      </c>
      <c r="FP31" s="114">
        <v>126800</v>
      </c>
      <c r="FQ31" s="114">
        <v>141136</v>
      </c>
      <c r="FR31" s="114">
        <v>178408</v>
      </c>
      <c r="FS31" s="114">
        <v>154348</v>
      </c>
      <c r="FT31" s="114">
        <v>85968</v>
      </c>
      <c r="FU31" s="113">
        <v>686660</v>
      </c>
      <c r="FV31" s="116">
        <v>712964</v>
      </c>
      <c r="FW31" s="115">
        <v>10080</v>
      </c>
      <c r="FX31" s="114">
        <v>16224</v>
      </c>
      <c r="FY31" s="112">
        <v>26304</v>
      </c>
      <c r="FZ31" s="111">
        <v>0</v>
      </c>
      <c r="GA31" s="114">
        <v>97760</v>
      </c>
      <c r="GB31" s="114">
        <v>141136</v>
      </c>
      <c r="GC31" s="114">
        <v>157288</v>
      </c>
      <c r="GD31" s="114">
        <v>25280</v>
      </c>
      <c r="GE31" s="114">
        <v>85968</v>
      </c>
      <c r="GF31" s="113">
        <v>507432</v>
      </c>
      <c r="GG31" s="318">
        <v>533736</v>
      </c>
      <c r="GH31" s="115">
        <v>0</v>
      </c>
      <c r="GI31" s="114">
        <v>0</v>
      </c>
      <c r="GJ31" s="112">
        <v>0</v>
      </c>
      <c r="GK31" s="111">
        <v>0</v>
      </c>
      <c r="GL31" s="114">
        <v>0</v>
      </c>
      <c r="GM31" s="114">
        <v>0</v>
      </c>
      <c r="GN31" s="114">
        <v>21120</v>
      </c>
      <c r="GO31" s="114">
        <v>129068</v>
      </c>
      <c r="GP31" s="114">
        <v>0</v>
      </c>
      <c r="GQ31" s="113">
        <v>150188</v>
      </c>
      <c r="GR31" s="116">
        <v>150188</v>
      </c>
      <c r="GS31" s="110">
        <v>0</v>
      </c>
      <c r="GT31" s="114">
        <v>0</v>
      </c>
      <c r="GU31" s="113">
        <v>0</v>
      </c>
      <c r="GV31" s="110">
        <v>0</v>
      </c>
      <c r="GW31" s="114">
        <v>29040</v>
      </c>
      <c r="GX31" s="114">
        <v>0</v>
      </c>
      <c r="GY31" s="114">
        <v>0</v>
      </c>
      <c r="GZ31" s="114">
        <v>0</v>
      </c>
      <c r="HA31" s="114">
        <v>0</v>
      </c>
      <c r="HB31" s="112">
        <v>29040</v>
      </c>
      <c r="HC31" s="116">
        <v>29040</v>
      </c>
      <c r="HD31" s="110">
        <v>0</v>
      </c>
      <c r="HE31" s="114">
        <v>0</v>
      </c>
      <c r="HF31" s="112">
        <v>0</v>
      </c>
      <c r="HG31" s="111">
        <v>0</v>
      </c>
      <c r="HH31" s="114">
        <v>396123</v>
      </c>
      <c r="HI31" s="114">
        <v>449439</v>
      </c>
      <c r="HJ31" s="114">
        <v>0</v>
      </c>
      <c r="HK31" s="114">
        <v>0</v>
      </c>
      <c r="HL31" s="114">
        <v>0</v>
      </c>
      <c r="HM31" s="113">
        <v>845562</v>
      </c>
      <c r="HN31" s="116">
        <v>845562</v>
      </c>
      <c r="HO31" s="503"/>
      <c r="HP31" s="329"/>
      <c r="HQ31" s="330"/>
      <c r="HR31" s="331"/>
      <c r="HS31" s="329"/>
      <c r="HT31" s="329"/>
      <c r="HU31" s="329"/>
      <c r="HV31" s="329"/>
      <c r="HW31" s="329"/>
      <c r="HX31" s="329"/>
      <c r="HY31" s="510"/>
      <c r="HZ31" s="133">
        <v>0</v>
      </c>
      <c r="IA31" s="132">
        <v>0</v>
      </c>
      <c r="IB31" s="133">
        <v>0</v>
      </c>
      <c r="IC31" s="146">
        <v>0</v>
      </c>
      <c r="ID31" s="132">
        <v>143532</v>
      </c>
      <c r="IE31" s="147">
        <v>159705</v>
      </c>
      <c r="IF31" s="133">
        <v>304064</v>
      </c>
      <c r="IG31" s="132">
        <v>255566</v>
      </c>
      <c r="IH31" s="133">
        <v>0</v>
      </c>
      <c r="II31" s="148">
        <v>862867</v>
      </c>
      <c r="IJ31" s="139">
        <v>862867</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143532</v>
      </c>
      <c r="JL31" s="119">
        <v>90949</v>
      </c>
      <c r="JM31" s="119">
        <v>46510</v>
      </c>
      <c r="JN31" s="119">
        <v>0</v>
      </c>
      <c r="JO31" s="119">
        <v>0</v>
      </c>
      <c r="JP31" s="120">
        <v>280991</v>
      </c>
      <c r="JQ31" s="320">
        <v>280991</v>
      </c>
      <c r="JR31" s="142">
        <v>0</v>
      </c>
      <c r="JS31" s="119">
        <v>0</v>
      </c>
      <c r="JT31" s="141">
        <v>0</v>
      </c>
      <c r="JU31" s="118">
        <v>0</v>
      </c>
      <c r="JV31" s="119">
        <v>0</v>
      </c>
      <c r="JW31" s="119">
        <v>68756</v>
      </c>
      <c r="JX31" s="119">
        <v>0</v>
      </c>
      <c r="JY31" s="119">
        <v>0</v>
      </c>
      <c r="JZ31" s="119">
        <v>0</v>
      </c>
      <c r="KA31" s="120">
        <v>68756</v>
      </c>
      <c r="KB31" s="320">
        <v>68756</v>
      </c>
      <c r="KC31" s="234">
        <v>0</v>
      </c>
      <c r="KD31" s="230">
        <v>0</v>
      </c>
      <c r="KE31" s="120">
        <v>0</v>
      </c>
      <c r="KF31" s="118">
        <v>0</v>
      </c>
      <c r="KG31" s="119">
        <v>0</v>
      </c>
      <c r="KH31" s="119">
        <v>0</v>
      </c>
      <c r="KI31" s="119">
        <v>0</v>
      </c>
      <c r="KJ31" s="119">
        <v>0</v>
      </c>
      <c r="KK31" s="119">
        <v>0</v>
      </c>
      <c r="KL31" s="120">
        <v>0</v>
      </c>
      <c r="KM31" s="143">
        <v>0</v>
      </c>
      <c r="KN31" s="232">
        <v>0</v>
      </c>
      <c r="KO31" s="236">
        <v>0</v>
      </c>
      <c r="KP31" s="237">
        <v>0</v>
      </c>
      <c r="KQ31" s="140"/>
      <c r="KR31" s="119">
        <v>0</v>
      </c>
      <c r="KS31" s="119">
        <v>0</v>
      </c>
      <c r="KT31" s="119">
        <v>257554</v>
      </c>
      <c r="KU31" s="119">
        <v>255566</v>
      </c>
      <c r="KV31" s="119">
        <v>0</v>
      </c>
      <c r="KW31" s="120">
        <v>513120</v>
      </c>
      <c r="KX31" s="320">
        <v>513120</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0</v>
      </c>
      <c r="MK31" s="119">
        <v>0</v>
      </c>
      <c r="ML31" s="119">
        <v>449795</v>
      </c>
      <c r="MM31" s="119">
        <v>1445314</v>
      </c>
      <c r="MN31" s="119">
        <v>272286</v>
      </c>
      <c r="MO31" s="120">
        <v>2167395</v>
      </c>
      <c r="MP31" s="143">
        <v>2167395</v>
      </c>
      <c r="MQ31" s="142">
        <v>0</v>
      </c>
      <c r="MR31" s="119">
        <v>0</v>
      </c>
      <c r="MS31" s="120">
        <v>0</v>
      </c>
      <c r="MT31" s="145"/>
      <c r="MU31" s="119">
        <v>0</v>
      </c>
      <c r="MV31" s="119">
        <v>0</v>
      </c>
      <c r="MW31" s="119">
        <v>184847</v>
      </c>
      <c r="MX31" s="119">
        <v>812664</v>
      </c>
      <c r="MY31" s="119">
        <v>0</v>
      </c>
      <c r="MZ31" s="120">
        <v>997511</v>
      </c>
      <c r="NA31" s="143">
        <v>997511</v>
      </c>
      <c r="NB31" s="142">
        <v>0</v>
      </c>
      <c r="NC31" s="119">
        <v>0</v>
      </c>
      <c r="ND31" s="120">
        <v>0</v>
      </c>
      <c r="NE31" s="145"/>
      <c r="NF31" s="119">
        <v>0</v>
      </c>
      <c r="NG31" s="119">
        <v>0</v>
      </c>
      <c r="NH31" s="119">
        <v>264948</v>
      </c>
      <c r="NI31" s="119">
        <v>632650</v>
      </c>
      <c r="NJ31" s="119">
        <v>272286</v>
      </c>
      <c r="NK31" s="120">
        <v>1169884</v>
      </c>
      <c r="NL31" s="320">
        <v>1169884</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43238</v>
      </c>
      <c r="OJ31" s="119">
        <v>16224</v>
      </c>
      <c r="OK31" s="141">
        <v>59462</v>
      </c>
      <c r="OL31" s="118">
        <v>0</v>
      </c>
      <c r="OM31" s="119">
        <v>1473886</v>
      </c>
      <c r="ON31" s="119">
        <v>2840320</v>
      </c>
      <c r="OO31" s="119">
        <v>2037207</v>
      </c>
      <c r="OP31" s="119">
        <v>2016276</v>
      </c>
      <c r="OQ31" s="119">
        <v>1168429</v>
      </c>
      <c r="OR31" s="120">
        <v>9536118</v>
      </c>
      <c r="OS31" s="143">
        <v>9595580</v>
      </c>
    </row>
    <row r="32" spans="2:409" ht="21" customHeight="1" x14ac:dyDescent="0.2">
      <c r="B32" s="126" t="s">
        <v>27</v>
      </c>
      <c r="C32" s="110">
        <v>22472</v>
      </c>
      <c r="D32" s="114">
        <v>492341</v>
      </c>
      <c r="E32" s="113">
        <v>514813</v>
      </c>
      <c r="F32" s="109">
        <v>0</v>
      </c>
      <c r="G32" s="114">
        <v>1011719</v>
      </c>
      <c r="H32" s="114">
        <v>1583870</v>
      </c>
      <c r="I32" s="114">
        <v>2130957</v>
      </c>
      <c r="J32" s="114">
        <v>1543631</v>
      </c>
      <c r="K32" s="114">
        <v>577692</v>
      </c>
      <c r="L32" s="173">
        <v>6847869</v>
      </c>
      <c r="M32" s="116">
        <v>7362682</v>
      </c>
      <c r="N32" s="110">
        <v>18872</v>
      </c>
      <c r="O32" s="114">
        <v>65186</v>
      </c>
      <c r="P32" s="113">
        <v>84058</v>
      </c>
      <c r="Q32" s="110">
        <v>0</v>
      </c>
      <c r="R32" s="114">
        <v>223781</v>
      </c>
      <c r="S32" s="114">
        <v>455702</v>
      </c>
      <c r="T32" s="114">
        <v>923727</v>
      </c>
      <c r="U32" s="114">
        <v>563994</v>
      </c>
      <c r="V32" s="114">
        <v>258347</v>
      </c>
      <c r="W32" s="113">
        <v>2425551</v>
      </c>
      <c r="X32" s="116">
        <v>2509609</v>
      </c>
      <c r="Y32" s="110">
        <v>0</v>
      </c>
      <c r="Z32" s="114">
        <v>0</v>
      </c>
      <c r="AA32" s="113">
        <v>0</v>
      </c>
      <c r="AB32" s="110">
        <v>0</v>
      </c>
      <c r="AC32" s="114">
        <v>29433</v>
      </c>
      <c r="AD32" s="114">
        <v>133471</v>
      </c>
      <c r="AE32" s="114">
        <v>674172</v>
      </c>
      <c r="AF32" s="114">
        <v>321148</v>
      </c>
      <c r="AG32" s="114">
        <v>0</v>
      </c>
      <c r="AH32" s="113">
        <v>1158224</v>
      </c>
      <c r="AI32" s="116">
        <v>1158224</v>
      </c>
      <c r="AJ32" s="110">
        <v>0</v>
      </c>
      <c r="AK32" s="114">
        <v>0</v>
      </c>
      <c r="AL32" s="113">
        <v>0</v>
      </c>
      <c r="AM32" s="110">
        <v>0</v>
      </c>
      <c r="AN32" s="114">
        <v>0</v>
      </c>
      <c r="AO32" s="114">
        <v>0</v>
      </c>
      <c r="AP32" s="114">
        <v>0</v>
      </c>
      <c r="AQ32" s="114">
        <v>56926</v>
      </c>
      <c r="AR32" s="114">
        <v>45539</v>
      </c>
      <c r="AS32" s="113">
        <v>102465</v>
      </c>
      <c r="AT32" s="116">
        <v>102465</v>
      </c>
      <c r="AU32" s="110">
        <v>18872</v>
      </c>
      <c r="AV32" s="114">
        <v>50130</v>
      </c>
      <c r="AW32" s="113">
        <v>69002</v>
      </c>
      <c r="AX32" s="110">
        <v>0</v>
      </c>
      <c r="AY32" s="114">
        <v>161444</v>
      </c>
      <c r="AZ32" s="114">
        <v>161032</v>
      </c>
      <c r="BA32" s="114">
        <v>146859</v>
      </c>
      <c r="BB32" s="114">
        <v>94096</v>
      </c>
      <c r="BC32" s="114">
        <v>181992</v>
      </c>
      <c r="BD32" s="113">
        <v>745423</v>
      </c>
      <c r="BE32" s="116">
        <v>814425</v>
      </c>
      <c r="BF32" s="110">
        <v>0</v>
      </c>
      <c r="BG32" s="114">
        <v>0</v>
      </c>
      <c r="BH32" s="112">
        <v>0</v>
      </c>
      <c r="BI32" s="111">
        <v>0</v>
      </c>
      <c r="BJ32" s="114">
        <v>0</v>
      </c>
      <c r="BK32" s="114">
        <v>80655</v>
      </c>
      <c r="BL32" s="114">
        <v>0</v>
      </c>
      <c r="BM32" s="114">
        <v>0</v>
      </c>
      <c r="BN32" s="114">
        <v>0</v>
      </c>
      <c r="BO32" s="113">
        <v>80655</v>
      </c>
      <c r="BP32" s="116">
        <v>80655</v>
      </c>
      <c r="BQ32" s="110">
        <v>0</v>
      </c>
      <c r="BR32" s="114">
        <v>15056</v>
      </c>
      <c r="BS32" s="113">
        <v>15056</v>
      </c>
      <c r="BT32" s="110">
        <v>0</v>
      </c>
      <c r="BU32" s="114">
        <v>32904</v>
      </c>
      <c r="BV32" s="114">
        <v>80544</v>
      </c>
      <c r="BW32" s="114">
        <v>102696</v>
      </c>
      <c r="BX32" s="114">
        <v>91824</v>
      </c>
      <c r="BY32" s="114">
        <v>30816</v>
      </c>
      <c r="BZ32" s="113">
        <v>338784</v>
      </c>
      <c r="CA32" s="116">
        <v>353840</v>
      </c>
      <c r="CB32" s="110">
        <v>0</v>
      </c>
      <c r="CC32" s="114">
        <v>117131</v>
      </c>
      <c r="CD32" s="113">
        <v>117131</v>
      </c>
      <c r="CE32" s="110">
        <v>0</v>
      </c>
      <c r="CF32" s="114">
        <v>555004</v>
      </c>
      <c r="CG32" s="114">
        <v>592101</v>
      </c>
      <c r="CH32" s="114">
        <v>544439</v>
      </c>
      <c r="CI32" s="114">
        <v>267407</v>
      </c>
      <c r="CJ32" s="114">
        <v>12397</v>
      </c>
      <c r="CK32" s="113">
        <v>1971348</v>
      </c>
      <c r="CL32" s="116">
        <v>2088479</v>
      </c>
      <c r="CM32" s="110">
        <v>0</v>
      </c>
      <c r="CN32" s="114">
        <v>0</v>
      </c>
      <c r="CO32" s="113">
        <v>0</v>
      </c>
      <c r="CP32" s="111">
        <v>0</v>
      </c>
      <c r="CQ32" s="114">
        <v>485795</v>
      </c>
      <c r="CR32" s="114">
        <v>370390</v>
      </c>
      <c r="CS32" s="114">
        <v>498823</v>
      </c>
      <c r="CT32" s="114">
        <v>267407</v>
      </c>
      <c r="CU32" s="114">
        <v>12397</v>
      </c>
      <c r="CV32" s="113">
        <v>1634812</v>
      </c>
      <c r="CW32" s="116">
        <v>1634812</v>
      </c>
      <c r="CX32" s="110">
        <v>0</v>
      </c>
      <c r="CY32" s="114">
        <v>117131</v>
      </c>
      <c r="CZ32" s="113">
        <v>117131</v>
      </c>
      <c r="DA32" s="110">
        <v>0</v>
      </c>
      <c r="DB32" s="114">
        <v>69209</v>
      </c>
      <c r="DC32" s="114">
        <v>221711</v>
      </c>
      <c r="DD32" s="114">
        <v>45616</v>
      </c>
      <c r="DE32" s="114">
        <v>0</v>
      </c>
      <c r="DF32" s="114">
        <v>0</v>
      </c>
      <c r="DG32" s="113">
        <v>336536</v>
      </c>
      <c r="DH32" s="116">
        <v>453667</v>
      </c>
      <c r="DI32" s="110">
        <v>0</v>
      </c>
      <c r="DJ32" s="114">
        <v>0</v>
      </c>
      <c r="DK32" s="112">
        <v>0</v>
      </c>
      <c r="DL32" s="111">
        <v>0</v>
      </c>
      <c r="DM32" s="114">
        <v>31421</v>
      </c>
      <c r="DN32" s="114">
        <v>0</v>
      </c>
      <c r="DO32" s="114">
        <v>49944</v>
      </c>
      <c r="DP32" s="114">
        <v>0</v>
      </c>
      <c r="DQ32" s="114">
        <v>28254</v>
      </c>
      <c r="DR32" s="113">
        <v>109619</v>
      </c>
      <c r="DS32" s="116">
        <v>109619</v>
      </c>
      <c r="DT32" s="110">
        <v>0</v>
      </c>
      <c r="DU32" s="114">
        <v>0</v>
      </c>
      <c r="DV32" s="113">
        <v>0</v>
      </c>
      <c r="DW32" s="110">
        <v>0</v>
      </c>
      <c r="DX32" s="114">
        <v>31421</v>
      </c>
      <c r="DY32" s="114">
        <v>0</v>
      </c>
      <c r="DZ32" s="114">
        <v>49944</v>
      </c>
      <c r="EA32" s="114">
        <v>0</v>
      </c>
      <c r="EB32" s="114">
        <v>28254</v>
      </c>
      <c r="EC32" s="113">
        <v>109619</v>
      </c>
      <c r="ED32" s="116">
        <v>109619</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3600</v>
      </c>
      <c r="FM32" s="114">
        <v>214480</v>
      </c>
      <c r="FN32" s="113">
        <v>218080</v>
      </c>
      <c r="FO32" s="110">
        <v>0</v>
      </c>
      <c r="FP32" s="114">
        <v>42624</v>
      </c>
      <c r="FQ32" s="114">
        <v>175984</v>
      </c>
      <c r="FR32" s="114">
        <v>221736</v>
      </c>
      <c r="FS32" s="114">
        <v>66696</v>
      </c>
      <c r="FT32" s="114">
        <v>46560</v>
      </c>
      <c r="FU32" s="113">
        <v>553600</v>
      </c>
      <c r="FV32" s="116">
        <v>771680</v>
      </c>
      <c r="FW32" s="115">
        <v>3600</v>
      </c>
      <c r="FX32" s="114">
        <v>54480</v>
      </c>
      <c r="FY32" s="112">
        <v>58080</v>
      </c>
      <c r="FZ32" s="111">
        <v>0</v>
      </c>
      <c r="GA32" s="114">
        <v>34000</v>
      </c>
      <c r="GB32" s="114">
        <v>175984</v>
      </c>
      <c r="GC32" s="114">
        <v>168936</v>
      </c>
      <c r="GD32" s="114">
        <v>66696</v>
      </c>
      <c r="GE32" s="114">
        <v>46560</v>
      </c>
      <c r="GF32" s="113">
        <v>492176</v>
      </c>
      <c r="GG32" s="318">
        <v>550256</v>
      </c>
      <c r="GH32" s="115">
        <v>0</v>
      </c>
      <c r="GI32" s="114">
        <v>0</v>
      </c>
      <c r="GJ32" s="112">
        <v>0</v>
      </c>
      <c r="GK32" s="111">
        <v>0</v>
      </c>
      <c r="GL32" s="114">
        <v>0</v>
      </c>
      <c r="GM32" s="114">
        <v>0</v>
      </c>
      <c r="GN32" s="114">
        <v>0</v>
      </c>
      <c r="GO32" s="114">
        <v>0</v>
      </c>
      <c r="GP32" s="114">
        <v>0</v>
      </c>
      <c r="GQ32" s="113">
        <v>0</v>
      </c>
      <c r="GR32" s="116">
        <v>0</v>
      </c>
      <c r="GS32" s="110">
        <v>0</v>
      </c>
      <c r="GT32" s="114">
        <v>160000</v>
      </c>
      <c r="GU32" s="113">
        <v>160000</v>
      </c>
      <c r="GV32" s="110">
        <v>0</v>
      </c>
      <c r="GW32" s="114">
        <v>8624</v>
      </c>
      <c r="GX32" s="114">
        <v>0</v>
      </c>
      <c r="GY32" s="114">
        <v>52800</v>
      </c>
      <c r="GZ32" s="114">
        <v>0</v>
      </c>
      <c r="HA32" s="114">
        <v>0</v>
      </c>
      <c r="HB32" s="112">
        <v>61424</v>
      </c>
      <c r="HC32" s="116">
        <v>221424</v>
      </c>
      <c r="HD32" s="110">
        <v>0</v>
      </c>
      <c r="HE32" s="114">
        <v>95544</v>
      </c>
      <c r="HF32" s="112">
        <v>95544</v>
      </c>
      <c r="HG32" s="111">
        <v>0</v>
      </c>
      <c r="HH32" s="114">
        <v>158889</v>
      </c>
      <c r="HI32" s="114">
        <v>360083</v>
      </c>
      <c r="HJ32" s="114">
        <v>391111</v>
      </c>
      <c r="HK32" s="114">
        <v>645534</v>
      </c>
      <c r="HL32" s="114">
        <v>232134</v>
      </c>
      <c r="HM32" s="113">
        <v>1787751</v>
      </c>
      <c r="HN32" s="116">
        <v>1883295</v>
      </c>
      <c r="HO32" s="503"/>
      <c r="HP32" s="329"/>
      <c r="HQ32" s="330"/>
      <c r="HR32" s="331"/>
      <c r="HS32" s="329"/>
      <c r="HT32" s="329"/>
      <c r="HU32" s="329"/>
      <c r="HV32" s="329"/>
      <c r="HW32" s="329"/>
      <c r="HX32" s="329"/>
      <c r="HY32" s="510"/>
      <c r="HZ32" s="150">
        <v>0</v>
      </c>
      <c r="IA32" s="135">
        <v>0</v>
      </c>
      <c r="IB32" s="150">
        <v>0</v>
      </c>
      <c r="IC32" s="134">
        <v>0</v>
      </c>
      <c r="ID32" s="135">
        <v>258276</v>
      </c>
      <c r="IE32" s="136">
        <v>0</v>
      </c>
      <c r="IF32" s="137">
        <v>886284</v>
      </c>
      <c r="IG32" s="135">
        <v>586737</v>
      </c>
      <c r="IH32" s="137">
        <v>539362</v>
      </c>
      <c r="II32" s="138">
        <v>2270659</v>
      </c>
      <c r="IJ32" s="150">
        <v>2270659</v>
      </c>
      <c r="IK32" s="232">
        <v>0</v>
      </c>
      <c r="IL32" s="236">
        <v>0</v>
      </c>
      <c r="IM32" s="237">
        <v>0</v>
      </c>
      <c r="IN32" s="140"/>
      <c r="IO32" s="119">
        <v>0</v>
      </c>
      <c r="IP32" s="119">
        <v>0</v>
      </c>
      <c r="IQ32" s="119">
        <v>175496</v>
      </c>
      <c r="IR32" s="119">
        <v>0</v>
      </c>
      <c r="IS32" s="119">
        <v>0</v>
      </c>
      <c r="IT32" s="141">
        <v>175496</v>
      </c>
      <c r="IU32" s="320">
        <v>175496</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14172</v>
      </c>
      <c r="JL32" s="119">
        <v>0</v>
      </c>
      <c r="JM32" s="119">
        <v>0</v>
      </c>
      <c r="JN32" s="119">
        <v>0</v>
      </c>
      <c r="JO32" s="119">
        <v>0</v>
      </c>
      <c r="JP32" s="120">
        <v>14172</v>
      </c>
      <c r="JQ32" s="320">
        <v>14172</v>
      </c>
      <c r="JR32" s="142">
        <v>0</v>
      </c>
      <c r="JS32" s="119">
        <v>0</v>
      </c>
      <c r="JT32" s="141">
        <v>0</v>
      </c>
      <c r="JU32" s="118">
        <v>0</v>
      </c>
      <c r="JV32" s="119">
        <v>244104</v>
      </c>
      <c r="JW32" s="119">
        <v>0</v>
      </c>
      <c r="JX32" s="119">
        <v>0</v>
      </c>
      <c r="JY32" s="119">
        <v>240656</v>
      </c>
      <c r="JZ32" s="119">
        <v>0</v>
      </c>
      <c r="KA32" s="120">
        <v>484760</v>
      </c>
      <c r="KB32" s="320">
        <v>484760</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250858</v>
      </c>
      <c r="KU32" s="119">
        <v>256971</v>
      </c>
      <c r="KV32" s="119">
        <v>0</v>
      </c>
      <c r="KW32" s="120">
        <v>507829</v>
      </c>
      <c r="KX32" s="320">
        <v>507829</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459930</v>
      </c>
      <c r="LQ32" s="119">
        <v>89110</v>
      </c>
      <c r="LR32" s="119">
        <v>539362</v>
      </c>
      <c r="LS32" s="120">
        <v>1088402</v>
      </c>
      <c r="LT32" s="320">
        <v>1088402</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0</v>
      </c>
      <c r="MK32" s="119">
        <v>482704</v>
      </c>
      <c r="ML32" s="119">
        <v>1538203</v>
      </c>
      <c r="MM32" s="119">
        <v>898901</v>
      </c>
      <c r="MN32" s="119">
        <v>917360</v>
      </c>
      <c r="MO32" s="120">
        <v>3837168</v>
      </c>
      <c r="MP32" s="143">
        <v>3837168</v>
      </c>
      <c r="MQ32" s="142">
        <v>0</v>
      </c>
      <c r="MR32" s="119">
        <v>0</v>
      </c>
      <c r="MS32" s="120">
        <v>0</v>
      </c>
      <c r="MT32" s="145"/>
      <c r="MU32" s="119">
        <v>0</v>
      </c>
      <c r="MV32" s="119">
        <v>234623</v>
      </c>
      <c r="MW32" s="119">
        <v>207380</v>
      </c>
      <c r="MX32" s="119">
        <v>0</v>
      </c>
      <c r="MY32" s="119">
        <v>538795</v>
      </c>
      <c r="MZ32" s="120">
        <v>980798</v>
      </c>
      <c r="NA32" s="143">
        <v>980798</v>
      </c>
      <c r="NB32" s="142">
        <v>0</v>
      </c>
      <c r="NC32" s="119">
        <v>0</v>
      </c>
      <c r="ND32" s="120">
        <v>0</v>
      </c>
      <c r="NE32" s="145"/>
      <c r="NF32" s="119">
        <v>0</v>
      </c>
      <c r="NG32" s="119">
        <v>248081</v>
      </c>
      <c r="NH32" s="119">
        <v>1330823</v>
      </c>
      <c r="NI32" s="119">
        <v>534425</v>
      </c>
      <c r="NJ32" s="119">
        <v>378565</v>
      </c>
      <c r="NK32" s="120">
        <v>2491894</v>
      </c>
      <c r="NL32" s="320">
        <v>2491894</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364476</v>
      </c>
      <c r="OF32" s="119">
        <v>0</v>
      </c>
      <c r="OG32" s="120">
        <v>364476</v>
      </c>
      <c r="OH32" s="121">
        <v>364476</v>
      </c>
      <c r="OI32" s="142">
        <v>22472</v>
      </c>
      <c r="OJ32" s="119">
        <v>492341</v>
      </c>
      <c r="OK32" s="141">
        <v>514813</v>
      </c>
      <c r="OL32" s="118">
        <v>0</v>
      </c>
      <c r="OM32" s="119">
        <v>1269995</v>
      </c>
      <c r="ON32" s="119">
        <v>2066574</v>
      </c>
      <c r="OO32" s="119">
        <v>4555444</v>
      </c>
      <c r="OP32" s="119">
        <v>3029269</v>
      </c>
      <c r="OQ32" s="119">
        <v>2034414</v>
      </c>
      <c r="OR32" s="120">
        <v>12955696</v>
      </c>
      <c r="OS32" s="143">
        <v>13470509</v>
      </c>
    </row>
    <row r="33" spans="2:409" ht="21" customHeight="1" x14ac:dyDescent="0.2">
      <c r="B33" s="126" t="s">
        <v>28</v>
      </c>
      <c r="C33" s="110">
        <v>0</v>
      </c>
      <c r="D33" s="114">
        <v>44407</v>
      </c>
      <c r="E33" s="113">
        <v>44407</v>
      </c>
      <c r="F33" s="109">
        <v>0</v>
      </c>
      <c r="G33" s="114">
        <v>350594</v>
      </c>
      <c r="H33" s="114">
        <v>78494</v>
      </c>
      <c r="I33" s="114">
        <v>81752</v>
      </c>
      <c r="J33" s="114">
        <v>363158</v>
      </c>
      <c r="K33" s="114">
        <v>65232</v>
      </c>
      <c r="L33" s="173">
        <v>939230</v>
      </c>
      <c r="M33" s="116">
        <v>983637</v>
      </c>
      <c r="N33" s="110">
        <v>0</v>
      </c>
      <c r="O33" s="114">
        <v>0</v>
      </c>
      <c r="P33" s="113">
        <v>0</v>
      </c>
      <c r="Q33" s="110">
        <v>0</v>
      </c>
      <c r="R33" s="114">
        <v>4144</v>
      </c>
      <c r="S33" s="114">
        <v>35518</v>
      </c>
      <c r="T33" s="114">
        <v>4800</v>
      </c>
      <c r="U33" s="114">
        <v>268942</v>
      </c>
      <c r="V33" s="114">
        <v>4136</v>
      </c>
      <c r="W33" s="113">
        <v>317540</v>
      </c>
      <c r="X33" s="116">
        <v>317540</v>
      </c>
      <c r="Y33" s="110">
        <v>0</v>
      </c>
      <c r="Z33" s="114">
        <v>0</v>
      </c>
      <c r="AA33" s="113">
        <v>0</v>
      </c>
      <c r="AB33" s="110">
        <v>0</v>
      </c>
      <c r="AC33" s="114">
        <v>0</v>
      </c>
      <c r="AD33" s="114">
        <v>0</v>
      </c>
      <c r="AE33" s="114">
        <v>0</v>
      </c>
      <c r="AF33" s="114">
        <v>192952</v>
      </c>
      <c r="AG33" s="114">
        <v>0</v>
      </c>
      <c r="AH33" s="113">
        <v>192952</v>
      </c>
      <c r="AI33" s="116">
        <v>192952</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0</v>
      </c>
      <c r="AZ33" s="114">
        <v>35518</v>
      </c>
      <c r="BA33" s="114">
        <v>0</v>
      </c>
      <c r="BB33" s="114">
        <v>71222</v>
      </c>
      <c r="BC33" s="114">
        <v>0</v>
      </c>
      <c r="BD33" s="113">
        <v>106740</v>
      </c>
      <c r="BE33" s="116">
        <v>106740</v>
      </c>
      <c r="BF33" s="110">
        <v>0</v>
      </c>
      <c r="BG33" s="114">
        <v>0</v>
      </c>
      <c r="BH33" s="112">
        <v>0</v>
      </c>
      <c r="BI33" s="111">
        <v>0</v>
      </c>
      <c r="BJ33" s="114">
        <v>0</v>
      </c>
      <c r="BK33" s="114">
        <v>0</v>
      </c>
      <c r="BL33" s="114">
        <v>0</v>
      </c>
      <c r="BM33" s="114">
        <v>0</v>
      </c>
      <c r="BN33" s="114">
        <v>0</v>
      </c>
      <c r="BO33" s="113">
        <v>0</v>
      </c>
      <c r="BP33" s="116">
        <v>0</v>
      </c>
      <c r="BQ33" s="110">
        <v>0</v>
      </c>
      <c r="BR33" s="114">
        <v>0</v>
      </c>
      <c r="BS33" s="113">
        <v>0</v>
      </c>
      <c r="BT33" s="110">
        <v>0</v>
      </c>
      <c r="BU33" s="114">
        <v>4144</v>
      </c>
      <c r="BV33" s="114">
        <v>0</v>
      </c>
      <c r="BW33" s="114">
        <v>4800</v>
      </c>
      <c r="BX33" s="114">
        <v>4768</v>
      </c>
      <c r="BY33" s="114">
        <v>4136</v>
      </c>
      <c r="BZ33" s="113">
        <v>17848</v>
      </c>
      <c r="CA33" s="116">
        <v>17848</v>
      </c>
      <c r="CB33" s="110">
        <v>0</v>
      </c>
      <c r="CC33" s="114">
        <v>38807</v>
      </c>
      <c r="CD33" s="113">
        <v>38807</v>
      </c>
      <c r="CE33" s="110">
        <v>0</v>
      </c>
      <c r="CF33" s="114">
        <v>173529</v>
      </c>
      <c r="CG33" s="114">
        <v>0</v>
      </c>
      <c r="CH33" s="114">
        <v>0</v>
      </c>
      <c r="CI33" s="114">
        <v>0</v>
      </c>
      <c r="CJ33" s="114">
        <v>0</v>
      </c>
      <c r="CK33" s="113">
        <v>173529</v>
      </c>
      <c r="CL33" s="116">
        <v>212336</v>
      </c>
      <c r="CM33" s="110">
        <v>0</v>
      </c>
      <c r="CN33" s="114">
        <v>0</v>
      </c>
      <c r="CO33" s="113">
        <v>0</v>
      </c>
      <c r="CP33" s="111">
        <v>0</v>
      </c>
      <c r="CQ33" s="114">
        <v>173529</v>
      </c>
      <c r="CR33" s="114">
        <v>0</v>
      </c>
      <c r="CS33" s="114">
        <v>0</v>
      </c>
      <c r="CT33" s="114">
        <v>0</v>
      </c>
      <c r="CU33" s="114">
        <v>0</v>
      </c>
      <c r="CV33" s="113">
        <v>173529</v>
      </c>
      <c r="CW33" s="116">
        <v>173529</v>
      </c>
      <c r="CX33" s="110">
        <v>0</v>
      </c>
      <c r="CY33" s="114">
        <v>38807</v>
      </c>
      <c r="CZ33" s="113">
        <v>38807</v>
      </c>
      <c r="DA33" s="110">
        <v>0</v>
      </c>
      <c r="DB33" s="114">
        <v>0</v>
      </c>
      <c r="DC33" s="114">
        <v>0</v>
      </c>
      <c r="DD33" s="114">
        <v>0</v>
      </c>
      <c r="DE33" s="114">
        <v>0</v>
      </c>
      <c r="DF33" s="114">
        <v>0</v>
      </c>
      <c r="DG33" s="113">
        <v>0</v>
      </c>
      <c r="DH33" s="116">
        <v>38807</v>
      </c>
      <c r="DI33" s="110">
        <v>0</v>
      </c>
      <c r="DJ33" s="114">
        <v>0</v>
      </c>
      <c r="DK33" s="112">
        <v>0</v>
      </c>
      <c r="DL33" s="111">
        <v>0</v>
      </c>
      <c r="DM33" s="114">
        <v>0</v>
      </c>
      <c r="DN33" s="114">
        <v>0</v>
      </c>
      <c r="DO33" s="114">
        <v>0</v>
      </c>
      <c r="DP33" s="114">
        <v>78016</v>
      </c>
      <c r="DQ33" s="114">
        <v>53096</v>
      </c>
      <c r="DR33" s="113">
        <v>131112</v>
      </c>
      <c r="DS33" s="116">
        <v>131112</v>
      </c>
      <c r="DT33" s="110">
        <v>0</v>
      </c>
      <c r="DU33" s="114">
        <v>0</v>
      </c>
      <c r="DV33" s="113">
        <v>0</v>
      </c>
      <c r="DW33" s="110">
        <v>0</v>
      </c>
      <c r="DX33" s="114">
        <v>0</v>
      </c>
      <c r="DY33" s="114">
        <v>0</v>
      </c>
      <c r="DZ33" s="114">
        <v>0</v>
      </c>
      <c r="EA33" s="114">
        <v>0</v>
      </c>
      <c r="EB33" s="114">
        <v>53096</v>
      </c>
      <c r="EC33" s="113">
        <v>53096</v>
      </c>
      <c r="ED33" s="116">
        <v>53096</v>
      </c>
      <c r="EE33" s="110">
        <v>0</v>
      </c>
      <c r="EF33" s="112">
        <v>0</v>
      </c>
      <c r="EG33" s="113">
        <v>0</v>
      </c>
      <c r="EH33" s="110">
        <v>0</v>
      </c>
      <c r="EI33" s="114">
        <v>0</v>
      </c>
      <c r="EJ33" s="114">
        <v>0</v>
      </c>
      <c r="EK33" s="114">
        <v>0</v>
      </c>
      <c r="EL33" s="114">
        <v>78016</v>
      </c>
      <c r="EM33" s="114">
        <v>0</v>
      </c>
      <c r="EN33" s="112">
        <v>78016</v>
      </c>
      <c r="EO33" s="116">
        <v>78016</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0</v>
      </c>
      <c r="FM33" s="114">
        <v>5600</v>
      </c>
      <c r="FN33" s="113">
        <v>5600</v>
      </c>
      <c r="FO33" s="110">
        <v>0</v>
      </c>
      <c r="FP33" s="114">
        <v>17040</v>
      </c>
      <c r="FQ33" s="114">
        <v>42976</v>
      </c>
      <c r="FR33" s="114">
        <v>0</v>
      </c>
      <c r="FS33" s="114">
        <v>16200</v>
      </c>
      <c r="FT33" s="114">
        <v>8000</v>
      </c>
      <c r="FU33" s="113">
        <v>84216</v>
      </c>
      <c r="FV33" s="116">
        <v>89816</v>
      </c>
      <c r="FW33" s="115">
        <v>0</v>
      </c>
      <c r="FX33" s="114">
        <v>5600</v>
      </c>
      <c r="FY33" s="112">
        <v>5600</v>
      </c>
      <c r="FZ33" s="111">
        <v>0</v>
      </c>
      <c r="GA33" s="114">
        <v>17040</v>
      </c>
      <c r="GB33" s="114">
        <v>42976</v>
      </c>
      <c r="GC33" s="114">
        <v>0</v>
      </c>
      <c r="GD33" s="114">
        <v>16200</v>
      </c>
      <c r="GE33" s="114">
        <v>8000</v>
      </c>
      <c r="GF33" s="113">
        <v>84216</v>
      </c>
      <c r="GG33" s="318">
        <v>8981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155881</v>
      </c>
      <c r="HI33" s="114">
        <v>0</v>
      </c>
      <c r="HJ33" s="114">
        <v>76952</v>
      </c>
      <c r="HK33" s="114">
        <v>0</v>
      </c>
      <c r="HL33" s="114">
        <v>0</v>
      </c>
      <c r="HM33" s="113">
        <v>232833</v>
      </c>
      <c r="HN33" s="116">
        <v>232833</v>
      </c>
      <c r="HO33" s="503"/>
      <c r="HP33" s="329"/>
      <c r="HQ33" s="330"/>
      <c r="HR33" s="331"/>
      <c r="HS33" s="329"/>
      <c r="HT33" s="329"/>
      <c r="HU33" s="329"/>
      <c r="HV33" s="329"/>
      <c r="HW33" s="329"/>
      <c r="HX33" s="329"/>
      <c r="HY33" s="510"/>
      <c r="HZ33" s="133">
        <v>0</v>
      </c>
      <c r="IA33" s="132">
        <v>0</v>
      </c>
      <c r="IB33" s="133">
        <v>0</v>
      </c>
      <c r="IC33" s="146">
        <v>0</v>
      </c>
      <c r="ID33" s="132">
        <v>109296</v>
      </c>
      <c r="IE33" s="147">
        <v>36168</v>
      </c>
      <c r="IF33" s="133">
        <v>0</v>
      </c>
      <c r="IG33" s="132">
        <v>0</v>
      </c>
      <c r="IH33" s="133">
        <v>502552</v>
      </c>
      <c r="II33" s="148">
        <v>648016</v>
      </c>
      <c r="IJ33" s="139">
        <v>648016</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09296</v>
      </c>
      <c r="JL33" s="119">
        <v>36168</v>
      </c>
      <c r="JM33" s="119">
        <v>0</v>
      </c>
      <c r="JN33" s="119">
        <v>0</v>
      </c>
      <c r="JO33" s="119">
        <v>0</v>
      </c>
      <c r="JP33" s="120">
        <v>145464</v>
      </c>
      <c r="JQ33" s="320">
        <v>145464</v>
      </c>
      <c r="JR33" s="142">
        <v>0</v>
      </c>
      <c r="JS33" s="119">
        <v>0</v>
      </c>
      <c r="JT33" s="141">
        <v>0</v>
      </c>
      <c r="JU33" s="118">
        <v>0</v>
      </c>
      <c r="JV33" s="119">
        <v>0</v>
      </c>
      <c r="JW33" s="119">
        <v>0</v>
      </c>
      <c r="JX33" s="119">
        <v>0</v>
      </c>
      <c r="JY33" s="119">
        <v>0</v>
      </c>
      <c r="JZ33" s="119">
        <v>40864</v>
      </c>
      <c r="KA33" s="120">
        <v>40864</v>
      </c>
      <c r="KB33" s="320">
        <v>40864</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461688</v>
      </c>
      <c r="KW33" s="120">
        <v>461688</v>
      </c>
      <c r="KX33" s="320">
        <v>461688</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0">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217504</v>
      </c>
      <c r="ML33" s="119">
        <v>0</v>
      </c>
      <c r="MM33" s="119">
        <v>690440</v>
      </c>
      <c r="MN33" s="119">
        <v>0</v>
      </c>
      <c r="MO33" s="120">
        <v>907944</v>
      </c>
      <c r="MP33" s="143">
        <v>907944</v>
      </c>
      <c r="MQ33" s="142">
        <v>0</v>
      </c>
      <c r="MR33" s="119">
        <v>0</v>
      </c>
      <c r="MS33" s="120">
        <v>0</v>
      </c>
      <c r="MT33" s="145"/>
      <c r="MU33" s="119">
        <v>0</v>
      </c>
      <c r="MV33" s="119">
        <v>0</v>
      </c>
      <c r="MW33" s="119">
        <v>0</v>
      </c>
      <c r="MX33" s="119">
        <v>0</v>
      </c>
      <c r="MY33" s="119">
        <v>0</v>
      </c>
      <c r="MZ33" s="120">
        <v>0</v>
      </c>
      <c r="NA33" s="143">
        <v>0</v>
      </c>
      <c r="NB33" s="142">
        <v>0</v>
      </c>
      <c r="NC33" s="119">
        <v>0</v>
      </c>
      <c r="ND33" s="120">
        <v>0</v>
      </c>
      <c r="NE33" s="145"/>
      <c r="NF33" s="119">
        <v>0</v>
      </c>
      <c r="NG33" s="119">
        <v>217504</v>
      </c>
      <c r="NH33" s="119">
        <v>0</v>
      </c>
      <c r="NI33" s="119">
        <v>690440</v>
      </c>
      <c r="NJ33" s="119">
        <v>0</v>
      </c>
      <c r="NK33" s="120">
        <v>907944</v>
      </c>
      <c r="NL33" s="320">
        <v>907944</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0</v>
      </c>
      <c r="OJ33" s="119">
        <v>44407</v>
      </c>
      <c r="OK33" s="141">
        <v>44407</v>
      </c>
      <c r="OL33" s="118">
        <v>0</v>
      </c>
      <c r="OM33" s="119">
        <v>459890</v>
      </c>
      <c r="ON33" s="119">
        <v>332166</v>
      </c>
      <c r="OO33" s="119">
        <v>81752</v>
      </c>
      <c r="OP33" s="119">
        <v>1053598</v>
      </c>
      <c r="OQ33" s="119">
        <v>567784</v>
      </c>
      <c r="OR33" s="120">
        <v>2495190</v>
      </c>
      <c r="OS33" s="143">
        <v>2539597</v>
      </c>
    </row>
    <row r="34" spans="2:409" ht="21" customHeight="1" x14ac:dyDescent="0.2">
      <c r="B34" s="126" t="s">
        <v>29</v>
      </c>
      <c r="C34" s="110">
        <v>7888</v>
      </c>
      <c r="D34" s="114">
        <v>14688</v>
      </c>
      <c r="E34" s="113">
        <v>22576</v>
      </c>
      <c r="F34" s="109">
        <v>0</v>
      </c>
      <c r="G34" s="114">
        <v>319294</v>
      </c>
      <c r="H34" s="114">
        <v>735353</v>
      </c>
      <c r="I34" s="114">
        <v>265539</v>
      </c>
      <c r="J34" s="114">
        <v>348800</v>
      </c>
      <c r="K34" s="114">
        <v>582279</v>
      </c>
      <c r="L34" s="173">
        <v>2251265</v>
      </c>
      <c r="M34" s="116">
        <v>2273841</v>
      </c>
      <c r="N34" s="110">
        <v>3888</v>
      </c>
      <c r="O34" s="114">
        <v>14688</v>
      </c>
      <c r="P34" s="113">
        <v>18576</v>
      </c>
      <c r="Q34" s="110">
        <v>0</v>
      </c>
      <c r="R34" s="114">
        <v>0</v>
      </c>
      <c r="S34" s="114">
        <v>39728</v>
      </c>
      <c r="T34" s="114">
        <v>0</v>
      </c>
      <c r="U34" s="114">
        <v>22320</v>
      </c>
      <c r="V34" s="114">
        <v>70832</v>
      </c>
      <c r="W34" s="113">
        <v>132880</v>
      </c>
      <c r="X34" s="116">
        <v>151456</v>
      </c>
      <c r="Y34" s="110">
        <v>0</v>
      </c>
      <c r="Z34" s="114">
        <v>0</v>
      </c>
      <c r="AA34" s="113">
        <v>0</v>
      </c>
      <c r="AB34" s="110">
        <v>0</v>
      </c>
      <c r="AC34" s="114">
        <v>0</v>
      </c>
      <c r="AD34" s="114">
        <v>0</v>
      </c>
      <c r="AE34" s="114">
        <v>0</v>
      </c>
      <c r="AF34" s="114">
        <v>0</v>
      </c>
      <c r="AG34" s="114">
        <v>0</v>
      </c>
      <c r="AH34" s="113">
        <v>0</v>
      </c>
      <c r="AI34" s="116">
        <v>0</v>
      </c>
      <c r="AJ34" s="110">
        <v>0</v>
      </c>
      <c r="AK34" s="114">
        <v>0</v>
      </c>
      <c r="AL34" s="113">
        <v>0</v>
      </c>
      <c r="AM34" s="110">
        <v>0</v>
      </c>
      <c r="AN34" s="114">
        <v>0</v>
      </c>
      <c r="AO34" s="114">
        <v>0</v>
      </c>
      <c r="AP34" s="114">
        <v>0</v>
      </c>
      <c r="AQ34" s="114">
        <v>0</v>
      </c>
      <c r="AR34" s="114">
        <v>32784</v>
      </c>
      <c r="AS34" s="113">
        <v>32784</v>
      </c>
      <c r="AT34" s="116">
        <v>32784</v>
      </c>
      <c r="AU34" s="110">
        <v>0</v>
      </c>
      <c r="AV34" s="114">
        <v>14688</v>
      </c>
      <c r="AW34" s="113">
        <v>14688</v>
      </c>
      <c r="AX34" s="110">
        <v>0</v>
      </c>
      <c r="AY34" s="114">
        <v>0</v>
      </c>
      <c r="AZ34" s="114">
        <v>0</v>
      </c>
      <c r="BA34" s="114">
        <v>0</v>
      </c>
      <c r="BB34" s="114">
        <v>0</v>
      </c>
      <c r="BC34" s="114">
        <v>30272</v>
      </c>
      <c r="BD34" s="113">
        <v>30272</v>
      </c>
      <c r="BE34" s="116">
        <v>44960</v>
      </c>
      <c r="BF34" s="110">
        <v>0</v>
      </c>
      <c r="BG34" s="114">
        <v>0</v>
      </c>
      <c r="BH34" s="112">
        <v>0</v>
      </c>
      <c r="BI34" s="111">
        <v>0</v>
      </c>
      <c r="BJ34" s="114">
        <v>0</v>
      </c>
      <c r="BK34" s="114">
        <v>0</v>
      </c>
      <c r="BL34" s="114">
        <v>0</v>
      </c>
      <c r="BM34" s="114">
        <v>0</v>
      </c>
      <c r="BN34" s="114">
        <v>0</v>
      </c>
      <c r="BO34" s="113">
        <v>0</v>
      </c>
      <c r="BP34" s="116">
        <v>0</v>
      </c>
      <c r="BQ34" s="110">
        <v>3888</v>
      </c>
      <c r="BR34" s="114">
        <v>0</v>
      </c>
      <c r="BS34" s="113">
        <v>3888</v>
      </c>
      <c r="BT34" s="110">
        <v>0</v>
      </c>
      <c r="BU34" s="114">
        <v>0</v>
      </c>
      <c r="BV34" s="114">
        <v>39728</v>
      </c>
      <c r="BW34" s="114">
        <v>0</v>
      </c>
      <c r="BX34" s="114">
        <v>22320</v>
      </c>
      <c r="BY34" s="114">
        <v>7776</v>
      </c>
      <c r="BZ34" s="113">
        <v>69824</v>
      </c>
      <c r="CA34" s="116">
        <v>73712</v>
      </c>
      <c r="CB34" s="110">
        <v>0</v>
      </c>
      <c r="CC34" s="114">
        <v>0</v>
      </c>
      <c r="CD34" s="113">
        <v>0</v>
      </c>
      <c r="CE34" s="110">
        <v>0</v>
      </c>
      <c r="CF34" s="114">
        <v>304414</v>
      </c>
      <c r="CG34" s="114">
        <v>319672</v>
      </c>
      <c r="CH34" s="114">
        <v>204707</v>
      </c>
      <c r="CI34" s="114">
        <v>74573</v>
      </c>
      <c r="CJ34" s="114">
        <v>81104</v>
      </c>
      <c r="CK34" s="113">
        <v>984470</v>
      </c>
      <c r="CL34" s="116">
        <v>984470</v>
      </c>
      <c r="CM34" s="110">
        <v>0</v>
      </c>
      <c r="CN34" s="114">
        <v>0</v>
      </c>
      <c r="CO34" s="113">
        <v>0</v>
      </c>
      <c r="CP34" s="111">
        <v>0</v>
      </c>
      <c r="CQ34" s="114">
        <v>246592</v>
      </c>
      <c r="CR34" s="114">
        <v>319672</v>
      </c>
      <c r="CS34" s="114">
        <v>172408</v>
      </c>
      <c r="CT34" s="114">
        <v>74573</v>
      </c>
      <c r="CU34" s="114">
        <v>81104</v>
      </c>
      <c r="CV34" s="113">
        <v>894349</v>
      </c>
      <c r="CW34" s="116">
        <v>894349</v>
      </c>
      <c r="CX34" s="110">
        <v>0</v>
      </c>
      <c r="CY34" s="114">
        <v>0</v>
      </c>
      <c r="CZ34" s="113">
        <v>0</v>
      </c>
      <c r="DA34" s="110">
        <v>0</v>
      </c>
      <c r="DB34" s="114">
        <v>57822</v>
      </c>
      <c r="DC34" s="114">
        <v>0</v>
      </c>
      <c r="DD34" s="114">
        <v>32299</v>
      </c>
      <c r="DE34" s="114">
        <v>0</v>
      </c>
      <c r="DF34" s="114">
        <v>0</v>
      </c>
      <c r="DG34" s="113">
        <v>90121</v>
      </c>
      <c r="DH34" s="116">
        <v>90121</v>
      </c>
      <c r="DI34" s="110">
        <v>0</v>
      </c>
      <c r="DJ34" s="114">
        <v>0</v>
      </c>
      <c r="DK34" s="112">
        <v>0</v>
      </c>
      <c r="DL34" s="111">
        <v>0</v>
      </c>
      <c r="DM34" s="114">
        <v>0</v>
      </c>
      <c r="DN34" s="114">
        <v>0</v>
      </c>
      <c r="DO34" s="114">
        <v>24072</v>
      </c>
      <c r="DP34" s="114">
        <v>0</v>
      </c>
      <c r="DQ34" s="114">
        <v>134703</v>
      </c>
      <c r="DR34" s="113">
        <v>158775</v>
      </c>
      <c r="DS34" s="116">
        <v>158775</v>
      </c>
      <c r="DT34" s="110">
        <v>0</v>
      </c>
      <c r="DU34" s="114">
        <v>0</v>
      </c>
      <c r="DV34" s="113">
        <v>0</v>
      </c>
      <c r="DW34" s="110">
        <v>0</v>
      </c>
      <c r="DX34" s="114">
        <v>0</v>
      </c>
      <c r="DY34" s="114">
        <v>0</v>
      </c>
      <c r="DZ34" s="114">
        <v>24072</v>
      </c>
      <c r="EA34" s="114">
        <v>0</v>
      </c>
      <c r="EB34" s="114">
        <v>134703</v>
      </c>
      <c r="EC34" s="113">
        <v>158775</v>
      </c>
      <c r="ED34" s="116">
        <v>158775</v>
      </c>
      <c r="EE34" s="110">
        <v>0</v>
      </c>
      <c r="EF34" s="112">
        <v>0</v>
      </c>
      <c r="EG34" s="113">
        <v>0</v>
      </c>
      <c r="EH34" s="110">
        <v>0</v>
      </c>
      <c r="EI34" s="114">
        <v>0</v>
      </c>
      <c r="EJ34" s="114">
        <v>0</v>
      </c>
      <c r="EK34" s="114">
        <v>0</v>
      </c>
      <c r="EL34" s="114">
        <v>0</v>
      </c>
      <c r="EM34" s="114">
        <v>0</v>
      </c>
      <c r="EN34" s="112">
        <v>0</v>
      </c>
      <c r="EO34" s="116">
        <v>0</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4000</v>
      </c>
      <c r="FM34" s="114">
        <v>0</v>
      </c>
      <c r="FN34" s="113">
        <v>4000</v>
      </c>
      <c r="FO34" s="110">
        <v>0</v>
      </c>
      <c r="FP34" s="114">
        <v>14880</v>
      </c>
      <c r="FQ34" s="114">
        <v>19344</v>
      </c>
      <c r="FR34" s="114">
        <v>36760</v>
      </c>
      <c r="FS34" s="114">
        <v>35200</v>
      </c>
      <c r="FT34" s="114">
        <v>68224</v>
      </c>
      <c r="FU34" s="113">
        <v>174408</v>
      </c>
      <c r="FV34" s="116">
        <v>178408</v>
      </c>
      <c r="FW34" s="115">
        <v>4000</v>
      </c>
      <c r="FX34" s="114">
        <v>0</v>
      </c>
      <c r="FY34" s="112">
        <v>4000</v>
      </c>
      <c r="FZ34" s="111">
        <v>0</v>
      </c>
      <c r="GA34" s="114">
        <v>14880</v>
      </c>
      <c r="GB34" s="114">
        <v>19344</v>
      </c>
      <c r="GC34" s="114">
        <v>36760</v>
      </c>
      <c r="GD34" s="114">
        <v>35200</v>
      </c>
      <c r="GE34" s="114">
        <v>68224</v>
      </c>
      <c r="GF34" s="113">
        <v>174408</v>
      </c>
      <c r="GG34" s="318">
        <v>178408</v>
      </c>
      <c r="GH34" s="115">
        <v>0</v>
      </c>
      <c r="GI34" s="114">
        <v>0</v>
      </c>
      <c r="GJ34" s="112">
        <v>0</v>
      </c>
      <c r="GK34" s="111">
        <v>0</v>
      </c>
      <c r="GL34" s="114">
        <v>0</v>
      </c>
      <c r="GM34" s="114">
        <v>0</v>
      </c>
      <c r="GN34" s="114">
        <v>0</v>
      </c>
      <c r="GO34" s="114">
        <v>0</v>
      </c>
      <c r="GP34" s="114">
        <v>0</v>
      </c>
      <c r="GQ34" s="113">
        <v>0</v>
      </c>
      <c r="GR34" s="116">
        <v>0</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0</v>
      </c>
      <c r="HI34" s="114">
        <v>356609</v>
      </c>
      <c r="HJ34" s="114">
        <v>0</v>
      </c>
      <c r="HK34" s="114">
        <v>216707</v>
      </c>
      <c r="HL34" s="114">
        <v>227416</v>
      </c>
      <c r="HM34" s="113">
        <v>800732</v>
      </c>
      <c r="HN34" s="116">
        <v>800732</v>
      </c>
      <c r="HO34" s="503"/>
      <c r="HP34" s="329"/>
      <c r="HQ34" s="330"/>
      <c r="HR34" s="331"/>
      <c r="HS34" s="329"/>
      <c r="HT34" s="329"/>
      <c r="HU34" s="329"/>
      <c r="HV34" s="329"/>
      <c r="HW34" s="329"/>
      <c r="HX34" s="329"/>
      <c r="HY34" s="510"/>
      <c r="HZ34" s="150">
        <v>0</v>
      </c>
      <c r="IA34" s="135">
        <v>0</v>
      </c>
      <c r="IB34" s="150">
        <v>0</v>
      </c>
      <c r="IC34" s="134">
        <v>0</v>
      </c>
      <c r="ID34" s="135">
        <v>100144</v>
      </c>
      <c r="IE34" s="136">
        <v>0</v>
      </c>
      <c r="IF34" s="137">
        <v>0</v>
      </c>
      <c r="IG34" s="135">
        <v>214472</v>
      </c>
      <c r="IH34" s="137">
        <v>0</v>
      </c>
      <c r="II34" s="138">
        <v>314616</v>
      </c>
      <c r="IJ34" s="150">
        <v>314616</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100144</v>
      </c>
      <c r="JL34" s="119">
        <v>0</v>
      </c>
      <c r="JM34" s="119">
        <v>0</v>
      </c>
      <c r="JN34" s="119">
        <v>0</v>
      </c>
      <c r="JO34" s="119">
        <v>0</v>
      </c>
      <c r="JP34" s="120">
        <v>100144</v>
      </c>
      <c r="JQ34" s="320">
        <v>100144</v>
      </c>
      <c r="JR34" s="142">
        <v>0</v>
      </c>
      <c r="JS34" s="119">
        <v>0</v>
      </c>
      <c r="JT34" s="141">
        <v>0</v>
      </c>
      <c r="JU34" s="118">
        <v>0</v>
      </c>
      <c r="JV34" s="119">
        <v>0</v>
      </c>
      <c r="JW34" s="119">
        <v>0</v>
      </c>
      <c r="JX34" s="119">
        <v>0</v>
      </c>
      <c r="JY34" s="119">
        <v>0</v>
      </c>
      <c r="JZ34" s="119">
        <v>0</v>
      </c>
      <c r="KA34" s="120">
        <v>0</v>
      </c>
      <c r="KB34" s="320">
        <v>0</v>
      </c>
      <c r="KC34" s="234">
        <v>0</v>
      </c>
      <c r="KD34" s="230">
        <v>0</v>
      </c>
      <c r="KE34" s="120">
        <v>0</v>
      </c>
      <c r="KF34" s="118">
        <v>0</v>
      </c>
      <c r="KG34" s="119">
        <v>0</v>
      </c>
      <c r="KH34" s="119">
        <v>0</v>
      </c>
      <c r="KI34" s="119">
        <v>0</v>
      </c>
      <c r="KJ34" s="119">
        <v>0</v>
      </c>
      <c r="KK34" s="119">
        <v>0</v>
      </c>
      <c r="KL34" s="120">
        <v>0</v>
      </c>
      <c r="KM34" s="143">
        <v>0</v>
      </c>
      <c r="KN34" s="232">
        <v>0</v>
      </c>
      <c r="KO34" s="236">
        <v>0</v>
      </c>
      <c r="KP34" s="237">
        <v>0</v>
      </c>
      <c r="KQ34" s="140"/>
      <c r="KR34" s="119">
        <v>0</v>
      </c>
      <c r="KS34" s="119">
        <v>0</v>
      </c>
      <c r="KT34" s="119">
        <v>0</v>
      </c>
      <c r="KU34" s="119">
        <v>0</v>
      </c>
      <c r="KV34" s="119">
        <v>0</v>
      </c>
      <c r="KW34" s="120">
        <v>0</v>
      </c>
      <c r="KX34" s="320">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14472</v>
      </c>
      <c r="LR34" s="119">
        <v>0</v>
      </c>
      <c r="LS34" s="120">
        <v>214472</v>
      </c>
      <c r="LT34" s="320">
        <v>214472</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0</v>
      </c>
      <c r="MM34" s="119">
        <v>0</v>
      </c>
      <c r="MN34" s="119">
        <v>516032</v>
      </c>
      <c r="MO34" s="120">
        <v>516032</v>
      </c>
      <c r="MP34" s="143">
        <v>516032</v>
      </c>
      <c r="MQ34" s="142">
        <v>0</v>
      </c>
      <c r="MR34" s="119">
        <v>0</v>
      </c>
      <c r="MS34" s="120">
        <v>0</v>
      </c>
      <c r="MT34" s="145"/>
      <c r="MU34" s="119">
        <v>0</v>
      </c>
      <c r="MV34" s="119">
        <v>0</v>
      </c>
      <c r="MW34" s="119">
        <v>0</v>
      </c>
      <c r="MX34" s="119">
        <v>0</v>
      </c>
      <c r="MY34" s="119">
        <v>516032</v>
      </c>
      <c r="MZ34" s="120">
        <v>516032</v>
      </c>
      <c r="NA34" s="143">
        <v>516032</v>
      </c>
      <c r="NB34" s="142">
        <v>0</v>
      </c>
      <c r="NC34" s="119">
        <v>0</v>
      </c>
      <c r="ND34" s="120">
        <v>0</v>
      </c>
      <c r="NE34" s="145"/>
      <c r="NF34" s="119">
        <v>0</v>
      </c>
      <c r="NG34" s="119">
        <v>0</v>
      </c>
      <c r="NH34" s="119">
        <v>0</v>
      </c>
      <c r="NI34" s="119">
        <v>0</v>
      </c>
      <c r="NJ34" s="119">
        <v>0</v>
      </c>
      <c r="NK34" s="120">
        <v>0</v>
      </c>
      <c r="NL34" s="320">
        <v>0</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7888</v>
      </c>
      <c r="OJ34" s="119">
        <v>14688</v>
      </c>
      <c r="OK34" s="141">
        <v>22576</v>
      </c>
      <c r="OL34" s="118">
        <v>0</v>
      </c>
      <c r="OM34" s="119">
        <v>419438</v>
      </c>
      <c r="ON34" s="119">
        <v>735353</v>
      </c>
      <c r="OO34" s="119">
        <v>265539</v>
      </c>
      <c r="OP34" s="119">
        <v>563272</v>
      </c>
      <c r="OQ34" s="119">
        <v>1098311</v>
      </c>
      <c r="OR34" s="120">
        <v>3081913</v>
      </c>
      <c r="OS34" s="143">
        <v>3104489</v>
      </c>
    </row>
    <row r="35" spans="2:409" ht="21" customHeight="1" x14ac:dyDescent="0.2">
      <c r="B35" s="126" t="s">
        <v>30</v>
      </c>
      <c r="C35" s="110">
        <v>21056</v>
      </c>
      <c r="D35" s="114">
        <v>69248</v>
      </c>
      <c r="E35" s="174">
        <v>90304</v>
      </c>
      <c r="F35" s="175">
        <v>0</v>
      </c>
      <c r="G35" s="176">
        <v>457728</v>
      </c>
      <c r="H35" s="176">
        <v>54538</v>
      </c>
      <c r="I35" s="176">
        <v>241291</v>
      </c>
      <c r="J35" s="176">
        <v>337376</v>
      </c>
      <c r="K35" s="176">
        <v>57488</v>
      </c>
      <c r="L35" s="177">
        <v>1148421</v>
      </c>
      <c r="M35" s="116">
        <v>1238725</v>
      </c>
      <c r="N35" s="110">
        <v>0</v>
      </c>
      <c r="O35" s="114">
        <v>64848</v>
      </c>
      <c r="P35" s="113">
        <v>64848</v>
      </c>
      <c r="Q35" s="110">
        <v>0</v>
      </c>
      <c r="R35" s="114">
        <v>137616</v>
      </c>
      <c r="S35" s="114">
        <v>48138</v>
      </c>
      <c r="T35" s="114">
        <v>60856</v>
      </c>
      <c r="U35" s="114">
        <v>88952</v>
      </c>
      <c r="V35" s="114">
        <v>0</v>
      </c>
      <c r="W35" s="113">
        <v>335562</v>
      </c>
      <c r="X35" s="116">
        <v>400410</v>
      </c>
      <c r="Y35" s="110">
        <v>0</v>
      </c>
      <c r="Z35" s="114">
        <v>0</v>
      </c>
      <c r="AA35" s="113">
        <v>0</v>
      </c>
      <c r="AB35" s="110">
        <v>0</v>
      </c>
      <c r="AC35" s="114">
        <v>127584</v>
      </c>
      <c r="AD35" s="114">
        <v>45850</v>
      </c>
      <c r="AE35" s="114">
        <v>25400</v>
      </c>
      <c r="AF35" s="114">
        <v>31280</v>
      </c>
      <c r="AG35" s="114">
        <v>0</v>
      </c>
      <c r="AH35" s="113">
        <v>230114</v>
      </c>
      <c r="AI35" s="116">
        <v>230114</v>
      </c>
      <c r="AJ35" s="110">
        <v>0</v>
      </c>
      <c r="AK35" s="114">
        <v>0</v>
      </c>
      <c r="AL35" s="113">
        <v>0</v>
      </c>
      <c r="AM35" s="110">
        <v>0</v>
      </c>
      <c r="AN35" s="114">
        <v>0</v>
      </c>
      <c r="AO35" s="114">
        <v>0</v>
      </c>
      <c r="AP35" s="114">
        <v>0</v>
      </c>
      <c r="AQ35" s="114">
        <v>0</v>
      </c>
      <c r="AR35" s="114">
        <v>0</v>
      </c>
      <c r="AS35" s="113">
        <v>0</v>
      </c>
      <c r="AT35" s="116">
        <v>0</v>
      </c>
      <c r="AU35" s="110">
        <v>0</v>
      </c>
      <c r="AV35" s="114">
        <v>64848</v>
      </c>
      <c r="AW35" s="113">
        <v>64848</v>
      </c>
      <c r="AX35" s="110">
        <v>0</v>
      </c>
      <c r="AY35" s="114">
        <v>0</v>
      </c>
      <c r="AZ35" s="114">
        <v>0</v>
      </c>
      <c r="BA35" s="114">
        <v>35456</v>
      </c>
      <c r="BB35" s="114">
        <v>28840</v>
      </c>
      <c r="BC35" s="114">
        <v>0</v>
      </c>
      <c r="BD35" s="113">
        <v>64296</v>
      </c>
      <c r="BE35" s="116">
        <v>129144</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10032</v>
      </c>
      <c r="BV35" s="114">
        <v>2288</v>
      </c>
      <c r="BW35" s="114">
        <v>0</v>
      </c>
      <c r="BX35" s="114">
        <v>28832</v>
      </c>
      <c r="BY35" s="114">
        <v>0</v>
      </c>
      <c r="BZ35" s="113">
        <v>41152</v>
      </c>
      <c r="CA35" s="116">
        <v>41152</v>
      </c>
      <c r="CB35" s="110">
        <v>21056</v>
      </c>
      <c r="CC35" s="114">
        <v>0</v>
      </c>
      <c r="CD35" s="113">
        <v>21056</v>
      </c>
      <c r="CE35" s="110">
        <v>0</v>
      </c>
      <c r="CF35" s="114">
        <v>36620</v>
      </c>
      <c r="CG35" s="114">
        <v>0</v>
      </c>
      <c r="CH35" s="114">
        <v>111373</v>
      </c>
      <c r="CI35" s="114">
        <v>125016</v>
      </c>
      <c r="CJ35" s="114">
        <v>0</v>
      </c>
      <c r="CK35" s="113">
        <v>273009</v>
      </c>
      <c r="CL35" s="116">
        <v>294065</v>
      </c>
      <c r="CM35" s="110">
        <v>0</v>
      </c>
      <c r="CN35" s="114">
        <v>0</v>
      </c>
      <c r="CO35" s="113">
        <v>0</v>
      </c>
      <c r="CP35" s="111">
        <v>0</v>
      </c>
      <c r="CQ35" s="114">
        <v>16940</v>
      </c>
      <c r="CR35" s="114">
        <v>0</v>
      </c>
      <c r="CS35" s="114">
        <v>0</v>
      </c>
      <c r="CT35" s="114">
        <v>125016</v>
      </c>
      <c r="CU35" s="114">
        <v>0</v>
      </c>
      <c r="CV35" s="113">
        <v>141956</v>
      </c>
      <c r="CW35" s="116">
        <v>141956</v>
      </c>
      <c r="CX35" s="110">
        <v>21056</v>
      </c>
      <c r="CY35" s="114">
        <v>0</v>
      </c>
      <c r="CZ35" s="113">
        <v>21056</v>
      </c>
      <c r="DA35" s="110">
        <v>0</v>
      </c>
      <c r="DB35" s="114">
        <v>19680</v>
      </c>
      <c r="DC35" s="114">
        <v>0</v>
      </c>
      <c r="DD35" s="114">
        <v>111373</v>
      </c>
      <c r="DE35" s="114">
        <v>0</v>
      </c>
      <c r="DF35" s="114">
        <v>0</v>
      </c>
      <c r="DG35" s="113">
        <v>131053</v>
      </c>
      <c r="DH35" s="116">
        <v>152109</v>
      </c>
      <c r="DI35" s="110">
        <v>0</v>
      </c>
      <c r="DJ35" s="114">
        <v>0</v>
      </c>
      <c r="DK35" s="112">
        <v>0</v>
      </c>
      <c r="DL35" s="111">
        <v>0</v>
      </c>
      <c r="DM35" s="114">
        <v>122232</v>
      </c>
      <c r="DN35" s="114">
        <v>0</v>
      </c>
      <c r="DO35" s="114">
        <v>35342</v>
      </c>
      <c r="DP35" s="114">
        <v>74480</v>
      </c>
      <c r="DQ35" s="114">
        <v>56688</v>
      </c>
      <c r="DR35" s="113">
        <v>288742</v>
      </c>
      <c r="DS35" s="116">
        <v>288742</v>
      </c>
      <c r="DT35" s="110">
        <v>0</v>
      </c>
      <c r="DU35" s="114">
        <v>0</v>
      </c>
      <c r="DV35" s="113">
        <v>0</v>
      </c>
      <c r="DW35" s="110">
        <v>0</v>
      </c>
      <c r="DX35" s="114">
        <v>0</v>
      </c>
      <c r="DY35" s="114">
        <v>0</v>
      </c>
      <c r="DZ35" s="114">
        <v>35342</v>
      </c>
      <c r="EA35" s="114">
        <v>74480</v>
      </c>
      <c r="EB35" s="114">
        <v>0</v>
      </c>
      <c r="EC35" s="113">
        <v>109822</v>
      </c>
      <c r="ED35" s="116">
        <v>109822</v>
      </c>
      <c r="EE35" s="110">
        <v>0</v>
      </c>
      <c r="EF35" s="112">
        <v>0</v>
      </c>
      <c r="EG35" s="113">
        <v>0</v>
      </c>
      <c r="EH35" s="110">
        <v>0</v>
      </c>
      <c r="EI35" s="114">
        <v>122232</v>
      </c>
      <c r="EJ35" s="114">
        <v>0</v>
      </c>
      <c r="EK35" s="114">
        <v>0</v>
      </c>
      <c r="EL35" s="114">
        <v>0</v>
      </c>
      <c r="EM35" s="114">
        <v>56688</v>
      </c>
      <c r="EN35" s="112">
        <v>178920</v>
      </c>
      <c r="EO35" s="116">
        <v>178920</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0</v>
      </c>
      <c r="FM35" s="114">
        <v>4400</v>
      </c>
      <c r="FN35" s="113">
        <v>4400</v>
      </c>
      <c r="FO35" s="110">
        <v>0</v>
      </c>
      <c r="FP35" s="114">
        <v>640</v>
      </c>
      <c r="FQ35" s="114">
        <v>6400</v>
      </c>
      <c r="FR35" s="114">
        <v>33720</v>
      </c>
      <c r="FS35" s="114">
        <v>48928</v>
      </c>
      <c r="FT35" s="114">
        <v>800</v>
      </c>
      <c r="FU35" s="113">
        <v>90488</v>
      </c>
      <c r="FV35" s="116">
        <v>94888</v>
      </c>
      <c r="FW35" s="115">
        <v>0</v>
      </c>
      <c r="FX35" s="114">
        <v>4400</v>
      </c>
      <c r="FY35" s="112">
        <v>4400</v>
      </c>
      <c r="FZ35" s="111">
        <v>0</v>
      </c>
      <c r="GA35" s="114">
        <v>640</v>
      </c>
      <c r="GB35" s="114">
        <v>6400</v>
      </c>
      <c r="GC35" s="114">
        <v>33720</v>
      </c>
      <c r="GD35" s="114">
        <v>48928</v>
      </c>
      <c r="GE35" s="114">
        <v>800</v>
      </c>
      <c r="GF35" s="113">
        <v>90488</v>
      </c>
      <c r="GG35" s="318">
        <v>94888</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160620</v>
      </c>
      <c r="HI35" s="114">
        <v>0</v>
      </c>
      <c r="HJ35" s="114">
        <v>0</v>
      </c>
      <c r="HK35" s="114">
        <v>0</v>
      </c>
      <c r="HL35" s="114">
        <v>0</v>
      </c>
      <c r="HM35" s="113">
        <v>160620</v>
      </c>
      <c r="HN35" s="116">
        <v>160620</v>
      </c>
      <c r="HO35" s="503"/>
      <c r="HP35" s="329"/>
      <c r="HQ35" s="330"/>
      <c r="HR35" s="331"/>
      <c r="HS35" s="329"/>
      <c r="HT35" s="329"/>
      <c r="HU35" s="329"/>
      <c r="HV35" s="329"/>
      <c r="HW35" s="329"/>
      <c r="HX35" s="329"/>
      <c r="HY35" s="510"/>
      <c r="HZ35" s="133">
        <v>26763</v>
      </c>
      <c r="IA35" s="132">
        <v>0</v>
      </c>
      <c r="IB35" s="133">
        <v>26763</v>
      </c>
      <c r="IC35" s="146">
        <v>0</v>
      </c>
      <c r="ID35" s="132">
        <v>34263</v>
      </c>
      <c r="IE35" s="147">
        <v>198400</v>
      </c>
      <c r="IF35" s="133">
        <v>149608</v>
      </c>
      <c r="IG35" s="132">
        <v>243328</v>
      </c>
      <c r="IH35" s="133">
        <v>0</v>
      </c>
      <c r="II35" s="148">
        <v>625599</v>
      </c>
      <c r="IJ35" s="139">
        <v>652362</v>
      </c>
      <c r="IK35" s="232">
        <v>0</v>
      </c>
      <c r="IL35" s="236">
        <v>0</v>
      </c>
      <c r="IM35" s="237">
        <v>0</v>
      </c>
      <c r="IN35" s="140"/>
      <c r="IO35" s="119">
        <v>0</v>
      </c>
      <c r="IP35" s="119">
        <v>0</v>
      </c>
      <c r="IQ35" s="119">
        <v>0</v>
      </c>
      <c r="IR35" s="119">
        <v>0</v>
      </c>
      <c r="IS35" s="119">
        <v>0</v>
      </c>
      <c r="IT35" s="141">
        <v>0</v>
      </c>
      <c r="IU35" s="320">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34263</v>
      </c>
      <c r="JL35" s="119">
        <v>0</v>
      </c>
      <c r="JM35" s="119">
        <v>149608</v>
      </c>
      <c r="JN35" s="119">
        <v>0</v>
      </c>
      <c r="JO35" s="119">
        <v>0</v>
      </c>
      <c r="JP35" s="120">
        <v>183871</v>
      </c>
      <c r="JQ35" s="320">
        <v>183871</v>
      </c>
      <c r="JR35" s="142">
        <v>26763</v>
      </c>
      <c r="JS35" s="119">
        <v>0</v>
      </c>
      <c r="JT35" s="141">
        <v>26763</v>
      </c>
      <c r="JU35" s="118">
        <v>0</v>
      </c>
      <c r="JV35" s="119">
        <v>0</v>
      </c>
      <c r="JW35" s="119">
        <v>0</v>
      </c>
      <c r="JX35" s="119">
        <v>0</v>
      </c>
      <c r="JY35" s="119">
        <v>0</v>
      </c>
      <c r="JZ35" s="119">
        <v>0</v>
      </c>
      <c r="KA35" s="120">
        <v>0</v>
      </c>
      <c r="KB35" s="320">
        <v>26763</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198400</v>
      </c>
      <c r="KT35" s="119">
        <v>0</v>
      </c>
      <c r="KU35" s="119">
        <v>243328</v>
      </c>
      <c r="KV35" s="119">
        <v>0</v>
      </c>
      <c r="KW35" s="120">
        <v>441728</v>
      </c>
      <c r="KX35" s="320">
        <v>441728</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211144</v>
      </c>
      <c r="MK35" s="119">
        <v>0</v>
      </c>
      <c r="ML35" s="119">
        <v>265630</v>
      </c>
      <c r="MM35" s="119">
        <v>1766552</v>
      </c>
      <c r="MN35" s="119">
        <v>641872</v>
      </c>
      <c r="MO35" s="120">
        <v>2885198</v>
      </c>
      <c r="MP35" s="143">
        <v>2885198</v>
      </c>
      <c r="MQ35" s="142">
        <v>0</v>
      </c>
      <c r="MR35" s="119">
        <v>0</v>
      </c>
      <c r="MS35" s="120">
        <v>0</v>
      </c>
      <c r="MT35" s="145"/>
      <c r="MU35" s="119">
        <v>0</v>
      </c>
      <c r="MV35" s="119">
        <v>0</v>
      </c>
      <c r="MW35" s="119">
        <v>0</v>
      </c>
      <c r="MX35" s="119">
        <v>1196928</v>
      </c>
      <c r="MY35" s="119">
        <v>0</v>
      </c>
      <c r="MZ35" s="120">
        <v>1196928</v>
      </c>
      <c r="NA35" s="143">
        <v>1196928</v>
      </c>
      <c r="NB35" s="142">
        <v>0</v>
      </c>
      <c r="NC35" s="119">
        <v>0</v>
      </c>
      <c r="ND35" s="120">
        <v>0</v>
      </c>
      <c r="NE35" s="145"/>
      <c r="NF35" s="119">
        <v>211144</v>
      </c>
      <c r="NG35" s="119">
        <v>0</v>
      </c>
      <c r="NH35" s="119">
        <v>265630</v>
      </c>
      <c r="NI35" s="119">
        <v>569624</v>
      </c>
      <c r="NJ35" s="119">
        <v>235992</v>
      </c>
      <c r="NK35" s="120">
        <v>1282390</v>
      </c>
      <c r="NL35" s="320">
        <v>1282390</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405880</v>
      </c>
      <c r="OG35" s="120">
        <v>405880</v>
      </c>
      <c r="OH35" s="121">
        <v>405880</v>
      </c>
      <c r="OI35" s="142">
        <v>47819</v>
      </c>
      <c r="OJ35" s="119">
        <v>69248</v>
      </c>
      <c r="OK35" s="141">
        <v>117067</v>
      </c>
      <c r="OL35" s="118">
        <v>0</v>
      </c>
      <c r="OM35" s="119">
        <v>703135</v>
      </c>
      <c r="ON35" s="119">
        <v>252938</v>
      </c>
      <c r="OO35" s="119">
        <v>656529</v>
      </c>
      <c r="OP35" s="119">
        <v>2347256</v>
      </c>
      <c r="OQ35" s="119">
        <v>699360</v>
      </c>
      <c r="OR35" s="120">
        <v>4659218</v>
      </c>
      <c r="OS35" s="143">
        <v>4776285</v>
      </c>
    </row>
    <row r="36" spans="2:409" ht="21" customHeight="1" x14ac:dyDescent="0.2">
      <c r="B36" s="126" t="s">
        <v>31</v>
      </c>
      <c r="C36" s="110">
        <v>30096</v>
      </c>
      <c r="D36" s="114">
        <v>14000</v>
      </c>
      <c r="E36" s="113">
        <v>44096</v>
      </c>
      <c r="F36" s="109">
        <v>0</v>
      </c>
      <c r="G36" s="114">
        <v>189676</v>
      </c>
      <c r="H36" s="114">
        <v>975903</v>
      </c>
      <c r="I36" s="114">
        <v>157560</v>
      </c>
      <c r="J36" s="114">
        <v>278190</v>
      </c>
      <c r="K36" s="114">
        <v>0</v>
      </c>
      <c r="L36" s="173">
        <v>1601329</v>
      </c>
      <c r="M36" s="116">
        <v>1645425</v>
      </c>
      <c r="N36" s="110">
        <v>8096</v>
      </c>
      <c r="O36" s="114">
        <v>0</v>
      </c>
      <c r="P36" s="113">
        <v>8096</v>
      </c>
      <c r="Q36" s="110">
        <v>0</v>
      </c>
      <c r="R36" s="114">
        <v>79440</v>
      </c>
      <c r="S36" s="114">
        <v>236568</v>
      </c>
      <c r="T36" s="114">
        <v>118960</v>
      </c>
      <c r="U36" s="114">
        <v>114064</v>
      </c>
      <c r="V36" s="114">
        <v>0</v>
      </c>
      <c r="W36" s="113">
        <v>549032</v>
      </c>
      <c r="X36" s="116">
        <v>557128</v>
      </c>
      <c r="Y36" s="110">
        <v>0</v>
      </c>
      <c r="Z36" s="114">
        <v>0</v>
      </c>
      <c r="AA36" s="113">
        <v>0</v>
      </c>
      <c r="AB36" s="110">
        <v>0</v>
      </c>
      <c r="AC36" s="114">
        <v>55216</v>
      </c>
      <c r="AD36" s="114">
        <v>20944</v>
      </c>
      <c r="AE36" s="114">
        <v>0</v>
      </c>
      <c r="AF36" s="114">
        <v>0</v>
      </c>
      <c r="AG36" s="114">
        <v>0</v>
      </c>
      <c r="AH36" s="113">
        <v>76160</v>
      </c>
      <c r="AI36" s="116">
        <v>76160</v>
      </c>
      <c r="AJ36" s="110">
        <v>0</v>
      </c>
      <c r="AK36" s="114">
        <v>0</v>
      </c>
      <c r="AL36" s="113">
        <v>0</v>
      </c>
      <c r="AM36" s="110">
        <v>0</v>
      </c>
      <c r="AN36" s="114">
        <v>0</v>
      </c>
      <c r="AO36" s="114">
        <v>43704</v>
      </c>
      <c r="AP36" s="114">
        <v>86312</v>
      </c>
      <c r="AQ36" s="114">
        <v>0</v>
      </c>
      <c r="AR36" s="114">
        <v>0</v>
      </c>
      <c r="AS36" s="113">
        <v>130016</v>
      </c>
      <c r="AT36" s="116">
        <v>130016</v>
      </c>
      <c r="AU36" s="110">
        <v>8096</v>
      </c>
      <c r="AV36" s="114">
        <v>0</v>
      </c>
      <c r="AW36" s="113">
        <v>8096</v>
      </c>
      <c r="AX36" s="110">
        <v>0</v>
      </c>
      <c r="AY36" s="114">
        <v>24224</v>
      </c>
      <c r="AZ36" s="114">
        <v>0</v>
      </c>
      <c r="BA36" s="114">
        <v>32648</v>
      </c>
      <c r="BB36" s="114">
        <v>108608</v>
      </c>
      <c r="BC36" s="114">
        <v>0</v>
      </c>
      <c r="BD36" s="113">
        <v>165480</v>
      </c>
      <c r="BE36" s="116">
        <v>173576</v>
      </c>
      <c r="BF36" s="110">
        <v>0</v>
      </c>
      <c r="BG36" s="114">
        <v>0</v>
      </c>
      <c r="BH36" s="112">
        <v>0</v>
      </c>
      <c r="BI36" s="111">
        <v>0</v>
      </c>
      <c r="BJ36" s="114">
        <v>0</v>
      </c>
      <c r="BK36" s="114">
        <v>171920</v>
      </c>
      <c r="BL36" s="114">
        <v>0</v>
      </c>
      <c r="BM36" s="114">
        <v>0</v>
      </c>
      <c r="BN36" s="114">
        <v>0</v>
      </c>
      <c r="BO36" s="113">
        <v>171920</v>
      </c>
      <c r="BP36" s="116">
        <v>171920</v>
      </c>
      <c r="BQ36" s="110">
        <v>0</v>
      </c>
      <c r="BR36" s="114">
        <v>0</v>
      </c>
      <c r="BS36" s="113">
        <v>0</v>
      </c>
      <c r="BT36" s="110">
        <v>0</v>
      </c>
      <c r="BU36" s="114">
        <v>0</v>
      </c>
      <c r="BV36" s="114">
        <v>0</v>
      </c>
      <c r="BW36" s="114">
        <v>0</v>
      </c>
      <c r="BX36" s="114">
        <v>5456</v>
      </c>
      <c r="BY36" s="114">
        <v>0</v>
      </c>
      <c r="BZ36" s="113">
        <v>5456</v>
      </c>
      <c r="CA36" s="116">
        <v>5456</v>
      </c>
      <c r="CB36" s="110">
        <v>0</v>
      </c>
      <c r="CC36" s="114">
        <v>0</v>
      </c>
      <c r="CD36" s="113">
        <v>0</v>
      </c>
      <c r="CE36" s="110">
        <v>0</v>
      </c>
      <c r="CF36" s="114">
        <v>95116</v>
      </c>
      <c r="CG36" s="114">
        <v>323701</v>
      </c>
      <c r="CH36" s="114">
        <v>0</v>
      </c>
      <c r="CI36" s="114">
        <v>133086</v>
      </c>
      <c r="CJ36" s="114">
        <v>0</v>
      </c>
      <c r="CK36" s="113">
        <v>551903</v>
      </c>
      <c r="CL36" s="116">
        <v>551903</v>
      </c>
      <c r="CM36" s="110">
        <v>0</v>
      </c>
      <c r="CN36" s="114">
        <v>0</v>
      </c>
      <c r="CO36" s="113">
        <v>0</v>
      </c>
      <c r="CP36" s="111">
        <v>0</v>
      </c>
      <c r="CQ36" s="114">
        <v>95116</v>
      </c>
      <c r="CR36" s="114">
        <v>157047</v>
      </c>
      <c r="CS36" s="114">
        <v>0</v>
      </c>
      <c r="CT36" s="114">
        <v>47734</v>
      </c>
      <c r="CU36" s="114">
        <v>0</v>
      </c>
      <c r="CV36" s="113">
        <v>299897</v>
      </c>
      <c r="CW36" s="116">
        <v>299897</v>
      </c>
      <c r="CX36" s="110">
        <v>0</v>
      </c>
      <c r="CY36" s="114">
        <v>0</v>
      </c>
      <c r="CZ36" s="113">
        <v>0</v>
      </c>
      <c r="DA36" s="110">
        <v>0</v>
      </c>
      <c r="DB36" s="114">
        <v>0</v>
      </c>
      <c r="DC36" s="114">
        <v>166654</v>
      </c>
      <c r="DD36" s="114">
        <v>0</v>
      </c>
      <c r="DE36" s="114">
        <v>85352</v>
      </c>
      <c r="DF36" s="114">
        <v>0</v>
      </c>
      <c r="DG36" s="113">
        <v>252006</v>
      </c>
      <c r="DH36" s="116">
        <v>252006</v>
      </c>
      <c r="DI36" s="110">
        <v>0</v>
      </c>
      <c r="DJ36" s="114">
        <v>0</v>
      </c>
      <c r="DK36" s="112">
        <v>0</v>
      </c>
      <c r="DL36" s="111">
        <v>0</v>
      </c>
      <c r="DM36" s="114">
        <v>0</v>
      </c>
      <c r="DN36" s="114">
        <v>291322</v>
      </c>
      <c r="DO36" s="114">
        <v>0</v>
      </c>
      <c r="DP36" s="114">
        <v>0</v>
      </c>
      <c r="DQ36" s="114">
        <v>0</v>
      </c>
      <c r="DR36" s="113">
        <v>291322</v>
      </c>
      <c r="DS36" s="116">
        <v>291322</v>
      </c>
      <c r="DT36" s="110">
        <v>0</v>
      </c>
      <c r="DU36" s="114">
        <v>0</v>
      </c>
      <c r="DV36" s="113">
        <v>0</v>
      </c>
      <c r="DW36" s="110">
        <v>0</v>
      </c>
      <c r="DX36" s="114">
        <v>0</v>
      </c>
      <c r="DY36" s="114">
        <v>291322</v>
      </c>
      <c r="DZ36" s="114">
        <v>0</v>
      </c>
      <c r="EA36" s="114">
        <v>0</v>
      </c>
      <c r="EB36" s="114">
        <v>0</v>
      </c>
      <c r="EC36" s="113">
        <v>291322</v>
      </c>
      <c r="ED36" s="116">
        <v>291322</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22000</v>
      </c>
      <c r="FM36" s="114">
        <v>14000</v>
      </c>
      <c r="FN36" s="113">
        <v>36000</v>
      </c>
      <c r="FO36" s="110">
        <v>0</v>
      </c>
      <c r="FP36" s="114">
        <v>15120</v>
      </c>
      <c r="FQ36" s="114">
        <v>124312</v>
      </c>
      <c r="FR36" s="114">
        <v>38600</v>
      </c>
      <c r="FS36" s="114">
        <v>31040</v>
      </c>
      <c r="FT36" s="114">
        <v>0</v>
      </c>
      <c r="FU36" s="113">
        <v>209072</v>
      </c>
      <c r="FV36" s="116">
        <v>245072</v>
      </c>
      <c r="FW36" s="115">
        <v>22000</v>
      </c>
      <c r="FX36" s="114">
        <v>14000</v>
      </c>
      <c r="FY36" s="112">
        <v>36000</v>
      </c>
      <c r="FZ36" s="111">
        <v>0</v>
      </c>
      <c r="GA36" s="114">
        <v>15120</v>
      </c>
      <c r="GB36" s="114">
        <v>124312</v>
      </c>
      <c r="GC36" s="114">
        <v>38600</v>
      </c>
      <c r="GD36" s="114">
        <v>31040</v>
      </c>
      <c r="GE36" s="114">
        <v>0</v>
      </c>
      <c r="GF36" s="113">
        <v>209072</v>
      </c>
      <c r="GG36" s="318">
        <v>245072</v>
      </c>
      <c r="GH36" s="115">
        <v>0</v>
      </c>
      <c r="GI36" s="114">
        <v>0</v>
      </c>
      <c r="GJ36" s="112">
        <v>0</v>
      </c>
      <c r="GK36" s="111">
        <v>0</v>
      </c>
      <c r="GL36" s="114">
        <v>0</v>
      </c>
      <c r="GM36" s="114">
        <v>0</v>
      </c>
      <c r="GN36" s="114">
        <v>0</v>
      </c>
      <c r="GO36" s="114">
        <v>0</v>
      </c>
      <c r="GP36" s="114">
        <v>0</v>
      </c>
      <c r="GQ36" s="113">
        <v>0</v>
      </c>
      <c r="GR36" s="116">
        <v>0</v>
      </c>
      <c r="GS36" s="110">
        <v>0</v>
      </c>
      <c r="GT36" s="114">
        <v>0</v>
      </c>
      <c r="GU36" s="113">
        <v>0</v>
      </c>
      <c r="GV36" s="110">
        <v>0</v>
      </c>
      <c r="GW36" s="114">
        <v>0</v>
      </c>
      <c r="GX36" s="114">
        <v>0</v>
      </c>
      <c r="GY36" s="114">
        <v>0</v>
      </c>
      <c r="GZ36" s="114">
        <v>0</v>
      </c>
      <c r="HA36" s="114">
        <v>0</v>
      </c>
      <c r="HB36" s="112">
        <v>0</v>
      </c>
      <c r="HC36" s="116">
        <v>0</v>
      </c>
      <c r="HD36" s="110">
        <v>0</v>
      </c>
      <c r="HE36" s="114">
        <v>0</v>
      </c>
      <c r="HF36" s="112">
        <v>0</v>
      </c>
      <c r="HG36" s="111">
        <v>0</v>
      </c>
      <c r="HH36" s="114">
        <v>0</v>
      </c>
      <c r="HI36" s="114">
        <v>0</v>
      </c>
      <c r="HJ36" s="114">
        <v>0</v>
      </c>
      <c r="HK36" s="114">
        <v>0</v>
      </c>
      <c r="HL36" s="114">
        <v>0</v>
      </c>
      <c r="HM36" s="113">
        <v>0</v>
      </c>
      <c r="HN36" s="116">
        <v>0</v>
      </c>
      <c r="HO36" s="503"/>
      <c r="HP36" s="329"/>
      <c r="HQ36" s="330"/>
      <c r="HR36" s="331"/>
      <c r="HS36" s="329"/>
      <c r="HT36" s="329"/>
      <c r="HU36" s="329"/>
      <c r="HV36" s="329"/>
      <c r="HW36" s="329"/>
      <c r="HX36" s="329"/>
      <c r="HY36" s="510"/>
      <c r="HZ36" s="150">
        <v>0</v>
      </c>
      <c r="IA36" s="135">
        <v>0</v>
      </c>
      <c r="IB36" s="150">
        <v>0</v>
      </c>
      <c r="IC36" s="134">
        <v>0</v>
      </c>
      <c r="ID36" s="135">
        <v>152761</v>
      </c>
      <c r="IE36" s="136">
        <v>539724</v>
      </c>
      <c r="IF36" s="137">
        <v>193469</v>
      </c>
      <c r="IG36" s="135">
        <v>263565</v>
      </c>
      <c r="IH36" s="137">
        <v>0</v>
      </c>
      <c r="II36" s="138">
        <v>1149519</v>
      </c>
      <c r="IJ36" s="150">
        <v>1149519</v>
      </c>
      <c r="IK36" s="232">
        <v>0</v>
      </c>
      <c r="IL36" s="236">
        <v>0</v>
      </c>
      <c r="IM36" s="237">
        <v>0</v>
      </c>
      <c r="IN36" s="140"/>
      <c r="IO36" s="119">
        <v>0</v>
      </c>
      <c r="IP36" s="119">
        <v>0</v>
      </c>
      <c r="IQ36" s="119">
        <v>0</v>
      </c>
      <c r="IR36" s="119">
        <v>0</v>
      </c>
      <c r="IS36" s="119">
        <v>0</v>
      </c>
      <c r="IT36" s="141">
        <v>0</v>
      </c>
      <c r="IU36" s="320">
        <v>0</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16183</v>
      </c>
      <c r="JL36" s="119">
        <v>33756</v>
      </c>
      <c r="JM36" s="119">
        <v>0</v>
      </c>
      <c r="JN36" s="119">
        <v>11234</v>
      </c>
      <c r="JO36" s="119">
        <v>0</v>
      </c>
      <c r="JP36" s="120">
        <v>61173</v>
      </c>
      <c r="JQ36" s="320">
        <v>61173</v>
      </c>
      <c r="JR36" s="142">
        <v>0</v>
      </c>
      <c r="JS36" s="119">
        <v>0</v>
      </c>
      <c r="JT36" s="141">
        <v>0</v>
      </c>
      <c r="JU36" s="118">
        <v>0</v>
      </c>
      <c r="JV36" s="119">
        <v>0</v>
      </c>
      <c r="JW36" s="119">
        <v>0</v>
      </c>
      <c r="JX36" s="119">
        <v>193469</v>
      </c>
      <c r="JY36" s="119">
        <v>0</v>
      </c>
      <c r="JZ36" s="119">
        <v>0</v>
      </c>
      <c r="KA36" s="120">
        <v>193469</v>
      </c>
      <c r="KB36" s="320">
        <v>193469</v>
      </c>
      <c r="KC36" s="234">
        <v>0</v>
      </c>
      <c r="KD36" s="230">
        <v>0</v>
      </c>
      <c r="KE36" s="120">
        <v>0</v>
      </c>
      <c r="KF36" s="118">
        <v>0</v>
      </c>
      <c r="KG36" s="119">
        <v>136578</v>
      </c>
      <c r="KH36" s="119">
        <v>0</v>
      </c>
      <c r="KI36" s="119">
        <v>0</v>
      </c>
      <c r="KJ36" s="119">
        <v>0</v>
      </c>
      <c r="KK36" s="119">
        <v>0</v>
      </c>
      <c r="KL36" s="120">
        <v>136578</v>
      </c>
      <c r="KM36" s="143">
        <v>136578</v>
      </c>
      <c r="KN36" s="232">
        <v>0</v>
      </c>
      <c r="KO36" s="236">
        <v>0</v>
      </c>
      <c r="KP36" s="237">
        <v>0</v>
      </c>
      <c r="KQ36" s="140"/>
      <c r="KR36" s="119">
        <v>0</v>
      </c>
      <c r="KS36" s="119">
        <v>505968</v>
      </c>
      <c r="KT36" s="119">
        <v>0</v>
      </c>
      <c r="KU36" s="119">
        <v>252331</v>
      </c>
      <c r="KV36" s="119">
        <v>0</v>
      </c>
      <c r="KW36" s="120">
        <v>758299</v>
      </c>
      <c r="KX36" s="320">
        <v>758299</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232867</v>
      </c>
      <c r="ML36" s="119">
        <v>475292</v>
      </c>
      <c r="MM36" s="119">
        <v>0</v>
      </c>
      <c r="MN36" s="119">
        <v>0</v>
      </c>
      <c r="MO36" s="120">
        <v>708159</v>
      </c>
      <c r="MP36" s="143">
        <v>708159</v>
      </c>
      <c r="MQ36" s="142">
        <v>0</v>
      </c>
      <c r="MR36" s="119">
        <v>0</v>
      </c>
      <c r="MS36" s="120">
        <v>0</v>
      </c>
      <c r="MT36" s="145"/>
      <c r="MU36" s="119">
        <v>0</v>
      </c>
      <c r="MV36" s="119">
        <v>0</v>
      </c>
      <c r="MW36" s="119">
        <v>475292</v>
      </c>
      <c r="MX36" s="119">
        <v>0</v>
      </c>
      <c r="MY36" s="119">
        <v>0</v>
      </c>
      <c r="MZ36" s="120">
        <v>475292</v>
      </c>
      <c r="NA36" s="143">
        <v>475292</v>
      </c>
      <c r="NB36" s="142">
        <v>0</v>
      </c>
      <c r="NC36" s="119">
        <v>0</v>
      </c>
      <c r="ND36" s="120">
        <v>0</v>
      </c>
      <c r="NE36" s="145"/>
      <c r="NF36" s="119">
        <v>0</v>
      </c>
      <c r="NG36" s="119">
        <v>232867</v>
      </c>
      <c r="NH36" s="119">
        <v>0</v>
      </c>
      <c r="NI36" s="119">
        <v>0</v>
      </c>
      <c r="NJ36" s="119">
        <v>0</v>
      </c>
      <c r="NK36" s="120">
        <v>232867</v>
      </c>
      <c r="NL36" s="320">
        <v>232867</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30096</v>
      </c>
      <c r="OJ36" s="119">
        <v>14000</v>
      </c>
      <c r="OK36" s="141">
        <v>44096</v>
      </c>
      <c r="OL36" s="118">
        <v>0</v>
      </c>
      <c r="OM36" s="119">
        <v>342437</v>
      </c>
      <c r="ON36" s="119">
        <v>1748494</v>
      </c>
      <c r="OO36" s="119">
        <v>826321</v>
      </c>
      <c r="OP36" s="119">
        <v>541755</v>
      </c>
      <c r="OQ36" s="119">
        <v>0</v>
      </c>
      <c r="OR36" s="120">
        <v>3459007</v>
      </c>
      <c r="OS36" s="143">
        <v>3503103</v>
      </c>
    </row>
    <row r="37" spans="2:409" ht="21" customHeight="1" x14ac:dyDescent="0.2">
      <c r="B37" s="126" t="s">
        <v>32</v>
      </c>
      <c r="C37" s="110">
        <v>0</v>
      </c>
      <c r="D37" s="114">
        <v>22288</v>
      </c>
      <c r="E37" s="174">
        <v>22288</v>
      </c>
      <c r="F37" s="175">
        <v>0</v>
      </c>
      <c r="G37" s="176">
        <v>194664</v>
      </c>
      <c r="H37" s="176">
        <v>621148</v>
      </c>
      <c r="I37" s="176">
        <v>646554</v>
      </c>
      <c r="J37" s="176">
        <v>763744</v>
      </c>
      <c r="K37" s="176">
        <v>557897</v>
      </c>
      <c r="L37" s="177">
        <v>2784007</v>
      </c>
      <c r="M37" s="116">
        <v>2806295</v>
      </c>
      <c r="N37" s="110">
        <v>0</v>
      </c>
      <c r="O37" s="114">
        <v>12688</v>
      </c>
      <c r="P37" s="113">
        <v>12688</v>
      </c>
      <c r="Q37" s="110">
        <v>0</v>
      </c>
      <c r="R37" s="114">
        <v>48024</v>
      </c>
      <c r="S37" s="114">
        <v>171107</v>
      </c>
      <c r="T37" s="114">
        <v>152730</v>
      </c>
      <c r="U37" s="114">
        <v>320680</v>
      </c>
      <c r="V37" s="114">
        <v>233866</v>
      </c>
      <c r="W37" s="113">
        <v>926407</v>
      </c>
      <c r="X37" s="116">
        <v>939095</v>
      </c>
      <c r="Y37" s="110">
        <v>0</v>
      </c>
      <c r="Z37" s="114">
        <v>0</v>
      </c>
      <c r="AA37" s="113">
        <v>0</v>
      </c>
      <c r="AB37" s="110">
        <v>0</v>
      </c>
      <c r="AC37" s="114">
        <v>32984</v>
      </c>
      <c r="AD37" s="114">
        <v>112643</v>
      </c>
      <c r="AE37" s="114">
        <v>65252</v>
      </c>
      <c r="AF37" s="114">
        <v>231968</v>
      </c>
      <c r="AG37" s="114">
        <v>176224</v>
      </c>
      <c r="AH37" s="113">
        <v>619071</v>
      </c>
      <c r="AI37" s="116">
        <v>619071</v>
      </c>
      <c r="AJ37" s="110">
        <v>0</v>
      </c>
      <c r="AK37" s="114">
        <v>0</v>
      </c>
      <c r="AL37" s="113">
        <v>0</v>
      </c>
      <c r="AM37" s="110">
        <v>0</v>
      </c>
      <c r="AN37" s="114">
        <v>0</v>
      </c>
      <c r="AO37" s="114">
        <v>0</v>
      </c>
      <c r="AP37" s="114">
        <v>0</v>
      </c>
      <c r="AQ37" s="114">
        <v>0</v>
      </c>
      <c r="AR37" s="114">
        <v>57642</v>
      </c>
      <c r="AS37" s="113">
        <v>57642</v>
      </c>
      <c r="AT37" s="116">
        <v>57642</v>
      </c>
      <c r="AU37" s="110">
        <v>0</v>
      </c>
      <c r="AV37" s="114">
        <v>12688</v>
      </c>
      <c r="AW37" s="113">
        <v>12688</v>
      </c>
      <c r="AX37" s="110">
        <v>0</v>
      </c>
      <c r="AY37" s="114">
        <v>15040</v>
      </c>
      <c r="AZ37" s="114">
        <v>25920</v>
      </c>
      <c r="BA37" s="114">
        <v>41070</v>
      </c>
      <c r="BB37" s="114">
        <v>8400</v>
      </c>
      <c r="BC37" s="114">
        <v>0</v>
      </c>
      <c r="BD37" s="113">
        <v>90430</v>
      </c>
      <c r="BE37" s="116">
        <v>103118</v>
      </c>
      <c r="BF37" s="110">
        <v>0</v>
      </c>
      <c r="BG37" s="114">
        <v>0</v>
      </c>
      <c r="BH37" s="112">
        <v>0</v>
      </c>
      <c r="BI37" s="111">
        <v>0</v>
      </c>
      <c r="BJ37" s="114">
        <v>0</v>
      </c>
      <c r="BK37" s="114">
        <v>22944</v>
      </c>
      <c r="BL37" s="114">
        <v>0</v>
      </c>
      <c r="BM37" s="114">
        <v>0</v>
      </c>
      <c r="BN37" s="114">
        <v>0</v>
      </c>
      <c r="BO37" s="113">
        <v>22944</v>
      </c>
      <c r="BP37" s="116">
        <v>22944</v>
      </c>
      <c r="BQ37" s="110">
        <v>0</v>
      </c>
      <c r="BR37" s="114">
        <v>0</v>
      </c>
      <c r="BS37" s="113">
        <v>0</v>
      </c>
      <c r="BT37" s="110">
        <v>0</v>
      </c>
      <c r="BU37" s="114">
        <v>0</v>
      </c>
      <c r="BV37" s="114">
        <v>9600</v>
      </c>
      <c r="BW37" s="114">
        <v>46408</v>
      </c>
      <c r="BX37" s="114">
        <v>80312</v>
      </c>
      <c r="BY37" s="114">
        <v>0</v>
      </c>
      <c r="BZ37" s="113">
        <v>136320</v>
      </c>
      <c r="CA37" s="116">
        <v>136320</v>
      </c>
      <c r="CB37" s="110">
        <v>0</v>
      </c>
      <c r="CC37" s="114">
        <v>0</v>
      </c>
      <c r="CD37" s="113">
        <v>0</v>
      </c>
      <c r="CE37" s="110">
        <v>0</v>
      </c>
      <c r="CF37" s="114">
        <v>124480</v>
      </c>
      <c r="CG37" s="114">
        <v>201889</v>
      </c>
      <c r="CH37" s="114">
        <v>235872</v>
      </c>
      <c r="CI37" s="114">
        <v>0</v>
      </c>
      <c r="CJ37" s="114">
        <v>202420</v>
      </c>
      <c r="CK37" s="113">
        <v>764661</v>
      </c>
      <c r="CL37" s="116">
        <v>764661</v>
      </c>
      <c r="CM37" s="110">
        <v>0</v>
      </c>
      <c r="CN37" s="114">
        <v>0</v>
      </c>
      <c r="CO37" s="113">
        <v>0</v>
      </c>
      <c r="CP37" s="111">
        <v>0</v>
      </c>
      <c r="CQ37" s="114">
        <v>68024</v>
      </c>
      <c r="CR37" s="114">
        <v>128344</v>
      </c>
      <c r="CS37" s="114">
        <v>235872</v>
      </c>
      <c r="CT37" s="114">
        <v>0</v>
      </c>
      <c r="CU37" s="114">
        <v>130808</v>
      </c>
      <c r="CV37" s="113">
        <v>563048</v>
      </c>
      <c r="CW37" s="116">
        <v>563048</v>
      </c>
      <c r="CX37" s="110">
        <v>0</v>
      </c>
      <c r="CY37" s="114">
        <v>0</v>
      </c>
      <c r="CZ37" s="113">
        <v>0</v>
      </c>
      <c r="DA37" s="110">
        <v>0</v>
      </c>
      <c r="DB37" s="114">
        <v>56456</v>
      </c>
      <c r="DC37" s="114">
        <v>73545</v>
      </c>
      <c r="DD37" s="114">
        <v>0</v>
      </c>
      <c r="DE37" s="114">
        <v>0</v>
      </c>
      <c r="DF37" s="114">
        <v>71612</v>
      </c>
      <c r="DG37" s="113">
        <v>201613</v>
      </c>
      <c r="DH37" s="116">
        <v>201613</v>
      </c>
      <c r="DI37" s="110">
        <v>0</v>
      </c>
      <c r="DJ37" s="114">
        <v>0</v>
      </c>
      <c r="DK37" s="112">
        <v>0</v>
      </c>
      <c r="DL37" s="111">
        <v>0</v>
      </c>
      <c r="DM37" s="114">
        <v>0</v>
      </c>
      <c r="DN37" s="114">
        <v>0</v>
      </c>
      <c r="DO37" s="114">
        <v>17144</v>
      </c>
      <c r="DP37" s="114">
        <v>0</v>
      </c>
      <c r="DQ37" s="114">
        <v>67131</v>
      </c>
      <c r="DR37" s="113">
        <v>84275</v>
      </c>
      <c r="DS37" s="116">
        <v>84275</v>
      </c>
      <c r="DT37" s="110">
        <v>0</v>
      </c>
      <c r="DU37" s="114">
        <v>0</v>
      </c>
      <c r="DV37" s="113">
        <v>0</v>
      </c>
      <c r="DW37" s="110">
        <v>0</v>
      </c>
      <c r="DX37" s="114">
        <v>0</v>
      </c>
      <c r="DY37" s="114">
        <v>0</v>
      </c>
      <c r="DZ37" s="114">
        <v>17144</v>
      </c>
      <c r="EA37" s="114">
        <v>0</v>
      </c>
      <c r="EB37" s="114">
        <v>67131</v>
      </c>
      <c r="EC37" s="113">
        <v>84275</v>
      </c>
      <c r="ED37" s="116">
        <v>84275</v>
      </c>
      <c r="EE37" s="110">
        <v>0</v>
      </c>
      <c r="EF37" s="112">
        <v>0</v>
      </c>
      <c r="EG37" s="113">
        <v>0</v>
      </c>
      <c r="EH37" s="110">
        <v>0</v>
      </c>
      <c r="EI37" s="114">
        <v>0</v>
      </c>
      <c r="EJ37" s="114">
        <v>0</v>
      </c>
      <c r="EK37" s="114">
        <v>0</v>
      </c>
      <c r="EL37" s="114">
        <v>0</v>
      </c>
      <c r="EM37" s="114">
        <v>0</v>
      </c>
      <c r="EN37" s="112">
        <v>0</v>
      </c>
      <c r="EO37" s="116">
        <v>0</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0</v>
      </c>
      <c r="FM37" s="114">
        <v>9600</v>
      </c>
      <c r="FN37" s="113">
        <v>9600</v>
      </c>
      <c r="FO37" s="110">
        <v>0</v>
      </c>
      <c r="FP37" s="114">
        <v>22160</v>
      </c>
      <c r="FQ37" s="114">
        <v>79232</v>
      </c>
      <c r="FR37" s="114">
        <v>52896</v>
      </c>
      <c r="FS37" s="114">
        <v>30744</v>
      </c>
      <c r="FT37" s="114">
        <v>54480</v>
      </c>
      <c r="FU37" s="113">
        <v>239512</v>
      </c>
      <c r="FV37" s="116">
        <v>249112</v>
      </c>
      <c r="FW37" s="115">
        <v>0</v>
      </c>
      <c r="FX37" s="114">
        <v>9600</v>
      </c>
      <c r="FY37" s="112">
        <v>9600</v>
      </c>
      <c r="FZ37" s="111">
        <v>0</v>
      </c>
      <c r="GA37" s="114">
        <v>22160</v>
      </c>
      <c r="GB37" s="114">
        <v>79232</v>
      </c>
      <c r="GC37" s="114">
        <v>52896</v>
      </c>
      <c r="GD37" s="114">
        <v>30744</v>
      </c>
      <c r="GE37" s="114">
        <v>54480</v>
      </c>
      <c r="GF37" s="113">
        <v>239512</v>
      </c>
      <c r="GG37" s="318">
        <v>249112</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0</v>
      </c>
      <c r="HI37" s="114">
        <v>168920</v>
      </c>
      <c r="HJ37" s="114">
        <v>187912</v>
      </c>
      <c r="HK37" s="114">
        <v>412320</v>
      </c>
      <c r="HL37" s="114">
        <v>0</v>
      </c>
      <c r="HM37" s="113">
        <v>769152</v>
      </c>
      <c r="HN37" s="116">
        <v>769152</v>
      </c>
      <c r="HO37" s="503"/>
      <c r="HP37" s="329"/>
      <c r="HQ37" s="330"/>
      <c r="HR37" s="331"/>
      <c r="HS37" s="329"/>
      <c r="HT37" s="329"/>
      <c r="HU37" s="329"/>
      <c r="HV37" s="329"/>
      <c r="HW37" s="329"/>
      <c r="HX37" s="329"/>
      <c r="HY37" s="510"/>
      <c r="HZ37" s="133">
        <v>0</v>
      </c>
      <c r="IA37" s="132">
        <v>0</v>
      </c>
      <c r="IB37" s="133">
        <v>0</v>
      </c>
      <c r="IC37" s="146">
        <v>0</v>
      </c>
      <c r="ID37" s="132">
        <v>64760</v>
      </c>
      <c r="IE37" s="147">
        <v>92288</v>
      </c>
      <c r="IF37" s="133">
        <v>436768</v>
      </c>
      <c r="IG37" s="132">
        <v>21712</v>
      </c>
      <c r="IH37" s="133">
        <v>42134</v>
      </c>
      <c r="II37" s="148">
        <v>657662</v>
      </c>
      <c r="IJ37" s="139">
        <v>657662</v>
      </c>
      <c r="IK37" s="232">
        <v>0</v>
      </c>
      <c r="IL37" s="236">
        <v>0</v>
      </c>
      <c r="IM37" s="237">
        <v>0</v>
      </c>
      <c r="IN37" s="140"/>
      <c r="IO37" s="119">
        <v>0</v>
      </c>
      <c r="IP37" s="119">
        <v>0</v>
      </c>
      <c r="IQ37" s="119">
        <v>0</v>
      </c>
      <c r="IR37" s="119">
        <v>0</v>
      </c>
      <c r="IS37" s="119">
        <v>0</v>
      </c>
      <c r="IT37" s="141">
        <v>0</v>
      </c>
      <c r="IU37" s="320">
        <v>0</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64760</v>
      </c>
      <c r="JL37" s="119">
        <v>92288</v>
      </c>
      <c r="JM37" s="119">
        <v>0</v>
      </c>
      <c r="JN37" s="119">
        <v>0</v>
      </c>
      <c r="JO37" s="119">
        <v>42134</v>
      </c>
      <c r="JP37" s="120">
        <v>199182</v>
      </c>
      <c r="JQ37" s="320">
        <v>199182</v>
      </c>
      <c r="JR37" s="142">
        <v>0</v>
      </c>
      <c r="JS37" s="119">
        <v>0</v>
      </c>
      <c r="JT37" s="141">
        <v>0</v>
      </c>
      <c r="JU37" s="118">
        <v>0</v>
      </c>
      <c r="JV37" s="119">
        <v>0</v>
      </c>
      <c r="JW37" s="119">
        <v>0</v>
      </c>
      <c r="JX37" s="119">
        <v>0</v>
      </c>
      <c r="JY37" s="119">
        <v>21712</v>
      </c>
      <c r="JZ37" s="119">
        <v>0</v>
      </c>
      <c r="KA37" s="120">
        <v>21712</v>
      </c>
      <c r="KB37" s="320">
        <v>21712</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0</v>
      </c>
      <c r="KT37" s="119">
        <v>234200</v>
      </c>
      <c r="KU37" s="119">
        <v>0</v>
      </c>
      <c r="KV37" s="119">
        <v>0</v>
      </c>
      <c r="KW37" s="120">
        <v>234200</v>
      </c>
      <c r="KX37" s="320">
        <v>234200</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0</v>
      </c>
      <c r="LP37" s="119">
        <v>202568</v>
      </c>
      <c r="LQ37" s="119">
        <v>0</v>
      </c>
      <c r="LR37" s="119">
        <v>0</v>
      </c>
      <c r="LS37" s="120">
        <v>202568</v>
      </c>
      <c r="LT37" s="320">
        <v>202568</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584421</v>
      </c>
      <c r="MM37" s="119">
        <v>795951</v>
      </c>
      <c r="MN37" s="119">
        <v>0</v>
      </c>
      <c r="MO37" s="120">
        <v>1380372</v>
      </c>
      <c r="MP37" s="143">
        <v>1380372</v>
      </c>
      <c r="MQ37" s="142">
        <v>0</v>
      </c>
      <c r="MR37" s="119">
        <v>0</v>
      </c>
      <c r="MS37" s="120">
        <v>0</v>
      </c>
      <c r="MT37" s="145"/>
      <c r="MU37" s="119">
        <v>0</v>
      </c>
      <c r="MV37" s="119">
        <v>0</v>
      </c>
      <c r="MW37" s="119">
        <v>0</v>
      </c>
      <c r="MX37" s="119">
        <v>519455</v>
      </c>
      <c r="MY37" s="119">
        <v>0</v>
      </c>
      <c r="MZ37" s="120">
        <v>519455</v>
      </c>
      <c r="NA37" s="143">
        <v>519455</v>
      </c>
      <c r="NB37" s="142">
        <v>0</v>
      </c>
      <c r="NC37" s="119">
        <v>0</v>
      </c>
      <c r="ND37" s="120">
        <v>0</v>
      </c>
      <c r="NE37" s="145"/>
      <c r="NF37" s="119">
        <v>0</v>
      </c>
      <c r="NG37" s="119">
        <v>0</v>
      </c>
      <c r="NH37" s="119">
        <v>584421</v>
      </c>
      <c r="NI37" s="119">
        <v>276496</v>
      </c>
      <c r="NJ37" s="119">
        <v>0</v>
      </c>
      <c r="NK37" s="120">
        <v>860917</v>
      </c>
      <c r="NL37" s="320">
        <v>860917</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0</v>
      </c>
      <c r="OJ37" s="119">
        <v>22288</v>
      </c>
      <c r="OK37" s="141">
        <v>22288</v>
      </c>
      <c r="OL37" s="118">
        <v>0</v>
      </c>
      <c r="OM37" s="119">
        <v>259424</v>
      </c>
      <c r="ON37" s="119">
        <v>713436</v>
      </c>
      <c r="OO37" s="119">
        <v>1667743</v>
      </c>
      <c r="OP37" s="119">
        <v>1581407</v>
      </c>
      <c r="OQ37" s="119">
        <v>600031</v>
      </c>
      <c r="OR37" s="120">
        <v>4822041</v>
      </c>
      <c r="OS37" s="143">
        <v>4844329</v>
      </c>
    </row>
    <row r="38" spans="2:409" ht="21" customHeight="1" x14ac:dyDescent="0.2">
      <c r="B38" s="126" t="s">
        <v>33</v>
      </c>
      <c r="C38" s="110">
        <v>54013</v>
      </c>
      <c r="D38" s="114">
        <v>23895</v>
      </c>
      <c r="E38" s="113">
        <v>77908</v>
      </c>
      <c r="F38" s="109">
        <v>0</v>
      </c>
      <c r="G38" s="114">
        <v>164260</v>
      </c>
      <c r="H38" s="114">
        <v>270479</v>
      </c>
      <c r="I38" s="114">
        <v>155488</v>
      </c>
      <c r="J38" s="114">
        <v>319223</v>
      </c>
      <c r="K38" s="114">
        <v>68428</v>
      </c>
      <c r="L38" s="173">
        <v>977878</v>
      </c>
      <c r="M38" s="116">
        <v>1055786</v>
      </c>
      <c r="N38" s="110">
        <v>31046</v>
      </c>
      <c r="O38" s="114">
        <v>23895</v>
      </c>
      <c r="P38" s="113">
        <v>54941</v>
      </c>
      <c r="Q38" s="110">
        <v>0</v>
      </c>
      <c r="R38" s="114">
        <v>63700</v>
      </c>
      <c r="S38" s="114">
        <v>32260</v>
      </c>
      <c r="T38" s="114">
        <v>0</v>
      </c>
      <c r="U38" s="114">
        <v>93613</v>
      </c>
      <c r="V38" s="114">
        <v>68428</v>
      </c>
      <c r="W38" s="113">
        <v>258001</v>
      </c>
      <c r="X38" s="116">
        <v>312942</v>
      </c>
      <c r="Y38" s="110">
        <v>0</v>
      </c>
      <c r="Z38" s="114">
        <v>0</v>
      </c>
      <c r="AA38" s="113">
        <v>0</v>
      </c>
      <c r="AB38" s="110">
        <v>0</v>
      </c>
      <c r="AC38" s="114">
        <v>19541</v>
      </c>
      <c r="AD38" s="114">
        <v>0</v>
      </c>
      <c r="AE38" s="114">
        <v>0</v>
      </c>
      <c r="AF38" s="114">
        <v>0</v>
      </c>
      <c r="AG38" s="114">
        <v>0</v>
      </c>
      <c r="AH38" s="113">
        <v>19541</v>
      </c>
      <c r="AI38" s="116">
        <v>19541</v>
      </c>
      <c r="AJ38" s="110">
        <v>0</v>
      </c>
      <c r="AK38" s="114">
        <v>0</v>
      </c>
      <c r="AL38" s="113">
        <v>0</v>
      </c>
      <c r="AM38" s="110">
        <v>0</v>
      </c>
      <c r="AN38" s="114">
        <v>0</v>
      </c>
      <c r="AO38" s="114">
        <v>0</v>
      </c>
      <c r="AP38" s="114">
        <v>0</v>
      </c>
      <c r="AQ38" s="114">
        <v>45488</v>
      </c>
      <c r="AR38" s="114">
        <v>0</v>
      </c>
      <c r="AS38" s="113">
        <v>45488</v>
      </c>
      <c r="AT38" s="116">
        <v>45488</v>
      </c>
      <c r="AU38" s="110">
        <v>0</v>
      </c>
      <c r="AV38" s="114">
        <v>0</v>
      </c>
      <c r="AW38" s="113">
        <v>0</v>
      </c>
      <c r="AX38" s="110">
        <v>0</v>
      </c>
      <c r="AY38" s="114">
        <v>24112</v>
      </c>
      <c r="AZ38" s="114">
        <v>25388</v>
      </c>
      <c r="BA38" s="114">
        <v>0</v>
      </c>
      <c r="BB38" s="114">
        <v>0</v>
      </c>
      <c r="BC38" s="114">
        <v>20044</v>
      </c>
      <c r="BD38" s="113">
        <v>69544</v>
      </c>
      <c r="BE38" s="116">
        <v>69544</v>
      </c>
      <c r="BF38" s="110">
        <v>31046</v>
      </c>
      <c r="BG38" s="114">
        <v>23895</v>
      </c>
      <c r="BH38" s="112">
        <v>54941</v>
      </c>
      <c r="BI38" s="111">
        <v>0</v>
      </c>
      <c r="BJ38" s="114">
        <v>15279</v>
      </c>
      <c r="BK38" s="114">
        <v>0</v>
      </c>
      <c r="BL38" s="114">
        <v>0</v>
      </c>
      <c r="BM38" s="114">
        <v>45837</v>
      </c>
      <c r="BN38" s="114">
        <v>48384</v>
      </c>
      <c r="BO38" s="113">
        <v>109500</v>
      </c>
      <c r="BP38" s="116">
        <v>164441</v>
      </c>
      <c r="BQ38" s="110">
        <v>0</v>
      </c>
      <c r="BR38" s="114">
        <v>0</v>
      </c>
      <c r="BS38" s="113">
        <v>0</v>
      </c>
      <c r="BT38" s="110">
        <v>0</v>
      </c>
      <c r="BU38" s="114">
        <v>4768</v>
      </c>
      <c r="BV38" s="114">
        <v>6872</v>
      </c>
      <c r="BW38" s="114">
        <v>0</v>
      </c>
      <c r="BX38" s="114">
        <v>2288</v>
      </c>
      <c r="BY38" s="114">
        <v>0</v>
      </c>
      <c r="BZ38" s="113">
        <v>13928</v>
      </c>
      <c r="CA38" s="116">
        <v>13928</v>
      </c>
      <c r="CB38" s="110">
        <v>20567</v>
      </c>
      <c r="CC38" s="114">
        <v>0</v>
      </c>
      <c r="CD38" s="113">
        <v>20567</v>
      </c>
      <c r="CE38" s="110">
        <v>0</v>
      </c>
      <c r="CF38" s="114">
        <v>64160</v>
      </c>
      <c r="CG38" s="114">
        <v>50047</v>
      </c>
      <c r="CH38" s="114">
        <v>53192</v>
      </c>
      <c r="CI38" s="114">
        <v>0</v>
      </c>
      <c r="CJ38" s="114">
        <v>0</v>
      </c>
      <c r="CK38" s="113">
        <v>167399</v>
      </c>
      <c r="CL38" s="116">
        <v>187966</v>
      </c>
      <c r="CM38" s="110">
        <v>0</v>
      </c>
      <c r="CN38" s="114">
        <v>0</v>
      </c>
      <c r="CO38" s="113">
        <v>0</v>
      </c>
      <c r="CP38" s="111">
        <v>0</v>
      </c>
      <c r="CQ38" s="114">
        <v>25155</v>
      </c>
      <c r="CR38" s="114">
        <v>0</v>
      </c>
      <c r="CS38" s="114">
        <v>0</v>
      </c>
      <c r="CT38" s="114">
        <v>0</v>
      </c>
      <c r="CU38" s="114">
        <v>0</v>
      </c>
      <c r="CV38" s="113">
        <v>25155</v>
      </c>
      <c r="CW38" s="116">
        <v>25155</v>
      </c>
      <c r="CX38" s="110">
        <v>20567</v>
      </c>
      <c r="CY38" s="114">
        <v>0</v>
      </c>
      <c r="CZ38" s="113">
        <v>20567</v>
      </c>
      <c r="DA38" s="110">
        <v>0</v>
      </c>
      <c r="DB38" s="114">
        <v>39005</v>
      </c>
      <c r="DC38" s="114">
        <v>50047</v>
      </c>
      <c r="DD38" s="114">
        <v>53192</v>
      </c>
      <c r="DE38" s="114">
        <v>0</v>
      </c>
      <c r="DF38" s="114">
        <v>0</v>
      </c>
      <c r="DG38" s="113">
        <v>142244</v>
      </c>
      <c r="DH38" s="116">
        <v>162811</v>
      </c>
      <c r="DI38" s="110">
        <v>0</v>
      </c>
      <c r="DJ38" s="114">
        <v>0</v>
      </c>
      <c r="DK38" s="112">
        <v>0</v>
      </c>
      <c r="DL38" s="111">
        <v>0</v>
      </c>
      <c r="DM38" s="114">
        <v>0</v>
      </c>
      <c r="DN38" s="114">
        <v>0</v>
      </c>
      <c r="DO38" s="114">
        <v>69064</v>
      </c>
      <c r="DP38" s="114">
        <v>0</v>
      </c>
      <c r="DQ38" s="114">
        <v>0</v>
      </c>
      <c r="DR38" s="113">
        <v>69064</v>
      </c>
      <c r="DS38" s="116">
        <v>69064</v>
      </c>
      <c r="DT38" s="110">
        <v>0</v>
      </c>
      <c r="DU38" s="114">
        <v>0</v>
      </c>
      <c r="DV38" s="113">
        <v>0</v>
      </c>
      <c r="DW38" s="110">
        <v>0</v>
      </c>
      <c r="DX38" s="114">
        <v>0</v>
      </c>
      <c r="DY38" s="114">
        <v>0</v>
      </c>
      <c r="DZ38" s="114">
        <v>0</v>
      </c>
      <c r="EA38" s="114">
        <v>0</v>
      </c>
      <c r="EB38" s="114">
        <v>0</v>
      </c>
      <c r="EC38" s="113">
        <v>0</v>
      </c>
      <c r="ED38" s="116">
        <v>0</v>
      </c>
      <c r="EE38" s="110">
        <v>0</v>
      </c>
      <c r="EF38" s="112">
        <v>0</v>
      </c>
      <c r="EG38" s="113">
        <v>0</v>
      </c>
      <c r="EH38" s="110">
        <v>0</v>
      </c>
      <c r="EI38" s="114">
        <v>0</v>
      </c>
      <c r="EJ38" s="114">
        <v>0</v>
      </c>
      <c r="EK38" s="114">
        <v>69064</v>
      </c>
      <c r="EL38" s="114">
        <v>0</v>
      </c>
      <c r="EM38" s="114">
        <v>0</v>
      </c>
      <c r="EN38" s="112">
        <v>69064</v>
      </c>
      <c r="EO38" s="116">
        <v>69064</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2400</v>
      </c>
      <c r="FM38" s="114">
        <v>0</v>
      </c>
      <c r="FN38" s="113">
        <v>2400</v>
      </c>
      <c r="FO38" s="110">
        <v>0</v>
      </c>
      <c r="FP38" s="114">
        <v>36400</v>
      </c>
      <c r="FQ38" s="114">
        <v>8592</v>
      </c>
      <c r="FR38" s="114">
        <v>33232</v>
      </c>
      <c r="FS38" s="114">
        <v>2800</v>
      </c>
      <c r="FT38" s="114">
        <v>0</v>
      </c>
      <c r="FU38" s="113">
        <v>81024</v>
      </c>
      <c r="FV38" s="116">
        <v>83424</v>
      </c>
      <c r="FW38" s="115">
        <v>2400</v>
      </c>
      <c r="FX38" s="114">
        <v>0</v>
      </c>
      <c r="FY38" s="112">
        <v>2400</v>
      </c>
      <c r="FZ38" s="111">
        <v>0</v>
      </c>
      <c r="GA38" s="114">
        <v>36400</v>
      </c>
      <c r="GB38" s="114">
        <v>8592</v>
      </c>
      <c r="GC38" s="114">
        <v>33232</v>
      </c>
      <c r="GD38" s="114">
        <v>2800</v>
      </c>
      <c r="GE38" s="114">
        <v>0</v>
      </c>
      <c r="GF38" s="113">
        <v>81024</v>
      </c>
      <c r="GG38" s="318">
        <v>83424</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0</v>
      </c>
      <c r="HE38" s="114">
        <v>0</v>
      </c>
      <c r="HF38" s="112">
        <v>0</v>
      </c>
      <c r="HG38" s="111">
        <v>0</v>
      </c>
      <c r="HH38" s="114">
        <v>0</v>
      </c>
      <c r="HI38" s="114">
        <v>179580</v>
      </c>
      <c r="HJ38" s="114">
        <v>0</v>
      </c>
      <c r="HK38" s="114">
        <v>222810</v>
      </c>
      <c r="HL38" s="114">
        <v>0</v>
      </c>
      <c r="HM38" s="113">
        <v>402390</v>
      </c>
      <c r="HN38" s="116">
        <v>402390</v>
      </c>
      <c r="HO38" s="503"/>
      <c r="HP38" s="329"/>
      <c r="HQ38" s="330"/>
      <c r="HR38" s="331"/>
      <c r="HS38" s="329"/>
      <c r="HT38" s="329"/>
      <c r="HU38" s="329"/>
      <c r="HV38" s="329"/>
      <c r="HW38" s="329"/>
      <c r="HX38" s="329"/>
      <c r="HY38" s="510"/>
      <c r="HZ38" s="150">
        <v>0</v>
      </c>
      <c r="IA38" s="135">
        <v>0</v>
      </c>
      <c r="IB38" s="150">
        <v>0</v>
      </c>
      <c r="IC38" s="146">
        <v>0</v>
      </c>
      <c r="ID38" s="132">
        <v>172467</v>
      </c>
      <c r="IE38" s="147">
        <v>0</v>
      </c>
      <c r="IF38" s="133">
        <v>231973</v>
      </c>
      <c r="IG38" s="132">
        <v>0</v>
      </c>
      <c r="IH38" s="133">
        <v>0</v>
      </c>
      <c r="II38" s="148">
        <v>404440</v>
      </c>
      <c r="IJ38" s="150">
        <v>404440</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29656</v>
      </c>
      <c r="JL38" s="119">
        <v>0</v>
      </c>
      <c r="JM38" s="119">
        <v>0</v>
      </c>
      <c r="JN38" s="119">
        <v>0</v>
      </c>
      <c r="JO38" s="119">
        <v>0</v>
      </c>
      <c r="JP38" s="120">
        <v>29656</v>
      </c>
      <c r="JQ38" s="320">
        <v>29656</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0">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142811</v>
      </c>
      <c r="LZ38" s="119">
        <v>0</v>
      </c>
      <c r="MA38" s="119">
        <v>231973</v>
      </c>
      <c r="MB38" s="119">
        <v>0</v>
      </c>
      <c r="MC38" s="119">
        <v>0</v>
      </c>
      <c r="MD38" s="120">
        <v>374784</v>
      </c>
      <c r="ME38" s="121">
        <v>374784</v>
      </c>
      <c r="MF38" s="142">
        <v>0</v>
      </c>
      <c r="MG38" s="119">
        <v>0</v>
      </c>
      <c r="MH38" s="120">
        <v>0</v>
      </c>
      <c r="MI38" s="145"/>
      <c r="MJ38" s="119">
        <v>0</v>
      </c>
      <c r="MK38" s="119">
        <v>219248</v>
      </c>
      <c r="ML38" s="119">
        <v>0</v>
      </c>
      <c r="MM38" s="119">
        <v>0</v>
      </c>
      <c r="MN38" s="119">
        <v>0</v>
      </c>
      <c r="MO38" s="120">
        <v>219248</v>
      </c>
      <c r="MP38" s="143">
        <v>219248</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20">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219248</v>
      </c>
      <c r="OD38" s="119">
        <v>0</v>
      </c>
      <c r="OE38" s="119">
        <v>0</v>
      </c>
      <c r="OF38" s="119">
        <v>0</v>
      </c>
      <c r="OG38" s="120">
        <v>219248</v>
      </c>
      <c r="OH38" s="121">
        <v>219248</v>
      </c>
      <c r="OI38" s="142">
        <v>54013</v>
      </c>
      <c r="OJ38" s="119">
        <v>23895</v>
      </c>
      <c r="OK38" s="141">
        <v>77908</v>
      </c>
      <c r="OL38" s="118">
        <v>0</v>
      </c>
      <c r="OM38" s="119">
        <v>336727</v>
      </c>
      <c r="ON38" s="119">
        <v>489727</v>
      </c>
      <c r="OO38" s="119">
        <v>387461</v>
      </c>
      <c r="OP38" s="119">
        <v>319223</v>
      </c>
      <c r="OQ38" s="119">
        <v>68428</v>
      </c>
      <c r="OR38" s="120">
        <v>1601566</v>
      </c>
      <c r="OS38" s="143">
        <v>1679474</v>
      </c>
    </row>
    <row r="39" spans="2:409" ht="21" customHeight="1" x14ac:dyDescent="0.2">
      <c r="B39" s="126" t="s">
        <v>34</v>
      </c>
      <c r="C39" s="110">
        <v>0</v>
      </c>
      <c r="D39" s="114">
        <v>0</v>
      </c>
      <c r="E39" s="174">
        <v>0</v>
      </c>
      <c r="F39" s="175">
        <v>0</v>
      </c>
      <c r="G39" s="176">
        <v>32624</v>
      </c>
      <c r="H39" s="176">
        <v>213114</v>
      </c>
      <c r="I39" s="176">
        <v>43456</v>
      </c>
      <c r="J39" s="176">
        <v>0</v>
      </c>
      <c r="K39" s="176">
        <v>245981</v>
      </c>
      <c r="L39" s="177">
        <v>535175</v>
      </c>
      <c r="M39" s="116">
        <v>535175</v>
      </c>
      <c r="N39" s="110">
        <v>0</v>
      </c>
      <c r="O39" s="114">
        <v>0</v>
      </c>
      <c r="P39" s="113">
        <v>0</v>
      </c>
      <c r="Q39" s="110">
        <v>0</v>
      </c>
      <c r="R39" s="114">
        <v>10648</v>
      </c>
      <c r="S39" s="114">
        <v>71248</v>
      </c>
      <c r="T39" s="114">
        <v>21472</v>
      </c>
      <c r="U39" s="114">
        <v>0</v>
      </c>
      <c r="V39" s="114">
        <v>4144</v>
      </c>
      <c r="W39" s="113">
        <v>107512</v>
      </c>
      <c r="X39" s="116">
        <v>107512</v>
      </c>
      <c r="Y39" s="110">
        <v>0</v>
      </c>
      <c r="Z39" s="114">
        <v>0</v>
      </c>
      <c r="AA39" s="113">
        <v>0</v>
      </c>
      <c r="AB39" s="110">
        <v>0</v>
      </c>
      <c r="AC39" s="114">
        <v>8264</v>
      </c>
      <c r="AD39" s="114">
        <v>0</v>
      </c>
      <c r="AE39" s="114">
        <v>0</v>
      </c>
      <c r="AF39" s="114">
        <v>0</v>
      </c>
      <c r="AG39" s="114">
        <v>0</v>
      </c>
      <c r="AH39" s="113">
        <v>8264</v>
      </c>
      <c r="AI39" s="116">
        <v>8264</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18680</v>
      </c>
      <c r="BA39" s="114">
        <v>0</v>
      </c>
      <c r="BB39" s="114">
        <v>0</v>
      </c>
      <c r="BC39" s="114">
        <v>0</v>
      </c>
      <c r="BD39" s="113">
        <v>18680</v>
      </c>
      <c r="BE39" s="116">
        <v>18680</v>
      </c>
      <c r="BF39" s="110">
        <v>0</v>
      </c>
      <c r="BG39" s="114">
        <v>0</v>
      </c>
      <c r="BH39" s="112">
        <v>0</v>
      </c>
      <c r="BI39" s="111">
        <v>0</v>
      </c>
      <c r="BJ39" s="114">
        <v>0</v>
      </c>
      <c r="BK39" s="114">
        <v>45072</v>
      </c>
      <c r="BL39" s="114">
        <v>21472</v>
      </c>
      <c r="BM39" s="114">
        <v>0</v>
      </c>
      <c r="BN39" s="114">
        <v>0</v>
      </c>
      <c r="BO39" s="113">
        <v>66544</v>
      </c>
      <c r="BP39" s="116">
        <v>66544</v>
      </c>
      <c r="BQ39" s="110">
        <v>0</v>
      </c>
      <c r="BR39" s="114">
        <v>0</v>
      </c>
      <c r="BS39" s="113">
        <v>0</v>
      </c>
      <c r="BT39" s="110">
        <v>0</v>
      </c>
      <c r="BU39" s="114">
        <v>2384</v>
      </c>
      <c r="BV39" s="114">
        <v>7496</v>
      </c>
      <c r="BW39" s="114">
        <v>0</v>
      </c>
      <c r="BX39" s="114">
        <v>0</v>
      </c>
      <c r="BY39" s="114">
        <v>4144</v>
      </c>
      <c r="BZ39" s="113">
        <v>14024</v>
      </c>
      <c r="CA39" s="116">
        <v>14024</v>
      </c>
      <c r="CB39" s="110">
        <v>0</v>
      </c>
      <c r="CC39" s="114">
        <v>0</v>
      </c>
      <c r="CD39" s="113">
        <v>0</v>
      </c>
      <c r="CE39" s="110">
        <v>0</v>
      </c>
      <c r="CF39" s="114">
        <v>15576</v>
      </c>
      <c r="CG39" s="114">
        <v>60880</v>
      </c>
      <c r="CH39" s="114">
        <v>0</v>
      </c>
      <c r="CI39" s="114">
        <v>0</v>
      </c>
      <c r="CJ39" s="114">
        <v>0</v>
      </c>
      <c r="CK39" s="113">
        <v>76456</v>
      </c>
      <c r="CL39" s="116">
        <v>76456</v>
      </c>
      <c r="CM39" s="110">
        <v>0</v>
      </c>
      <c r="CN39" s="114">
        <v>0</v>
      </c>
      <c r="CO39" s="113">
        <v>0</v>
      </c>
      <c r="CP39" s="111">
        <v>0</v>
      </c>
      <c r="CQ39" s="114">
        <v>0</v>
      </c>
      <c r="CR39" s="114">
        <v>0</v>
      </c>
      <c r="CS39" s="114">
        <v>0</v>
      </c>
      <c r="CT39" s="114">
        <v>0</v>
      </c>
      <c r="CU39" s="114">
        <v>0</v>
      </c>
      <c r="CV39" s="113">
        <v>0</v>
      </c>
      <c r="CW39" s="116">
        <v>0</v>
      </c>
      <c r="CX39" s="110">
        <v>0</v>
      </c>
      <c r="CY39" s="114">
        <v>0</v>
      </c>
      <c r="CZ39" s="113">
        <v>0</v>
      </c>
      <c r="DA39" s="110">
        <v>0</v>
      </c>
      <c r="DB39" s="114">
        <v>15576</v>
      </c>
      <c r="DC39" s="114">
        <v>60880</v>
      </c>
      <c r="DD39" s="114">
        <v>0</v>
      </c>
      <c r="DE39" s="114">
        <v>0</v>
      </c>
      <c r="DF39" s="114">
        <v>0</v>
      </c>
      <c r="DG39" s="113">
        <v>76456</v>
      </c>
      <c r="DH39" s="116">
        <v>76456</v>
      </c>
      <c r="DI39" s="110">
        <v>0</v>
      </c>
      <c r="DJ39" s="114">
        <v>0</v>
      </c>
      <c r="DK39" s="112">
        <v>0</v>
      </c>
      <c r="DL39" s="111">
        <v>0</v>
      </c>
      <c r="DM39" s="114">
        <v>0</v>
      </c>
      <c r="DN39" s="114">
        <v>0</v>
      </c>
      <c r="DO39" s="114">
        <v>0</v>
      </c>
      <c r="DP39" s="114">
        <v>0</v>
      </c>
      <c r="DQ39" s="114">
        <v>0</v>
      </c>
      <c r="DR39" s="113">
        <v>0</v>
      </c>
      <c r="DS39" s="116">
        <v>0</v>
      </c>
      <c r="DT39" s="110">
        <v>0</v>
      </c>
      <c r="DU39" s="114">
        <v>0</v>
      </c>
      <c r="DV39" s="113">
        <v>0</v>
      </c>
      <c r="DW39" s="110">
        <v>0</v>
      </c>
      <c r="DX39" s="114">
        <v>0</v>
      </c>
      <c r="DY39" s="114">
        <v>0</v>
      </c>
      <c r="DZ39" s="114">
        <v>0</v>
      </c>
      <c r="EA39" s="114">
        <v>0</v>
      </c>
      <c r="EB39" s="114">
        <v>0</v>
      </c>
      <c r="EC39" s="113">
        <v>0</v>
      </c>
      <c r="ED39" s="116">
        <v>0</v>
      </c>
      <c r="EE39" s="110">
        <v>0</v>
      </c>
      <c r="EF39" s="112">
        <v>0</v>
      </c>
      <c r="EG39" s="113">
        <v>0</v>
      </c>
      <c r="EH39" s="110">
        <v>0</v>
      </c>
      <c r="EI39" s="114">
        <v>0</v>
      </c>
      <c r="EJ39" s="114">
        <v>0</v>
      </c>
      <c r="EK39" s="114">
        <v>0</v>
      </c>
      <c r="EL39" s="114">
        <v>0</v>
      </c>
      <c r="EM39" s="114">
        <v>0</v>
      </c>
      <c r="EN39" s="112">
        <v>0</v>
      </c>
      <c r="EO39" s="116">
        <v>0</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0</v>
      </c>
      <c r="FM39" s="114">
        <v>0</v>
      </c>
      <c r="FN39" s="113">
        <v>0</v>
      </c>
      <c r="FO39" s="110">
        <v>0</v>
      </c>
      <c r="FP39" s="114">
        <v>6400</v>
      </c>
      <c r="FQ39" s="114">
        <v>6800</v>
      </c>
      <c r="FR39" s="114">
        <v>21984</v>
      </c>
      <c r="FS39" s="114">
        <v>0</v>
      </c>
      <c r="FT39" s="114">
        <v>0</v>
      </c>
      <c r="FU39" s="113">
        <v>35184</v>
      </c>
      <c r="FV39" s="116">
        <v>35184</v>
      </c>
      <c r="FW39" s="115">
        <v>0</v>
      </c>
      <c r="FX39" s="114">
        <v>0</v>
      </c>
      <c r="FY39" s="112">
        <v>0</v>
      </c>
      <c r="FZ39" s="111">
        <v>0</v>
      </c>
      <c r="GA39" s="114">
        <v>6400</v>
      </c>
      <c r="GB39" s="114">
        <v>6800</v>
      </c>
      <c r="GC39" s="114">
        <v>21984</v>
      </c>
      <c r="GD39" s="114">
        <v>0</v>
      </c>
      <c r="GE39" s="114">
        <v>0</v>
      </c>
      <c r="GF39" s="113">
        <v>35184</v>
      </c>
      <c r="GG39" s="318">
        <v>35184</v>
      </c>
      <c r="GH39" s="115">
        <v>0</v>
      </c>
      <c r="GI39" s="114">
        <v>0</v>
      </c>
      <c r="GJ39" s="112">
        <v>0</v>
      </c>
      <c r="GK39" s="111">
        <v>0</v>
      </c>
      <c r="GL39" s="114">
        <v>0</v>
      </c>
      <c r="GM39" s="114">
        <v>0</v>
      </c>
      <c r="GN39" s="114">
        <v>0</v>
      </c>
      <c r="GO39" s="114">
        <v>0</v>
      </c>
      <c r="GP39" s="114">
        <v>0</v>
      </c>
      <c r="GQ39" s="113">
        <v>0</v>
      </c>
      <c r="GR39" s="116">
        <v>0</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74186</v>
      </c>
      <c r="HJ39" s="114">
        <v>0</v>
      </c>
      <c r="HK39" s="114">
        <v>0</v>
      </c>
      <c r="HL39" s="114">
        <v>241837</v>
      </c>
      <c r="HM39" s="113">
        <v>316023</v>
      </c>
      <c r="HN39" s="116">
        <v>316023</v>
      </c>
      <c r="HO39" s="503"/>
      <c r="HP39" s="329"/>
      <c r="HQ39" s="330"/>
      <c r="HR39" s="331"/>
      <c r="HS39" s="329"/>
      <c r="HT39" s="329"/>
      <c r="HU39" s="329"/>
      <c r="HV39" s="329"/>
      <c r="HW39" s="329"/>
      <c r="HX39" s="329"/>
      <c r="HY39" s="510"/>
      <c r="HZ39" s="133">
        <v>0</v>
      </c>
      <c r="IA39" s="132">
        <v>0</v>
      </c>
      <c r="IB39" s="133">
        <v>0</v>
      </c>
      <c r="IC39" s="146">
        <v>0</v>
      </c>
      <c r="ID39" s="132">
        <v>247000</v>
      </c>
      <c r="IE39" s="147">
        <v>0</v>
      </c>
      <c r="IF39" s="133">
        <v>0</v>
      </c>
      <c r="IG39" s="132">
        <v>0</v>
      </c>
      <c r="IH39" s="133">
        <v>0</v>
      </c>
      <c r="II39" s="148">
        <v>247000</v>
      </c>
      <c r="IJ39" s="139">
        <v>247000</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134600</v>
      </c>
      <c r="JL39" s="119">
        <v>0</v>
      </c>
      <c r="JM39" s="119">
        <v>0</v>
      </c>
      <c r="JN39" s="119">
        <v>0</v>
      </c>
      <c r="JO39" s="119">
        <v>0</v>
      </c>
      <c r="JP39" s="120">
        <v>134600</v>
      </c>
      <c r="JQ39" s="320">
        <v>134600</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112400</v>
      </c>
      <c r="KH39" s="119">
        <v>0</v>
      </c>
      <c r="KI39" s="119">
        <v>0</v>
      </c>
      <c r="KJ39" s="119">
        <v>0</v>
      </c>
      <c r="KK39" s="119">
        <v>0</v>
      </c>
      <c r="KL39" s="120">
        <v>112400</v>
      </c>
      <c r="KM39" s="143">
        <v>112400</v>
      </c>
      <c r="KN39" s="232">
        <v>0</v>
      </c>
      <c r="KO39" s="236">
        <v>0</v>
      </c>
      <c r="KP39" s="237">
        <v>0</v>
      </c>
      <c r="KQ39" s="140"/>
      <c r="KR39" s="119">
        <v>0</v>
      </c>
      <c r="KS39" s="119">
        <v>0</v>
      </c>
      <c r="KT39" s="119">
        <v>0</v>
      </c>
      <c r="KU39" s="119">
        <v>0</v>
      </c>
      <c r="KV39" s="119">
        <v>0</v>
      </c>
      <c r="KW39" s="120">
        <v>0</v>
      </c>
      <c r="KX39" s="320">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0</v>
      </c>
      <c r="LZ39" s="119">
        <v>0</v>
      </c>
      <c r="MA39" s="119">
        <v>0</v>
      </c>
      <c r="MB39" s="119">
        <v>0</v>
      </c>
      <c r="MC39" s="119">
        <v>0</v>
      </c>
      <c r="MD39" s="120">
        <v>0</v>
      </c>
      <c r="ME39" s="121">
        <v>0</v>
      </c>
      <c r="MF39" s="142">
        <v>0</v>
      </c>
      <c r="MG39" s="119">
        <v>0</v>
      </c>
      <c r="MH39" s="120">
        <v>0</v>
      </c>
      <c r="MI39" s="145"/>
      <c r="MJ39" s="119">
        <v>0</v>
      </c>
      <c r="MK39" s="119">
        <v>0</v>
      </c>
      <c r="ML39" s="119">
        <v>488816</v>
      </c>
      <c r="MM39" s="119">
        <v>0</v>
      </c>
      <c r="MN39" s="119">
        <v>0</v>
      </c>
      <c r="MO39" s="120">
        <v>488816</v>
      </c>
      <c r="MP39" s="143">
        <v>488816</v>
      </c>
      <c r="MQ39" s="142">
        <v>0</v>
      </c>
      <c r="MR39" s="119">
        <v>0</v>
      </c>
      <c r="MS39" s="120">
        <v>0</v>
      </c>
      <c r="MT39" s="145"/>
      <c r="MU39" s="119">
        <v>0</v>
      </c>
      <c r="MV39" s="119">
        <v>0</v>
      </c>
      <c r="MW39" s="119">
        <v>218376</v>
      </c>
      <c r="MX39" s="119">
        <v>0</v>
      </c>
      <c r="MY39" s="119">
        <v>0</v>
      </c>
      <c r="MZ39" s="120">
        <v>218376</v>
      </c>
      <c r="NA39" s="143">
        <v>218376</v>
      </c>
      <c r="NB39" s="142">
        <v>0</v>
      </c>
      <c r="NC39" s="119">
        <v>0</v>
      </c>
      <c r="ND39" s="120">
        <v>0</v>
      </c>
      <c r="NE39" s="145"/>
      <c r="NF39" s="119">
        <v>0</v>
      </c>
      <c r="NG39" s="119">
        <v>0</v>
      </c>
      <c r="NH39" s="119">
        <v>270440</v>
      </c>
      <c r="NI39" s="119">
        <v>0</v>
      </c>
      <c r="NJ39" s="119">
        <v>0</v>
      </c>
      <c r="NK39" s="120">
        <v>270440</v>
      </c>
      <c r="NL39" s="320">
        <v>270440</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0</v>
      </c>
      <c r="OK39" s="141">
        <v>0</v>
      </c>
      <c r="OL39" s="118">
        <v>0</v>
      </c>
      <c r="OM39" s="119">
        <v>279624</v>
      </c>
      <c r="ON39" s="119">
        <v>213114</v>
      </c>
      <c r="OO39" s="119">
        <v>532272</v>
      </c>
      <c r="OP39" s="119">
        <v>0</v>
      </c>
      <c r="OQ39" s="119">
        <v>245981</v>
      </c>
      <c r="OR39" s="120">
        <v>1270991</v>
      </c>
      <c r="OS39" s="143">
        <v>1270991</v>
      </c>
    </row>
    <row r="40" spans="2:409" ht="21" customHeight="1" x14ac:dyDescent="0.2">
      <c r="B40" s="126" t="s">
        <v>35</v>
      </c>
      <c r="C40" s="110">
        <v>295568</v>
      </c>
      <c r="D40" s="114">
        <v>136387</v>
      </c>
      <c r="E40" s="113">
        <v>431955</v>
      </c>
      <c r="F40" s="109">
        <v>0</v>
      </c>
      <c r="G40" s="114">
        <v>1705660</v>
      </c>
      <c r="H40" s="114">
        <v>757528</v>
      </c>
      <c r="I40" s="114">
        <v>527904</v>
      </c>
      <c r="J40" s="114">
        <v>1188145</v>
      </c>
      <c r="K40" s="114">
        <v>595948</v>
      </c>
      <c r="L40" s="173">
        <v>4775185</v>
      </c>
      <c r="M40" s="116">
        <v>5207140</v>
      </c>
      <c r="N40" s="110">
        <v>35040</v>
      </c>
      <c r="O40" s="114">
        <v>9600</v>
      </c>
      <c r="P40" s="113">
        <v>44640</v>
      </c>
      <c r="Q40" s="110">
        <v>0</v>
      </c>
      <c r="R40" s="114">
        <v>641956</v>
      </c>
      <c r="S40" s="114">
        <v>182128</v>
      </c>
      <c r="T40" s="114">
        <v>64528</v>
      </c>
      <c r="U40" s="114">
        <v>452522</v>
      </c>
      <c r="V40" s="114">
        <v>341687</v>
      </c>
      <c r="W40" s="113">
        <v>1682821</v>
      </c>
      <c r="X40" s="116">
        <v>1727461</v>
      </c>
      <c r="Y40" s="110">
        <v>0</v>
      </c>
      <c r="Z40" s="114">
        <v>0</v>
      </c>
      <c r="AA40" s="113">
        <v>0</v>
      </c>
      <c r="AB40" s="110">
        <v>0</v>
      </c>
      <c r="AC40" s="114">
        <v>480452</v>
      </c>
      <c r="AD40" s="114">
        <v>28848</v>
      </c>
      <c r="AE40" s="114">
        <v>0</v>
      </c>
      <c r="AF40" s="114">
        <v>233978</v>
      </c>
      <c r="AG40" s="114">
        <v>212407</v>
      </c>
      <c r="AH40" s="113">
        <v>955685</v>
      </c>
      <c r="AI40" s="116">
        <v>955685</v>
      </c>
      <c r="AJ40" s="110">
        <v>0</v>
      </c>
      <c r="AK40" s="114">
        <v>0</v>
      </c>
      <c r="AL40" s="113">
        <v>0</v>
      </c>
      <c r="AM40" s="110">
        <v>0</v>
      </c>
      <c r="AN40" s="114">
        <v>0</v>
      </c>
      <c r="AO40" s="114">
        <v>0</v>
      </c>
      <c r="AP40" s="114">
        <v>0</v>
      </c>
      <c r="AQ40" s="114">
        <v>85440</v>
      </c>
      <c r="AR40" s="114">
        <v>98344</v>
      </c>
      <c r="AS40" s="113">
        <v>183784</v>
      </c>
      <c r="AT40" s="116">
        <v>183784</v>
      </c>
      <c r="AU40" s="110">
        <v>0</v>
      </c>
      <c r="AV40" s="114">
        <v>0</v>
      </c>
      <c r="AW40" s="113">
        <v>0</v>
      </c>
      <c r="AX40" s="110">
        <v>0</v>
      </c>
      <c r="AY40" s="114">
        <v>26272</v>
      </c>
      <c r="AZ40" s="114">
        <v>50488</v>
      </c>
      <c r="BA40" s="114">
        <v>0</v>
      </c>
      <c r="BB40" s="114">
        <v>0</v>
      </c>
      <c r="BC40" s="114">
        <v>0</v>
      </c>
      <c r="BD40" s="113">
        <v>76760</v>
      </c>
      <c r="BE40" s="116">
        <v>76760</v>
      </c>
      <c r="BF40" s="110">
        <v>0</v>
      </c>
      <c r="BG40" s="114">
        <v>0</v>
      </c>
      <c r="BH40" s="112">
        <v>0</v>
      </c>
      <c r="BI40" s="111">
        <v>0</v>
      </c>
      <c r="BJ40" s="114">
        <v>29760</v>
      </c>
      <c r="BK40" s="114">
        <v>30592</v>
      </c>
      <c r="BL40" s="114">
        <v>33280</v>
      </c>
      <c r="BM40" s="114">
        <v>66664</v>
      </c>
      <c r="BN40" s="114">
        <v>0</v>
      </c>
      <c r="BO40" s="113">
        <v>160296</v>
      </c>
      <c r="BP40" s="116">
        <v>160296</v>
      </c>
      <c r="BQ40" s="110">
        <v>35040</v>
      </c>
      <c r="BR40" s="114">
        <v>9600</v>
      </c>
      <c r="BS40" s="113">
        <v>44640</v>
      </c>
      <c r="BT40" s="110">
        <v>0</v>
      </c>
      <c r="BU40" s="114">
        <v>105472</v>
      </c>
      <c r="BV40" s="114">
        <v>72200</v>
      </c>
      <c r="BW40" s="114">
        <v>31248</v>
      </c>
      <c r="BX40" s="114">
        <v>66440</v>
      </c>
      <c r="BY40" s="114">
        <v>30936</v>
      </c>
      <c r="BZ40" s="113">
        <v>306296</v>
      </c>
      <c r="CA40" s="116">
        <v>350936</v>
      </c>
      <c r="CB40" s="110">
        <v>0</v>
      </c>
      <c r="CC40" s="114">
        <v>33523</v>
      </c>
      <c r="CD40" s="113">
        <v>33523</v>
      </c>
      <c r="CE40" s="110">
        <v>0</v>
      </c>
      <c r="CF40" s="114">
        <v>576632</v>
      </c>
      <c r="CG40" s="114">
        <v>144544</v>
      </c>
      <c r="CH40" s="114">
        <v>236984</v>
      </c>
      <c r="CI40" s="114">
        <v>0</v>
      </c>
      <c r="CJ40" s="114">
        <v>0</v>
      </c>
      <c r="CK40" s="113">
        <v>958160</v>
      </c>
      <c r="CL40" s="116">
        <v>991683</v>
      </c>
      <c r="CM40" s="110">
        <v>0</v>
      </c>
      <c r="CN40" s="114">
        <v>0</v>
      </c>
      <c r="CO40" s="113">
        <v>0</v>
      </c>
      <c r="CP40" s="111">
        <v>0</v>
      </c>
      <c r="CQ40" s="114">
        <v>505440</v>
      </c>
      <c r="CR40" s="114">
        <v>144544</v>
      </c>
      <c r="CS40" s="114">
        <v>123784</v>
      </c>
      <c r="CT40" s="114">
        <v>0</v>
      </c>
      <c r="CU40" s="114">
        <v>0</v>
      </c>
      <c r="CV40" s="113">
        <v>773768</v>
      </c>
      <c r="CW40" s="116">
        <v>773768</v>
      </c>
      <c r="CX40" s="110">
        <v>0</v>
      </c>
      <c r="CY40" s="114">
        <v>33523</v>
      </c>
      <c r="CZ40" s="113">
        <v>33523</v>
      </c>
      <c r="DA40" s="110">
        <v>0</v>
      </c>
      <c r="DB40" s="114">
        <v>71192</v>
      </c>
      <c r="DC40" s="114">
        <v>0</v>
      </c>
      <c r="DD40" s="114">
        <v>113200</v>
      </c>
      <c r="DE40" s="114">
        <v>0</v>
      </c>
      <c r="DF40" s="114">
        <v>0</v>
      </c>
      <c r="DG40" s="113">
        <v>184392</v>
      </c>
      <c r="DH40" s="116">
        <v>217915</v>
      </c>
      <c r="DI40" s="110">
        <v>0</v>
      </c>
      <c r="DJ40" s="114">
        <v>0</v>
      </c>
      <c r="DK40" s="112">
        <v>0</v>
      </c>
      <c r="DL40" s="111">
        <v>0</v>
      </c>
      <c r="DM40" s="114">
        <v>0</v>
      </c>
      <c r="DN40" s="114">
        <v>25264</v>
      </c>
      <c r="DO40" s="114">
        <v>0</v>
      </c>
      <c r="DP40" s="114">
        <v>0</v>
      </c>
      <c r="DQ40" s="114">
        <v>0</v>
      </c>
      <c r="DR40" s="113">
        <v>25264</v>
      </c>
      <c r="DS40" s="116">
        <v>25264</v>
      </c>
      <c r="DT40" s="110">
        <v>0</v>
      </c>
      <c r="DU40" s="114">
        <v>0</v>
      </c>
      <c r="DV40" s="113">
        <v>0</v>
      </c>
      <c r="DW40" s="110">
        <v>0</v>
      </c>
      <c r="DX40" s="114">
        <v>0</v>
      </c>
      <c r="DY40" s="114">
        <v>25264</v>
      </c>
      <c r="DZ40" s="114">
        <v>0</v>
      </c>
      <c r="EA40" s="114">
        <v>0</v>
      </c>
      <c r="EB40" s="114">
        <v>0</v>
      </c>
      <c r="EC40" s="113">
        <v>25264</v>
      </c>
      <c r="ED40" s="116">
        <v>25264</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2400</v>
      </c>
      <c r="FM40" s="114">
        <v>6400</v>
      </c>
      <c r="FN40" s="113">
        <v>8800</v>
      </c>
      <c r="FO40" s="110">
        <v>0</v>
      </c>
      <c r="FP40" s="114">
        <v>17120</v>
      </c>
      <c r="FQ40" s="114">
        <v>96400</v>
      </c>
      <c r="FR40" s="114">
        <v>34320</v>
      </c>
      <c r="FS40" s="114">
        <v>53640</v>
      </c>
      <c r="FT40" s="114">
        <v>8800</v>
      </c>
      <c r="FU40" s="113">
        <v>210280</v>
      </c>
      <c r="FV40" s="116">
        <v>219080</v>
      </c>
      <c r="FW40" s="115">
        <v>2400</v>
      </c>
      <c r="FX40" s="114">
        <v>6400</v>
      </c>
      <c r="FY40" s="112">
        <v>8800</v>
      </c>
      <c r="FZ40" s="111">
        <v>0</v>
      </c>
      <c r="GA40" s="114">
        <v>17120</v>
      </c>
      <c r="GB40" s="114">
        <v>96400</v>
      </c>
      <c r="GC40" s="114">
        <v>34320</v>
      </c>
      <c r="GD40" s="114">
        <v>53640</v>
      </c>
      <c r="GE40" s="114">
        <v>8800</v>
      </c>
      <c r="GF40" s="113">
        <v>210280</v>
      </c>
      <c r="GG40" s="318">
        <v>219080</v>
      </c>
      <c r="GH40" s="115">
        <v>0</v>
      </c>
      <c r="GI40" s="114">
        <v>0</v>
      </c>
      <c r="GJ40" s="112">
        <v>0</v>
      </c>
      <c r="GK40" s="111">
        <v>0</v>
      </c>
      <c r="GL40" s="114">
        <v>0</v>
      </c>
      <c r="GM40" s="114">
        <v>0</v>
      </c>
      <c r="GN40" s="114">
        <v>0</v>
      </c>
      <c r="GO40" s="114">
        <v>0</v>
      </c>
      <c r="GP40" s="114">
        <v>0</v>
      </c>
      <c r="GQ40" s="113">
        <v>0</v>
      </c>
      <c r="GR40" s="116">
        <v>0</v>
      </c>
      <c r="GS40" s="110">
        <v>0</v>
      </c>
      <c r="GT40" s="114">
        <v>0</v>
      </c>
      <c r="GU40" s="113">
        <v>0</v>
      </c>
      <c r="GV40" s="110">
        <v>0</v>
      </c>
      <c r="GW40" s="114">
        <v>0</v>
      </c>
      <c r="GX40" s="114">
        <v>0</v>
      </c>
      <c r="GY40" s="114">
        <v>0</v>
      </c>
      <c r="GZ40" s="114">
        <v>0</v>
      </c>
      <c r="HA40" s="114">
        <v>0</v>
      </c>
      <c r="HB40" s="112">
        <v>0</v>
      </c>
      <c r="HC40" s="116">
        <v>0</v>
      </c>
      <c r="HD40" s="110">
        <v>258128</v>
      </c>
      <c r="HE40" s="114">
        <v>86864</v>
      </c>
      <c r="HF40" s="112">
        <v>344992</v>
      </c>
      <c r="HG40" s="111">
        <v>0</v>
      </c>
      <c r="HH40" s="114">
        <v>469952</v>
      </c>
      <c r="HI40" s="114">
        <v>309192</v>
      </c>
      <c r="HJ40" s="114">
        <v>192072</v>
      </c>
      <c r="HK40" s="114">
        <v>681983</v>
      </c>
      <c r="HL40" s="114">
        <v>245461</v>
      </c>
      <c r="HM40" s="113">
        <v>1898660</v>
      </c>
      <c r="HN40" s="116">
        <v>2243652</v>
      </c>
      <c r="HO40" s="503"/>
      <c r="HP40" s="329"/>
      <c r="HQ40" s="330"/>
      <c r="HR40" s="331"/>
      <c r="HS40" s="329"/>
      <c r="HT40" s="329"/>
      <c r="HU40" s="329"/>
      <c r="HV40" s="329"/>
      <c r="HW40" s="329"/>
      <c r="HX40" s="329"/>
      <c r="HY40" s="510"/>
      <c r="HZ40" s="150">
        <v>0</v>
      </c>
      <c r="IA40" s="135">
        <v>0</v>
      </c>
      <c r="IB40" s="150">
        <v>0</v>
      </c>
      <c r="IC40" s="146">
        <v>0</v>
      </c>
      <c r="ID40" s="132">
        <v>72208</v>
      </c>
      <c r="IE40" s="147">
        <v>405760</v>
      </c>
      <c r="IF40" s="133">
        <v>0</v>
      </c>
      <c r="IG40" s="132">
        <v>0</v>
      </c>
      <c r="IH40" s="133">
        <v>0</v>
      </c>
      <c r="II40" s="148">
        <v>477968</v>
      </c>
      <c r="IJ40" s="150">
        <v>477968</v>
      </c>
      <c r="IK40" s="232">
        <v>0</v>
      </c>
      <c r="IL40" s="236">
        <v>0</v>
      </c>
      <c r="IM40" s="237">
        <v>0</v>
      </c>
      <c r="IN40" s="140"/>
      <c r="IO40" s="119">
        <v>0</v>
      </c>
      <c r="IP40" s="119">
        <v>64624</v>
      </c>
      <c r="IQ40" s="119">
        <v>0</v>
      </c>
      <c r="IR40" s="119">
        <v>0</v>
      </c>
      <c r="IS40" s="119">
        <v>0</v>
      </c>
      <c r="IT40" s="141">
        <v>64624</v>
      </c>
      <c r="IU40" s="320">
        <v>64624</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0</v>
      </c>
      <c r="JL40" s="119">
        <v>0</v>
      </c>
      <c r="JM40" s="119">
        <v>0</v>
      </c>
      <c r="JN40" s="119">
        <v>0</v>
      </c>
      <c r="JO40" s="119">
        <v>0</v>
      </c>
      <c r="JP40" s="120">
        <v>0</v>
      </c>
      <c r="JQ40" s="320">
        <v>0</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72208</v>
      </c>
      <c r="KH40" s="119">
        <v>104128</v>
      </c>
      <c r="KI40" s="119">
        <v>0</v>
      </c>
      <c r="KJ40" s="119">
        <v>0</v>
      </c>
      <c r="KK40" s="119">
        <v>0</v>
      </c>
      <c r="KL40" s="120">
        <v>176336</v>
      </c>
      <c r="KM40" s="143">
        <v>176336</v>
      </c>
      <c r="KN40" s="232">
        <v>0</v>
      </c>
      <c r="KO40" s="236">
        <v>0</v>
      </c>
      <c r="KP40" s="237">
        <v>0</v>
      </c>
      <c r="KQ40" s="140"/>
      <c r="KR40" s="119">
        <v>0</v>
      </c>
      <c r="KS40" s="119">
        <v>237008</v>
      </c>
      <c r="KT40" s="119">
        <v>0</v>
      </c>
      <c r="KU40" s="119">
        <v>0</v>
      </c>
      <c r="KV40" s="119">
        <v>0</v>
      </c>
      <c r="KW40" s="120">
        <v>237008</v>
      </c>
      <c r="KX40" s="320">
        <v>237008</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216616</v>
      </c>
      <c r="MK40" s="119">
        <v>139880</v>
      </c>
      <c r="ML40" s="119">
        <v>574792</v>
      </c>
      <c r="MM40" s="119">
        <v>504352</v>
      </c>
      <c r="MN40" s="119">
        <v>283520</v>
      </c>
      <c r="MO40" s="120">
        <v>1719160</v>
      </c>
      <c r="MP40" s="143">
        <v>1719160</v>
      </c>
      <c r="MQ40" s="142">
        <v>0</v>
      </c>
      <c r="MR40" s="119">
        <v>0</v>
      </c>
      <c r="MS40" s="120">
        <v>0</v>
      </c>
      <c r="MT40" s="145"/>
      <c r="MU40" s="119">
        <v>0</v>
      </c>
      <c r="MV40" s="119">
        <v>0</v>
      </c>
      <c r="MW40" s="119">
        <v>0</v>
      </c>
      <c r="MX40" s="119">
        <v>504352</v>
      </c>
      <c r="MY40" s="119">
        <v>283520</v>
      </c>
      <c r="MZ40" s="120">
        <v>787872</v>
      </c>
      <c r="NA40" s="143">
        <v>787872</v>
      </c>
      <c r="NB40" s="142">
        <v>0</v>
      </c>
      <c r="NC40" s="119">
        <v>0</v>
      </c>
      <c r="ND40" s="120">
        <v>0</v>
      </c>
      <c r="NE40" s="145"/>
      <c r="NF40" s="119">
        <v>216616</v>
      </c>
      <c r="NG40" s="119">
        <v>139880</v>
      </c>
      <c r="NH40" s="119">
        <v>574792</v>
      </c>
      <c r="NI40" s="119">
        <v>0</v>
      </c>
      <c r="NJ40" s="119">
        <v>0</v>
      </c>
      <c r="NK40" s="120">
        <v>931288</v>
      </c>
      <c r="NL40" s="320">
        <v>931288</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95568</v>
      </c>
      <c r="OJ40" s="119">
        <v>136387</v>
      </c>
      <c r="OK40" s="141">
        <v>431955</v>
      </c>
      <c r="OL40" s="118">
        <v>0</v>
      </c>
      <c r="OM40" s="119">
        <v>1994484</v>
      </c>
      <c r="ON40" s="119">
        <v>1303168</v>
      </c>
      <c r="OO40" s="119">
        <v>1102696</v>
      </c>
      <c r="OP40" s="119">
        <v>1692497</v>
      </c>
      <c r="OQ40" s="119">
        <v>879468</v>
      </c>
      <c r="OR40" s="120">
        <v>6972313</v>
      </c>
      <c r="OS40" s="143">
        <v>7404268</v>
      </c>
    </row>
    <row r="41" spans="2:409" ht="21" customHeight="1" x14ac:dyDescent="0.2">
      <c r="B41" s="126" t="s">
        <v>36</v>
      </c>
      <c r="C41" s="110">
        <v>24015</v>
      </c>
      <c r="D41" s="114">
        <v>72202</v>
      </c>
      <c r="E41" s="113">
        <v>96217</v>
      </c>
      <c r="F41" s="109">
        <v>0</v>
      </c>
      <c r="G41" s="114">
        <v>558533</v>
      </c>
      <c r="H41" s="114">
        <v>825854</v>
      </c>
      <c r="I41" s="114">
        <v>627337</v>
      </c>
      <c r="J41" s="114">
        <v>235499</v>
      </c>
      <c r="K41" s="114">
        <v>432824</v>
      </c>
      <c r="L41" s="173">
        <v>2680047</v>
      </c>
      <c r="M41" s="116">
        <v>2776264</v>
      </c>
      <c r="N41" s="110">
        <v>22415</v>
      </c>
      <c r="O41" s="114">
        <v>15698</v>
      </c>
      <c r="P41" s="113">
        <v>38113</v>
      </c>
      <c r="Q41" s="110">
        <v>0</v>
      </c>
      <c r="R41" s="114">
        <v>318235</v>
      </c>
      <c r="S41" s="114">
        <v>267577</v>
      </c>
      <c r="T41" s="114">
        <v>221987</v>
      </c>
      <c r="U41" s="114">
        <v>20592</v>
      </c>
      <c r="V41" s="114">
        <v>155714</v>
      </c>
      <c r="W41" s="113">
        <v>984105</v>
      </c>
      <c r="X41" s="116">
        <v>1022218</v>
      </c>
      <c r="Y41" s="110">
        <v>0</v>
      </c>
      <c r="Z41" s="114">
        <v>0</v>
      </c>
      <c r="AA41" s="113">
        <v>0</v>
      </c>
      <c r="AB41" s="110">
        <v>0</v>
      </c>
      <c r="AC41" s="114">
        <v>131766</v>
      </c>
      <c r="AD41" s="114">
        <v>191286</v>
      </c>
      <c r="AE41" s="114">
        <v>72678</v>
      </c>
      <c r="AF41" s="114">
        <v>0</v>
      </c>
      <c r="AG41" s="114">
        <v>13696</v>
      </c>
      <c r="AH41" s="113">
        <v>409426</v>
      </c>
      <c r="AI41" s="116">
        <v>409426</v>
      </c>
      <c r="AJ41" s="110">
        <v>17647</v>
      </c>
      <c r="AK41" s="114">
        <v>0</v>
      </c>
      <c r="AL41" s="113">
        <v>17647</v>
      </c>
      <c r="AM41" s="110">
        <v>0</v>
      </c>
      <c r="AN41" s="114">
        <v>0</v>
      </c>
      <c r="AO41" s="114">
        <v>0</v>
      </c>
      <c r="AP41" s="114">
        <v>0</v>
      </c>
      <c r="AQ41" s="114">
        <v>0</v>
      </c>
      <c r="AR41" s="114">
        <v>0</v>
      </c>
      <c r="AS41" s="113">
        <v>0</v>
      </c>
      <c r="AT41" s="116">
        <v>17647</v>
      </c>
      <c r="AU41" s="110">
        <v>0</v>
      </c>
      <c r="AV41" s="114">
        <v>0</v>
      </c>
      <c r="AW41" s="113">
        <v>0</v>
      </c>
      <c r="AX41" s="110">
        <v>0</v>
      </c>
      <c r="AY41" s="114">
        <v>140469</v>
      </c>
      <c r="AZ41" s="114">
        <v>14534</v>
      </c>
      <c r="BA41" s="114">
        <v>61527</v>
      </c>
      <c r="BB41" s="114">
        <v>0</v>
      </c>
      <c r="BC41" s="114">
        <v>116490</v>
      </c>
      <c r="BD41" s="113">
        <v>333020</v>
      </c>
      <c r="BE41" s="116">
        <v>333020</v>
      </c>
      <c r="BF41" s="110">
        <v>0</v>
      </c>
      <c r="BG41" s="114">
        <v>15698</v>
      </c>
      <c r="BH41" s="112">
        <v>15698</v>
      </c>
      <c r="BI41" s="111">
        <v>0</v>
      </c>
      <c r="BJ41" s="114">
        <v>0</v>
      </c>
      <c r="BK41" s="114">
        <v>21933</v>
      </c>
      <c r="BL41" s="114">
        <v>35254</v>
      </c>
      <c r="BM41" s="114">
        <v>0</v>
      </c>
      <c r="BN41" s="114">
        <v>0</v>
      </c>
      <c r="BO41" s="113">
        <v>57187</v>
      </c>
      <c r="BP41" s="116">
        <v>72885</v>
      </c>
      <c r="BQ41" s="110">
        <v>4768</v>
      </c>
      <c r="BR41" s="114">
        <v>0</v>
      </c>
      <c r="BS41" s="113">
        <v>4768</v>
      </c>
      <c r="BT41" s="110">
        <v>0</v>
      </c>
      <c r="BU41" s="114">
        <v>46000</v>
      </c>
      <c r="BV41" s="114">
        <v>39824</v>
      </c>
      <c r="BW41" s="114">
        <v>52528</v>
      </c>
      <c r="BX41" s="114">
        <v>20592</v>
      </c>
      <c r="BY41" s="114">
        <v>25528</v>
      </c>
      <c r="BZ41" s="113">
        <v>184472</v>
      </c>
      <c r="CA41" s="116">
        <v>189240</v>
      </c>
      <c r="CB41" s="110">
        <v>0</v>
      </c>
      <c r="CC41" s="114">
        <v>37304</v>
      </c>
      <c r="CD41" s="113">
        <v>37304</v>
      </c>
      <c r="CE41" s="110">
        <v>0</v>
      </c>
      <c r="CF41" s="114">
        <v>27794</v>
      </c>
      <c r="CG41" s="114">
        <v>269757</v>
      </c>
      <c r="CH41" s="114">
        <v>166578</v>
      </c>
      <c r="CI41" s="114">
        <v>0</v>
      </c>
      <c r="CJ41" s="114">
        <v>0</v>
      </c>
      <c r="CK41" s="113">
        <v>464129</v>
      </c>
      <c r="CL41" s="116">
        <v>501433</v>
      </c>
      <c r="CM41" s="110">
        <v>0</v>
      </c>
      <c r="CN41" s="114">
        <v>0</v>
      </c>
      <c r="CO41" s="113">
        <v>0</v>
      </c>
      <c r="CP41" s="111">
        <v>0</v>
      </c>
      <c r="CQ41" s="114">
        <v>27794</v>
      </c>
      <c r="CR41" s="114">
        <v>110513</v>
      </c>
      <c r="CS41" s="114">
        <v>149762</v>
      </c>
      <c r="CT41" s="114">
        <v>0</v>
      </c>
      <c r="CU41" s="114">
        <v>0</v>
      </c>
      <c r="CV41" s="113">
        <v>288069</v>
      </c>
      <c r="CW41" s="116">
        <v>288069</v>
      </c>
      <c r="CX41" s="110">
        <v>0</v>
      </c>
      <c r="CY41" s="114">
        <v>37304</v>
      </c>
      <c r="CZ41" s="113">
        <v>37304</v>
      </c>
      <c r="DA41" s="110">
        <v>0</v>
      </c>
      <c r="DB41" s="114">
        <v>0</v>
      </c>
      <c r="DC41" s="114">
        <v>159244</v>
      </c>
      <c r="DD41" s="114">
        <v>16816</v>
      </c>
      <c r="DE41" s="114">
        <v>0</v>
      </c>
      <c r="DF41" s="114">
        <v>0</v>
      </c>
      <c r="DG41" s="113">
        <v>176060</v>
      </c>
      <c r="DH41" s="116">
        <v>213364</v>
      </c>
      <c r="DI41" s="110">
        <v>0</v>
      </c>
      <c r="DJ41" s="114">
        <v>0</v>
      </c>
      <c r="DK41" s="112">
        <v>0</v>
      </c>
      <c r="DL41" s="111">
        <v>0</v>
      </c>
      <c r="DM41" s="114">
        <v>0</v>
      </c>
      <c r="DN41" s="114">
        <v>0</v>
      </c>
      <c r="DO41" s="114">
        <v>18179</v>
      </c>
      <c r="DP41" s="114">
        <v>0</v>
      </c>
      <c r="DQ41" s="114">
        <v>0</v>
      </c>
      <c r="DR41" s="113">
        <v>18179</v>
      </c>
      <c r="DS41" s="116">
        <v>18179</v>
      </c>
      <c r="DT41" s="110">
        <v>0</v>
      </c>
      <c r="DU41" s="114">
        <v>0</v>
      </c>
      <c r="DV41" s="113">
        <v>0</v>
      </c>
      <c r="DW41" s="110">
        <v>0</v>
      </c>
      <c r="DX41" s="114">
        <v>0</v>
      </c>
      <c r="DY41" s="114">
        <v>0</v>
      </c>
      <c r="DZ41" s="114">
        <v>18179</v>
      </c>
      <c r="EA41" s="114">
        <v>0</v>
      </c>
      <c r="EB41" s="114">
        <v>0</v>
      </c>
      <c r="EC41" s="113">
        <v>18179</v>
      </c>
      <c r="ED41" s="116">
        <v>18179</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1600</v>
      </c>
      <c r="FM41" s="114">
        <v>19200</v>
      </c>
      <c r="FN41" s="113">
        <v>20800</v>
      </c>
      <c r="FO41" s="110">
        <v>0</v>
      </c>
      <c r="FP41" s="114">
        <v>49632</v>
      </c>
      <c r="FQ41" s="114">
        <v>113528</v>
      </c>
      <c r="FR41" s="114">
        <v>25480</v>
      </c>
      <c r="FS41" s="114">
        <v>2064</v>
      </c>
      <c r="FT41" s="114">
        <v>37136</v>
      </c>
      <c r="FU41" s="113">
        <v>227840</v>
      </c>
      <c r="FV41" s="116">
        <v>248640</v>
      </c>
      <c r="FW41" s="115">
        <v>1600</v>
      </c>
      <c r="FX41" s="114">
        <v>19200</v>
      </c>
      <c r="FY41" s="112">
        <v>20800</v>
      </c>
      <c r="FZ41" s="111">
        <v>0</v>
      </c>
      <c r="GA41" s="114">
        <v>25072</v>
      </c>
      <c r="GB41" s="114">
        <v>113528</v>
      </c>
      <c r="GC41" s="114">
        <v>25480</v>
      </c>
      <c r="GD41" s="114">
        <v>2064</v>
      </c>
      <c r="GE41" s="114">
        <v>37136</v>
      </c>
      <c r="GF41" s="113">
        <v>203280</v>
      </c>
      <c r="GG41" s="318">
        <v>224080</v>
      </c>
      <c r="GH41" s="115">
        <v>0</v>
      </c>
      <c r="GI41" s="114">
        <v>0</v>
      </c>
      <c r="GJ41" s="112">
        <v>0</v>
      </c>
      <c r="GK41" s="111">
        <v>0</v>
      </c>
      <c r="GL41" s="114">
        <v>24560</v>
      </c>
      <c r="GM41" s="114">
        <v>0</v>
      </c>
      <c r="GN41" s="114">
        <v>0</v>
      </c>
      <c r="GO41" s="114">
        <v>0</v>
      </c>
      <c r="GP41" s="114">
        <v>0</v>
      </c>
      <c r="GQ41" s="113">
        <v>24560</v>
      </c>
      <c r="GR41" s="116">
        <v>2456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162872</v>
      </c>
      <c r="HI41" s="114">
        <v>174992</v>
      </c>
      <c r="HJ41" s="114">
        <v>195113</v>
      </c>
      <c r="HK41" s="114">
        <v>212843</v>
      </c>
      <c r="HL41" s="114">
        <v>239974</v>
      </c>
      <c r="HM41" s="113">
        <v>985794</v>
      </c>
      <c r="HN41" s="116">
        <v>985794</v>
      </c>
      <c r="HO41" s="503"/>
      <c r="HP41" s="329"/>
      <c r="HQ41" s="330"/>
      <c r="HR41" s="331"/>
      <c r="HS41" s="329"/>
      <c r="HT41" s="329"/>
      <c r="HU41" s="329"/>
      <c r="HV41" s="329"/>
      <c r="HW41" s="329"/>
      <c r="HX41" s="329"/>
      <c r="HY41" s="510"/>
      <c r="HZ41" s="133">
        <v>0</v>
      </c>
      <c r="IA41" s="132">
        <v>0</v>
      </c>
      <c r="IB41" s="133">
        <v>0</v>
      </c>
      <c r="IC41" s="146">
        <v>0</v>
      </c>
      <c r="ID41" s="132">
        <v>154163</v>
      </c>
      <c r="IE41" s="147">
        <v>335067</v>
      </c>
      <c r="IF41" s="133">
        <v>0</v>
      </c>
      <c r="IG41" s="132">
        <v>0</v>
      </c>
      <c r="IH41" s="133">
        <v>0</v>
      </c>
      <c r="II41" s="148">
        <v>489230</v>
      </c>
      <c r="IJ41" s="139">
        <v>489230</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154163</v>
      </c>
      <c r="JL41" s="119">
        <v>87395</v>
      </c>
      <c r="JM41" s="119">
        <v>0</v>
      </c>
      <c r="JN41" s="119">
        <v>0</v>
      </c>
      <c r="JO41" s="119">
        <v>0</v>
      </c>
      <c r="JP41" s="120">
        <v>241558</v>
      </c>
      <c r="JQ41" s="320">
        <v>241558</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0</v>
      </c>
      <c r="KS41" s="119">
        <v>247672</v>
      </c>
      <c r="KT41" s="119">
        <v>0</v>
      </c>
      <c r="KU41" s="119">
        <v>0</v>
      </c>
      <c r="KV41" s="119">
        <v>0</v>
      </c>
      <c r="KW41" s="120">
        <v>247672</v>
      </c>
      <c r="KX41" s="320">
        <v>247672</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230560</v>
      </c>
      <c r="MK41" s="119">
        <v>480824</v>
      </c>
      <c r="ML41" s="119">
        <v>265989</v>
      </c>
      <c r="MM41" s="119">
        <v>1052126</v>
      </c>
      <c r="MN41" s="119">
        <v>581644</v>
      </c>
      <c r="MO41" s="120">
        <v>2611143</v>
      </c>
      <c r="MP41" s="143">
        <v>2611143</v>
      </c>
      <c r="MQ41" s="142">
        <v>0</v>
      </c>
      <c r="MR41" s="119">
        <v>0</v>
      </c>
      <c r="MS41" s="120">
        <v>0</v>
      </c>
      <c r="MT41" s="145"/>
      <c r="MU41" s="119">
        <v>0</v>
      </c>
      <c r="MV41" s="119">
        <v>0</v>
      </c>
      <c r="MW41" s="119">
        <v>0</v>
      </c>
      <c r="MX41" s="119">
        <v>1052126</v>
      </c>
      <c r="MY41" s="119">
        <v>581644</v>
      </c>
      <c r="MZ41" s="120">
        <v>1633770</v>
      </c>
      <c r="NA41" s="143">
        <v>1633770</v>
      </c>
      <c r="NB41" s="142">
        <v>0</v>
      </c>
      <c r="NC41" s="119">
        <v>0</v>
      </c>
      <c r="ND41" s="120">
        <v>0</v>
      </c>
      <c r="NE41" s="145"/>
      <c r="NF41" s="119">
        <v>230560</v>
      </c>
      <c r="NG41" s="119">
        <v>480824</v>
      </c>
      <c r="NH41" s="119">
        <v>265989</v>
      </c>
      <c r="NI41" s="119">
        <v>0</v>
      </c>
      <c r="NJ41" s="119">
        <v>0</v>
      </c>
      <c r="NK41" s="120">
        <v>977373</v>
      </c>
      <c r="NL41" s="320">
        <v>977373</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24015</v>
      </c>
      <c r="OJ41" s="119">
        <v>72202</v>
      </c>
      <c r="OK41" s="141">
        <v>96217</v>
      </c>
      <c r="OL41" s="118">
        <v>0</v>
      </c>
      <c r="OM41" s="119">
        <v>943256</v>
      </c>
      <c r="ON41" s="119">
        <v>1641745</v>
      </c>
      <c r="OO41" s="119">
        <v>893326</v>
      </c>
      <c r="OP41" s="119">
        <v>1287625</v>
      </c>
      <c r="OQ41" s="119">
        <v>1014468</v>
      </c>
      <c r="OR41" s="120">
        <v>5780420</v>
      </c>
      <c r="OS41" s="143">
        <v>5876637</v>
      </c>
    </row>
    <row r="42" spans="2:409" ht="21" customHeight="1" thickBot="1" x14ac:dyDescent="0.25">
      <c r="B42" s="127" t="s">
        <v>37</v>
      </c>
      <c r="C42" s="117">
        <v>0</v>
      </c>
      <c r="D42" s="178">
        <v>21120</v>
      </c>
      <c r="E42" s="179">
        <v>21120</v>
      </c>
      <c r="F42" s="180">
        <v>0</v>
      </c>
      <c r="G42" s="178">
        <v>0</v>
      </c>
      <c r="H42" s="178">
        <v>195922</v>
      </c>
      <c r="I42" s="178">
        <v>0</v>
      </c>
      <c r="J42" s="178">
        <v>0</v>
      </c>
      <c r="K42" s="178">
        <v>254536</v>
      </c>
      <c r="L42" s="180">
        <v>450458</v>
      </c>
      <c r="M42" s="181">
        <v>471578</v>
      </c>
      <c r="N42" s="117">
        <v>0</v>
      </c>
      <c r="O42" s="178">
        <v>0</v>
      </c>
      <c r="P42" s="179">
        <v>0</v>
      </c>
      <c r="Q42" s="117">
        <v>0</v>
      </c>
      <c r="R42" s="178">
        <v>0</v>
      </c>
      <c r="S42" s="178">
        <v>54749</v>
      </c>
      <c r="T42" s="178">
        <v>0</v>
      </c>
      <c r="U42" s="178">
        <v>0</v>
      </c>
      <c r="V42" s="178">
        <v>12480</v>
      </c>
      <c r="W42" s="179">
        <v>67229</v>
      </c>
      <c r="X42" s="181">
        <v>67229</v>
      </c>
      <c r="Y42" s="117">
        <v>0</v>
      </c>
      <c r="Z42" s="178">
        <v>0</v>
      </c>
      <c r="AA42" s="179">
        <v>0</v>
      </c>
      <c r="AB42" s="117">
        <v>0</v>
      </c>
      <c r="AC42" s="178">
        <v>0</v>
      </c>
      <c r="AD42" s="178">
        <v>0</v>
      </c>
      <c r="AE42" s="178">
        <v>0</v>
      </c>
      <c r="AF42" s="178">
        <v>0</v>
      </c>
      <c r="AG42" s="178">
        <v>0</v>
      </c>
      <c r="AH42" s="179">
        <v>0</v>
      </c>
      <c r="AI42" s="181">
        <v>0</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0</v>
      </c>
      <c r="BD42" s="179">
        <v>0</v>
      </c>
      <c r="BE42" s="181">
        <v>0</v>
      </c>
      <c r="BF42" s="117">
        <v>0</v>
      </c>
      <c r="BG42" s="178">
        <v>0</v>
      </c>
      <c r="BH42" s="183">
        <v>0</v>
      </c>
      <c r="BI42" s="182">
        <v>0</v>
      </c>
      <c r="BJ42" s="178">
        <v>0</v>
      </c>
      <c r="BK42" s="178">
        <v>54749</v>
      </c>
      <c r="BL42" s="178">
        <v>0</v>
      </c>
      <c r="BM42" s="178">
        <v>0</v>
      </c>
      <c r="BN42" s="178">
        <v>0</v>
      </c>
      <c r="BO42" s="179">
        <v>54749</v>
      </c>
      <c r="BP42" s="181">
        <v>54749</v>
      </c>
      <c r="BQ42" s="117">
        <v>0</v>
      </c>
      <c r="BR42" s="178">
        <v>0</v>
      </c>
      <c r="BS42" s="179">
        <v>0</v>
      </c>
      <c r="BT42" s="117">
        <v>0</v>
      </c>
      <c r="BU42" s="178">
        <v>0</v>
      </c>
      <c r="BV42" s="178">
        <v>0</v>
      </c>
      <c r="BW42" s="178">
        <v>0</v>
      </c>
      <c r="BX42" s="178">
        <v>0</v>
      </c>
      <c r="BY42" s="178">
        <v>12480</v>
      </c>
      <c r="BZ42" s="179">
        <v>12480</v>
      </c>
      <c r="CA42" s="181">
        <v>12480</v>
      </c>
      <c r="CB42" s="117">
        <v>0</v>
      </c>
      <c r="CC42" s="178">
        <v>0</v>
      </c>
      <c r="CD42" s="179">
        <v>0</v>
      </c>
      <c r="CE42" s="117">
        <v>0</v>
      </c>
      <c r="CF42" s="178">
        <v>0</v>
      </c>
      <c r="CG42" s="178">
        <v>118197</v>
      </c>
      <c r="CH42" s="178">
        <v>0</v>
      </c>
      <c r="CI42" s="178">
        <v>0</v>
      </c>
      <c r="CJ42" s="178">
        <v>0</v>
      </c>
      <c r="CK42" s="179">
        <v>118197</v>
      </c>
      <c r="CL42" s="181">
        <v>118197</v>
      </c>
      <c r="CM42" s="117">
        <v>0</v>
      </c>
      <c r="CN42" s="178">
        <v>0</v>
      </c>
      <c r="CO42" s="179">
        <v>0</v>
      </c>
      <c r="CP42" s="182">
        <v>0</v>
      </c>
      <c r="CQ42" s="178">
        <v>0</v>
      </c>
      <c r="CR42" s="178">
        <v>118197</v>
      </c>
      <c r="CS42" s="178">
        <v>0</v>
      </c>
      <c r="CT42" s="178">
        <v>0</v>
      </c>
      <c r="CU42" s="178">
        <v>0</v>
      </c>
      <c r="CV42" s="179">
        <v>118197</v>
      </c>
      <c r="CW42" s="181">
        <v>118197</v>
      </c>
      <c r="CX42" s="117">
        <v>0</v>
      </c>
      <c r="CY42" s="178">
        <v>0</v>
      </c>
      <c r="CZ42" s="179">
        <v>0</v>
      </c>
      <c r="DA42" s="117">
        <v>0</v>
      </c>
      <c r="DB42" s="178">
        <v>0</v>
      </c>
      <c r="DC42" s="178">
        <v>0</v>
      </c>
      <c r="DD42" s="178">
        <v>0</v>
      </c>
      <c r="DE42" s="178">
        <v>0</v>
      </c>
      <c r="DF42" s="178">
        <v>0</v>
      </c>
      <c r="DG42" s="179">
        <v>0</v>
      </c>
      <c r="DH42" s="181">
        <v>0</v>
      </c>
      <c r="DI42" s="117">
        <v>0</v>
      </c>
      <c r="DJ42" s="178">
        <v>0</v>
      </c>
      <c r="DK42" s="183">
        <v>0</v>
      </c>
      <c r="DL42" s="182">
        <v>0</v>
      </c>
      <c r="DM42" s="178">
        <v>0</v>
      </c>
      <c r="DN42" s="178">
        <v>0</v>
      </c>
      <c r="DO42" s="178">
        <v>0</v>
      </c>
      <c r="DP42" s="178">
        <v>0</v>
      </c>
      <c r="DQ42" s="178">
        <v>0</v>
      </c>
      <c r="DR42" s="179">
        <v>0</v>
      </c>
      <c r="DS42" s="181">
        <v>0</v>
      </c>
      <c r="DT42" s="117">
        <v>0</v>
      </c>
      <c r="DU42" s="178">
        <v>0</v>
      </c>
      <c r="DV42" s="179">
        <v>0</v>
      </c>
      <c r="DW42" s="117">
        <v>0</v>
      </c>
      <c r="DX42" s="178">
        <v>0</v>
      </c>
      <c r="DY42" s="178">
        <v>0</v>
      </c>
      <c r="DZ42" s="178">
        <v>0</v>
      </c>
      <c r="EA42" s="178">
        <v>0</v>
      </c>
      <c r="EB42" s="178">
        <v>0</v>
      </c>
      <c r="EC42" s="179">
        <v>0</v>
      </c>
      <c r="ED42" s="181">
        <v>0</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0</v>
      </c>
      <c r="FM42" s="178">
        <v>21120</v>
      </c>
      <c r="FN42" s="179">
        <v>21120</v>
      </c>
      <c r="FO42" s="117">
        <v>0</v>
      </c>
      <c r="FP42" s="178">
        <v>0</v>
      </c>
      <c r="FQ42" s="178">
        <v>22976</v>
      </c>
      <c r="FR42" s="178">
        <v>0</v>
      </c>
      <c r="FS42" s="178">
        <v>0</v>
      </c>
      <c r="FT42" s="178">
        <v>0</v>
      </c>
      <c r="FU42" s="179">
        <v>22976</v>
      </c>
      <c r="FV42" s="181">
        <v>44096</v>
      </c>
      <c r="FW42" s="184">
        <v>0</v>
      </c>
      <c r="FX42" s="178">
        <v>0</v>
      </c>
      <c r="FY42" s="183">
        <v>0</v>
      </c>
      <c r="FZ42" s="182">
        <v>0</v>
      </c>
      <c r="GA42" s="178">
        <v>0</v>
      </c>
      <c r="GB42" s="178">
        <v>22976</v>
      </c>
      <c r="GC42" s="178">
        <v>0</v>
      </c>
      <c r="GD42" s="178">
        <v>0</v>
      </c>
      <c r="GE42" s="178">
        <v>0</v>
      </c>
      <c r="GF42" s="179">
        <v>22976</v>
      </c>
      <c r="GG42" s="319">
        <v>22976</v>
      </c>
      <c r="GH42" s="184">
        <v>0</v>
      </c>
      <c r="GI42" s="178">
        <v>21120</v>
      </c>
      <c r="GJ42" s="183">
        <v>21120</v>
      </c>
      <c r="GK42" s="182">
        <v>0</v>
      </c>
      <c r="GL42" s="178">
        <v>0</v>
      </c>
      <c r="GM42" s="178">
        <v>0</v>
      </c>
      <c r="GN42" s="178">
        <v>0</v>
      </c>
      <c r="GO42" s="178">
        <v>0</v>
      </c>
      <c r="GP42" s="178">
        <v>0</v>
      </c>
      <c r="GQ42" s="179">
        <v>0</v>
      </c>
      <c r="GR42" s="181">
        <v>2112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0</v>
      </c>
      <c r="HL42" s="178">
        <v>242056</v>
      </c>
      <c r="HM42" s="179">
        <v>242056</v>
      </c>
      <c r="HN42" s="181">
        <v>242056</v>
      </c>
      <c r="HO42" s="334"/>
      <c r="HP42" s="335"/>
      <c r="HQ42" s="336"/>
      <c r="HR42" s="348"/>
      <c r="HS42" s="335"/>
      <c r="HT42" s="335"/>
      <c r="HU42" s="335"/>
      <c r="HV42" s="335"/>
      <c r="HW42" s="335"/>
      <c r="HX42" s="335"/>
      <c r="HY42" s="507"/>
      <c r="HZ42" s="153">
        <v>0</v>
      </c>
      <c r="IA42" s="152">
        <v>0</v>
      </c>
      <c r="IB42" s="153">
        <v>0</v>
      </c>
      <c r="IC42" s="154">
        <v>0</v>
      </c>
      <c r="ID42" s="155">
        <v>0</v>
      </c>
      <c r="IE42" s="156">
        <v>0</v>
      </c>
      <c r="IF42" s="157">
        <v>0</v>
      </c>
      <c r="IG42" s="155">
        <v>0</v>
      </c>
      <c r="IH42" s="157">
        <v>0</v>
      </c>
      <c r="II42" s="158">
        <v>0</v>
      </c>
      <c r="IJ42" s="159">
        <v>0</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0</v>
      </c>
      <c r="JP42" s="165">
        <v>0</v>
      </c>
      <c r="JQ42" s="321">
        <v>0</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1">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233548</v>
      </c>
      <c r="MM42" s="161">
        <v>261037</v>
      </c>
      <c r="MN42" s="161">
        <v>0</v>
      </c>
      <c r="MO42" s="165">
        <v>494585</v>
      </c>
      <c r="MP42" s="167">
        <v>494585</v>
      </c>
      <c r="MQ42" s="163">
        <v>0</v>
      </c>
      <c r="MR42" s="161">
        <v>0</v>
      </c>
      <c r="MS42" s="165">
        <v>0</v>
      </c>
      <c r="MT42" s="169"/>
      <c r="MU42" s="161">
        <v>0</v>
      </c>
      <c r="MV42" s="161">
        <v>0</v>
      </c>
      <c r="MW42" s="161">
        <v>233548</v>
      </c>
      <c r="MX42" s="161">
        <v>261037</v>
      </c>
      <c r="MY42" s="161">
        <v>0</v>
      </c>
      <c r="MZ42" s="165">
        <v>494585</v>
      </c>
      <c r="NA42" s="167">
        <v>494585</v>
      </c>
      <c r="NB42" s="163">
        <v>0</v>
      </c>
      <c r="NC42" s="161">
        <v>0</v>
      </c>
      <c r="ND42" s="165">
        <v>0</v>
      </c>
      <c r="NE42" s="169"/>
      <c r="NF42" s="161">
        <v>0</v>
      </c>
      <c r="NG42" s="161">
        <v>0</v>
      </c>
      <c r="NH42" s="161">
        <v>0</v>
      </c>
      <c r="NI42" s="161">
        <v>0</v>
      </c>
      <c r="NJ42" s="161">
        <v>0</v>
      </c>
      <c r="NK42" s="165">
        <v>0</v>
      </c>
      <c r="NL42" s="321">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0</v>
      </c>
      <c r="OG42" s="165">
        <v>0</v>
      </c>
      <c r="OH42" s="166">
        <v>0</v>
      </c>
      <c r="OI42" s="163">
        <v>0</v>
      </c>
      <c r="OJ42" s="161">
        <v>21120</v>
      </c>
      <c r="OK42" s="162">
        <v>21120</v>
      </c>
      <c r="OL42" s="164">
        <v>0</v>
      </c>
      <c r="OM42" s="161">
        <v>0</v>
      </c>
      <c r="ON42" s="161">
        <v>195922</v>
      </c>
      <c r="OO42" s="161">
        <v>233548</v>
      </c>
      <c r="OP42" s="161">
        <v>261037</v>
      </c>
      <c r="OQ42" s="161">
        <v>254536</v>
      </c>
      <c r="OR42" s="165">
        <v>945043</v>
      </c>
      <c r="OS42" s="167">
        <v>966163</v>
      </c>
    </row>
    <row r="43" spans="2:409" x14ac:dyDescent="0.2">
      <c r="B43" s="44" t="s">
        <v>84</v>
      </c>
    </row>
  </sheetData>
  <mergeCells count="158">
    <mergeCell ref="I1:J1"/>
    <mergeCell ref="HY7:HY8"/>
    <mergeCell ref="HC7:HC8"/>
    <mergeCell ref="HD7:HF7"/>
    <mergeCell ref="HG7:HM7"/>
    <mergeCell ref="HN7:HN8"/>
    <mergeCell ref="HO7:HQ7"/>
    <mergeCell ref="HR7:HX7"/>
    <mergeCell ref="GV7:HB7"/>
    <mergeCell ref="EZ7:EZ8"/>
    <mergeCell ref="FL7:FN7"/>
    <mergeCell ref="FO7:FU7"/>
    <mergeCell ref="FV7:FV8"/>
    <mergeCell ref="FW7:FY7"/>
    <mergeCell ref="FZ7:GF7"/>
    <mergeCell ref="GG7:GG8"/>
    <mergeCell ref="EH7:EN7"/>
    <mergeCell ref="EO7:EO8"/>
    <mergeCell ref="DT7:DV7"/>
    <mergeCell ref="GH7:GJ7"/>
    <mergeCell ref="GK7:GQ7"/>
    <mergeCell ref="EP6:EZ6"/>
    <mergeCell ref="FL6:FV6"/>
    <mergeCell ref="FW6:GG6"/>
    <mergeCell ref="GH6:GR6"/>
    <mergeCell ref="GR7:GR8"/>
    <mergeCell ref="GS7:GU7"/>
    <mergeCell ref="ES7:EY7"/>
    <mergeCell ref="FA7:FC7"/>
    <mergeCell ref="FD7:FJ7"/>
    <mergeCell ref="FK7:FK8"/>
    <mergeCell ref="GS6:HC6"/>
    <mergeCell ref="FA6:FK6"/>
    <mergeCell ref="EP7:ER7"/>
    <mergeCell ref="BE7:BE8"/>
    <mergeCell ref="BF7:BH7"/>
    <mergeCell ref="DA7:DG7"/>
    <mergeCell ref="BP7:BP8"/>
    <mergeCell ref="BQ7:BS7"/>
    <mergeCell ref="BT7:BZ7"/>
    <mergeCell ref="CA7:CA8"/>
    <mergeCell ref="CB7:CD7"/>
    <mergeCell ref="CE7:CK7"/>
    <mergeCell ref="CL7:CL8"/>
    <mergeCell ref="CM7:CO7"/>
    <mergeCell ref="CP7:CV7"/>
    <mergeCell ref="CW7:CW8"/>
    <mergeCell ref="CX7:CZ7"/>
    <mergeCell ref="DW7:EC7"/>
    <mergeCell ref="ED7:ED8"/>
    <mergeCell ref="EE7:EG7"/>
    <mergeCell ref="DH7:DH8"/>
    <mergeCell ref="DI7:DK7"/>
    <mergeCell ref="DL7:DR7"/>
    <mergeCell ref="DS7:DS8"/>
    <mergeCell ref="N7:P7"/>
    <mergeCell ref="Q7:W7"/>
    <mergeCell ref="BI7:BO7"/>
    <mergeCell ref="X7:X8"/>
    <mergeCell ref="Y7:AA7"/>
    <mergeCell ref="AB7:AH7"/>
    <mergeCell ref="AI7:AI8"/>
    <mergeCell ref="AJ7:AL7"/>
    <mergeCell ref="AM7:AS7"/>
    <mergeCell ref="AT7:AT8"/>
    <mergeCell ref="AU7:AW7"/>
    <mergeCell ref="AX7:BD7"/>
    <mergeCell ref="DI5:FK5"/>
    <mergeCell ref="B4:B8"/>
    <mergeCell ref="C4:M6"/>
    <mergeCell ref="N4:HY4"/>
    <mergeCell ref="N5:CA5"/>
    <mergeCell ref="CB5:DH5"/>
    <mergeCell ref="FL5:HC5"/>
    <mergeCell ref="HD5:HN6"/>
    <mergeCell ref="HO5:HY6"/>
    <mergeCell ref="EE6:EO6"/>
    <mergeCell ref="N6:X6"/>
    <mergeCell ref="Y6:AI6"/>
    <mergeCell ref="AJ6:AT6"/>
    <mergeCell ref="AU6:BE6"/>
    <mergeCell ref="BF6:BP6"/>
    <mergeCell ref="BQ6:CA6"/>
    <mergeCell ref="CB6:CL6"/>
    <mergeCell ref="CM6:CW6"/>
    <mergeCell ref="CX6:DH6"/>
    <mergeCell ref="DI6:DS6"/>
    <mergeCell ref="DT6:ED6"/>
    <mergeCell ref="C7:E7"/>
    <mergeCell ref="F7:L7"/>
    <mergeCell ref="M7:M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A1:OS43"/>
  <sheetViews>
    <sheetView zoomScaleNormal="100" workbookViewId="0">
      <pane xSplit="2" ySplit="9" topLeftCell="C10" activePane="bottomRight" state="frozen"/>
      <selection activeCell="F37" sqref="F37"/>
      <selection pane="topRight" activeCell="F37" sqref="F37"/>
      <selection pane="bottomLeft" activeCell="F37" sqref="F37"/>
      <selection pane="bottomRight" activeCell="B1" sqref="B1"/>
    </sheetView>
  </sheetViews>
  <sheetFormatPr defaultColWidth="8.21875" defaultRowHeight="13.2" x14ac:dyDescent="0.2"/>
  <cols>
    <col min="1" max="1" width="2.77734375" style="44" customWidth="1"/>
    <col min="2" max="2" width="9" style="44" customWidth="1"/>
    <col min="3" max="3" width="8.21875" style="44" customWidth="1"/>
    <col min="4" max="5" width="10" style="44" customWidth="1"/>
    <col min="6" max="6" width="7.21875" style="44" customWidth="1"/>
    <col min="7" max="8" width="10" style="44" customWidth="1"/>
    <col min="9" max="9" width="9.88671875" style="44" customWidth="1"/>
    <col min="10" max="10" width="9.77734375" style="44" customWidth="1"/>
    <col min="11" max="11" width="9.88671875" style="44" customWidth="1"/>
    <col min="12" max="12" width="10.88671875" style="44" customWidth="1"/>
    <col min="13" max="13" width="11.109375" style="44" customWidth="1"/>
    <col min="14" max="16" width="8.21875" style="44" customWidth="1"/>
    <col min="17" max="17" width="7.21875" style="44" customWidth="1"/>
    <col min="18" max="18" width="8.21875" style="44" customWidth="1"/>
    <col min="19" max="19" width="10.109375" style="44" customWidth="1"/>
    <col min="20" max="20" width="9.109375" style="44" customWidth="1"/>
    <col min="21" max="21" width="9.77734375" style="44" customWidth="1"/>
    <col min="22" max="22" width="10.33203125" style="44" customWidth="1"/>
    <col min="23" max="23" width="10.44140625" style="44" customWidth="1"/>
    <col min="24" max="24" width="11" style="44" customWidth="1"/>
    <col min="25" max="27" width="8.21875" style="44" customWidth="1"/>
    <col min="28" max="28" width="7" style="44" customWidth="1"/>
    <col min="29" max="33" width="8.21875" style="44" customWidth="1"/>
    <col min="34" max="34" width="10.6640625" style="44" customWidth="1"/>
    <col min="35" max="35" width="10" style="44" customWidth="1"/>
    <col min="36" max="38" width="8.21875" style="44" customWidth="1"/>
    <col min="39" max="39" width="7" style="44" customWidth="1"/>
    <col min="40" max="49" width="8.21875" style="44" customWidth="1"/>
    <col min="50" max="50" width="7.21875" style="44" customWidth="1"/>
    <col min="51" max="55" width="8.21875" style="44" customWidth="1"/>
    <col min="56" max="57" width="9.33203125" style="44" customWidth="1"/>
    <col min="58" max="60" width="8.21875" style="44" customWidth="1"/>
    <col min="61" max="61" width="6.88671875" style="44" customWidth="1"/>
    <col min="62" max="71" width="8.21875" style="44" customWidth="1"/>
    <col min="72" max="72" width="7.21875" style="44" customWidth="1"/>
    <col min="73" max="79" width="8.21875" style="44" customWidth="1"/>
    <col min="80" max="82" width="8.21875" style="324" customWidth="1"/>
    <col min="83" max="83" width="7.6640625" style="324" customWidth="1"/>
    <col min="84" max="84" width="9.88671875" style="324" customWidth="1"/>
    <col min="85" max="85" width="10" style="324" customWidth="1"/>
    <col min="86" max="86" width="9.77734375" style="324" customWidth="1"/>
    <col min="87" max="87" width="9.21875" style="324" customWidth="1"/>
    <col min="88" max="88" width="8.77734375" style="324" customWidth="1"/>
    <col min="89" max="89" width="9.88671875" style="324" customWidth="1"/>
    <col min="90" max="90" width="9.77734375" style="324" customWidth="1"/>
    <col min="91" max="93" width="8.21875" style="44" customWidth="1"/>
    <col min="94" max="94" width="7.33203125" style="44" customWidth="1"/>
    <col min="95" max="95" width="9.88671875" style="44" bestFit="1" customWidth="1"/>
    <col min="96" max="96" width="10" style="44" customWidth="1"/>
    <col min="97" max="97" width="9.6640625" style="44" customWidth="1"/>
    <col min="98" max="99" width="8.21875" style="44" customWidth="1"/>
    <col min="100" max="101" width="9.88671875" style="44" customWidth="1"/>
    <col min="102" max="104" width="8.21875" style="44" customWidth="1"/>
    <col min="105" max="105" width="7.44140625" style="44" customWidth="1"/>
    <col min="106" max="110" width="8.21875" style="44" customWidth="1"/>
    <col min="111" max="111" width="10" style="44" customWidth="1"/>
    <col min="112" max="112" width="9.88671875" style="44" customWidth="1"/>
    <col min="113" max="115" width="8.21875" style="324" customWidth="1"/>
    <col min="116" max="116" width="7.21875" style="324" customWidth="1"/>
    <col min="117" max="121" width="8.21875" style="324" customWidth="1"/>
    <col min="122" max="122" width="10.109375" style="324" customWidth="1"/>
    <col min="123" max="123" width="9.77734375" style="324" customWidth="1"/>
    <col min="124" max="126" width="8.21875" style="44" customWidth="1"/>
    <col min="127" max="127" width="7.33203125" style="44" customWidth="1"/>
    <col min="128" max="132" width="8.21875" style="44" customWidth="1"/>
    <col min="133" max="133" width="10.33203125" style="44" customWidth="1"/>
    <col min="134" max="134" width="10.109375" style="44" customWidth="1"/>
    <col min="135" max="137" width="8.21875" style="44" customWidth="1"/>
    <col min="138" max="138" width="7.109375" style="44" customWidth="1"/>
    <col min="139" max="148" width="8.21875" style="44" customWidth="1"/>
    <col min="149" max="149" width="7.21875" style="44" customWidth="1"/>
    <col min="150" max="159" width="8.21875" style="44" customWidth="1"/>
    <col min="160" max="160" width="7.21875" style="44" customWidth="1"/>
    <col min="161" max="167" width="8.21875" style="44" customWidth="1"/>
    <col min="168" max="170" width="8.21875" style="324" customWidth="1"/>
    <col min="171" max="171" width="6.6640625" style="324" customWidth="1"/>
    <col min="172" max="176" width="8.21875" style="324" customWidth="1"/>
    <col min="177" max="177" width="10.109375" style="324" customWidth="1"/>
    <col min="178" max="178" width="9.88671875" style="324" customWidth="1"/>
    <col min="179" max="181" width="8.21875" style="44" customWidth="1"/>
    <col min="182" max="182" width="7.33203125" style="44" customWidth="1"/>
    <col min="183" max="187" width="8.21875" style="44" customWidth="1"/>
    <col min="188" max="188" width="10" style="44" customWidth="1"/>
    <col min="189" max="189" width="10.6640625" style="44" customWidth="1"/>
    <col min="190" max="192" width="8.21875" style="44" customWidth="1"/>
    <col min="193" max="193" width="7.21875" style="44" customWidth="1"/>
    <col min="194" max="203" width="8.21875" style="44" customWidth="1"/>
    <col min="204" max="204" width="7.109375" style="44" customWidth="1"/>
    <col min="205" max="214" width="8.21875" style="44" customWidth="1"/>
    <col min="215" max="215" width="7.109375" style="44" customWidth="1"/>
    <col min="216" max="220" width="8.21875" style="44" customWidth="1"/>
    <col min="221" max="222" width="9.77734375" style="44" customWidth="1"/>
    <col min="223" max="225" width="8.21875" style="44" customWidth="1"/>
    <col min="226" max="226" width="7.21875" style="44" customWidth="1"/>
    <col min="227" max="231" width="8.21875" style="44" customWidth="1"/>
    <col min="232" max="233" width="10" style="44" customWidth="1"/>
    <col min="234" max="235" width="7.44140625" style="39" customWidth="1"/>
    <col min="236" max="236" width="9.33203125" style="39" customWidth="1"/>
    <col min="237" max="237" width="7.44140625" style="39" customWidth="1"/>
    <col min="238" max="244" width="10.109375" style="39" customWidth="1"/>
    <col min="245" max="247" width="10.109375" style="1" customWidth="1"/>
    <col min="248" max="248" width="7.109375" style="1" customWidth="1"/>
    <col min="249" max="258" width="10.109375" style="1" customWidth="1"/>
    <col min="259" max="259" width="7.33203125" style="1" customWidth="1"/>
    <col min="260" max="269" width="10.109375" style="1" customWidth="1"/>
    <col min="270" max="270" width="7.21875" style="1" customWidth="1"/>
    <col min="271" max="280" width="10.109375" style="1" customWidth="1"/>
    <col min="281" max="281" width="7.6640625" style="1" customWidth="1"/>
    <col min="282" max="291" width="10.109375" style="1" customWidth="1"/>
    <col min="292" max="292" width="6.33203125" style="1" customWidth="1"/>
    <col min="293" max="302" width="10.109375" style="1" customWidth="1"/>
    <col min="303" max="303" width="7.44140625" style="1" customWidth="1"/>
    <col min="304" max="310" width="10.109375" style="1" customWidth="1"/>
    <col min="311" max="313" width="10.109375" style="39" customWidth="1"/>
    <col min="314" max="314" width="7.109375" style="39" customWidth="1"/>
    <col min="315" max="324" width="10.109375" style="39" customWidth="1"/>
    <col min="325" max="325" width="7.44140625" style="39" customWidth="1"/>
    <col min="326" max="335" width="10.109375" style="39" customWidth="1"/>
    <col min="336" max="336" width="6.88671875" style="39" customWidth="1"/>
    <col min="337" max="343" width="10.109375" style="39" customWidth="1"/>
    <col min="344" max="346" width="10.109375" style="1" customWidth="1"/>
    <col min="347" max="347" width="7.21875" style="1" customWidth="1"/>
    <col min="348" max="357" width="10.109375" style="1" customWidth="1"/>
    <col min="358" max="358" width="7.21875" style="1" customWidth="1"/>
    <col min="359" max="368" width="10.109375" style="1" customWidth="1"/>
    <col min="369" max="369" width="7" style="1" customWidth="1"/>
    <col min="370" max="379" width="10.109375" style="1" customWidth="1"/>
    <col min="380" max="380" width="6.88671875" style="1" customWidth="1"/>
    <col min="381" max="385" width="10.109375" style="1" customWidth="1"/>
    <col min="386" max="387" width="10.33203125" style="1" customWidth="1"/>
    <col min="388" max="390" width="10.109375" style="1" customWidth="1"/>
    <col min="391" max="391" width="6.88671875" style="1" customWidth="1"/>
    <col min="392" max="396" width="10.109375" style="1" customWidth="1"/>
    <col min="397" max="398" width="10.33203125" style="1" customWidth="1"/>
    <col min="399" max="401" width="9.21875" style="1" customWidth="1"/>
    <col min="402" max="402" width="7" style="1" customWidth="1"/>
    <col min="403" max="404" width="9.21875" style="1" customWidth="1"/>
    <col min="405" max="405" width="10.44140625" style="1" customWidth="1"/>
    <col min="406" max="406" width="12.109375" style="1" customWidth="1"/>
    <col min="407" max="407" width="10.109375" style="1" customWidth="1"/>
    <col min="408" max="409" width="10.33203125" style="1" customWidth="1"/>
    <col min="410" max="16384" width="8.21875" style="44"/>
  </cols>
  <sheetData>
    <row r="1" spans="1:409" ht="24" customHeight="1" x14ac:dyDescent="0.2">
      <c r="B1" s="20" t="s">
        <v>136</v>
      </c>
      <c r="E1" s="1"/>
      <c r="F1" s="1"/>
      <c r="G1" s="500">
        <f>第１表!F2</f>
        <v>4</v>
      </c>
      <c r="H1" s="511">
        <f>第１表!G2</f>
        <v>12</v>
      </c>
      <c r="I1" s="652">
        <f>IF(H1&lt;3,H1-2+12,H1-2)</f>
        <v>10</v>
      </c>
      <c r="J1" s="652"/>
      <c r="IB1" s="367"/>
      <c r="IC1" s="252"/>
      <c r="ID1" s="652"/>
      <c r="IE1" s="652"/>
    </row>
    <row r="2" spans="1:409" ht="24" customHeight="1" x14ac:dyDescent="0.2">
      <c r="B2" s="20" t="s">
        <v>147</v>
      </c>
      <c r="E2" s="249"/>
      <c r="F2" s="250"/>
      <c r="G2" s="354"/>
      <c r="H2" s="354"/>
      <c r="IB2" s="251"/>
      <c r="IC2" s="252"/>
      <c r="ID2" s="370"/>
      <c r="IE2" s="370"/>
    </row>
    <row r="3" spans="1:409" ht="24" customHeight="1" thickBot="1" x14ac:dyDescent="0.25">
      <c r="B3" s="20" t="s">
        <v>156</v>
      </c>
    </row>
    <row r="4" spans="1:409" ht="21" customHeight="1" thickBot="1" x14ac:dyDescent="0.25">
      <c r="B4" s="688" t="s">
        <v>42</v>
      </c>
      <c r="C4" s="691" t="s">
        <v>63</v>
      </c>
      <c r="D4" s="691"/>
      <c r="E4" s="691"/>
      <c r="F4" s="691"/>
      <c r="G4" s="691"/>
      <c r="H4" s="691"/>
      <c r="I4" s="691"/>
      <c r="J4" s="691"/>
      <c r="K4" s="691"/>
      <c r="L4" s="691"/>
      <c r="M4" s="691"/>
      <c r="N4" s="694"/>
      <c r="O4" s="694"/>
      <c r="P4" s="694"/>
      <c r="Q4" s="694"/>
      <c r="R4" s="694"/>
      <c r="S4" s="694"/>
      <c r="T4" s="694"/>
      <c r="U4" s="694"/>
      <c r="V4" s="694"/>
      <c r="W4" s="694"/>
      <c r="X4" s="694"/>
      <c r="Y4" s="694"/>
      <c r="Z4" s="694"/>
      <c r="AA4" s="694"/>
      <c r="AB4" s="694"/>
      <c r="AC4" s="694"/>
      <c r="AD4" s="694"/>
      <c r="AE4" s="694"/>
      <c r="AF4" s="694"/>
      <c r="AG4" s="694"/>
      <c r="AH4" s="694"/>
      <c r="AI4" s="694"/>
      <c r="AJ4" s="694"/>
      <c r="AK4" s="694"/>
      <c r="AL4" s="694"/>
      <c r="AM4" s="694"/>
      <c r="AN4" s="694"/>
      <c r="AO4" s="694"/>
      <c r="AP4" s="694"/>
      <c r="AQ4" s="694"/>
      <c r="AR4" s="694"/>
      <c r="AS4" s="694"/>
      <c r="AT4" s="694"/>
      <c r="AU4" s="694"/>
      <c r="AV4" s="694"/>
      <c r="AW4" s="694"/>
      <c r="AX4" s="694"/>
      <c r="AY4" s="694"/>
      <c r="AZ4" s="694"/>
      <c r="BA4" s="694"/>
      <c r="BB4" s="694"/>
      <c r="BC4" s="694"/>
      <c r="BD4" s="694"/>
      <c r="BE4" s="694"/>
      <c r="BF4" s="694"/>
      <c r="BG4" s="694"/>
      <c r="BH4" s="694"/>
      <c r="BI4" s="694"/>
      <c r="BJ4" s="694"/>
      <c r="BK4" s="694"/>
      <c r="BL4" s="694"/>
      <c r="BM4" s="694"/>
      <c r="BN4" s="694"/>
      <c r="BO4" s="694"/>
      <c r="BP4" s="694"/>
      <c r="BQ4" s="694"/>
      <c r="BR4" s="694"/>
      <c r="BS4" s="694"/>
      <c r="BT4" s="694"/>
      <c r="BU4" s="694"/>
      <c r="BV4" s="694"/>
      <c r="BW4" s="694"/>
      <c r="BX4" s="694"/>
      <c r="BY4" s="694"/>
      <c r="BZ4" s="694"/>
      <c r="CA4" s="694"/>
      <c r="CB4" s="694"/>
      <c r="CC4" s="694"/>
      <c r="CD4" s="694"/>
      <c r="CE4" s="694"/>
      <c r="CF4" s="694"/>
      <c r="CG4" s="694"/>
      <c r="CH4" s="694"/>
      <c r="CI4" s="694"/>
      <c r="CJ4" s="694"/>
      <c r="CK4" s="694"/>
      <c r="CL4" s="694"/>
      <c r="CM4" s="694"/>
      <c r="CN4" s="694"/>
      <c r="CO4" s="694"/>
      <c r="CP4" s="694"/>
      <c r="CQ4" s="694"/>
      <c r="CR4" s="694"/>
      <c r="CS4" s="694"/>
      <c r="CT4" s="694"/>
      <c r="CU4" s="694"/>
      <c r="CV4" s="694"/>
      <c r="CW4" s="694"/>
      <c r="CX4" s="694"/>
      <c r="CY4" s="694"/>
      <c r="CZ4" s="694"/>
      <c r="DA4" s="694"/>
      <c r="DB4" s="694"/>
      <c r="DC4" s="694"/>
      <c r="DD4" s="694"/>
      <c r="DE4" s="694"/>
      <c r="DF4" s="694"/>
      <c r="DG4" s="694"/>
      <c r="DH4" s="694"/>
      <c r="DI4" s="694"/>
      <c r="DJ4" s="694"/>
      <c r="DK4" s="694"/>
      <c r="DL4" s="694"/>
      <c r="DM4" s="694"/>
      <c r="DN4" s="694"/>
      <c r="DO4" s="694"/>
      <c r="DP4" s="694"/>
      <c r="DQ4" s="694"/>
      <c r="DR4" s="694"/>
      <c r="DS4" s="694"/>
      <c r="DT4" s="694"/>
      <c r="DU4" s="694"/>
      <c r="DV4" s="694"/>
      <c r="DW4" s="694"/>
      <c r="DX4" s="694"/>
      <c r="DY4" s="694"/>
      <c r="DZ4" s="694"/>
      <c r="EA4" s="694"/>
      <c r="EB4" s="694"/>
      <c r="EC4" s="694"/>
      <c r="ED4" s="694"/>
      <c r="EE4" s="694"/>
      <c r="EF4" s="694"/>
      <c r="EG4" s="694"/>
      <c r="EH4" s="694"/>
      <c r="EI4" s="694"/>
      <c r="EJ4" s="694"/>
      <c r="EK4" s="694"/>
      <c r="EL4" s="694"/>
      <c r="EM4" s="694"/>
      <c r="EN4" s="694"/>
      <c r="EO4" s="694"/>
      <c r="EP4" s="694"/>
      <c r="EQ4" s="694"/>
      <c r="ER4" s="694"/>
      <c r="ES4" s="694"/>
      <c r="ET4" s="694"/>
      <c r="EU4" s="694"/>
      <c r="EV4" s="694"/>
      <c r="EW4" s="694"/>
      <c r="EX4" s="694"/>
      <c r="EY4" s="694"/>
      <c r="EZ4" s="694"/>
      <c r="FA4" s="694"/>
      <c r="FB4" s="694"/>
      <c r="FC4" s="694"/>
      <c r="FD4" s="694"/>
      <c r="FE4" s="694"/>
      <c r="FF4" s="694"/>
      <c r="FG4" s="694"/>
      <c r="FH4" s="694"/>
      <c r="FI4" s="694"/>
      <c r="FJ4" s="694"/>
      <c r="FK4" s="694"/>
      <c r="FL4" s="694"/>
      <c r="FM4" s="694"/>
      <c r="FN4" s="694"/>
      <c r="FO4" s="694"/>
      <c r="FP4" s="694"/>
      <c r="FQ4" s="694"/>
      <c r="FR4" s="694"/>
      <c r="FS4" s="694"/>
      <c r="FT4" s="694"/>
      <c r="FU4" s="694"/>
      <c r="FV4" s="694"/>
      <c r="FW4" s="694"/>
      <c r="FX4" s="694"/>
      <c r="FY4" s="694"/>
      <c r="FZ4" s="694"/>
      <c r="GA4" s="694"/>
      <c r="GB4" s="694"/>
      <c r="GC4" s="694"/>
      <c r="GD4" s="694"/>
      <c r="GE4" s="694"/>
      <c r="GF4" s="694"/>
      <c r="GG4" s="694"/>
      <c r="GH4" s="694"/>
      <c r="GI4" s="694"/>
      <c r="GJ4" s="694"/>
      <c r="GK4" s="694"/>
      <c r="GL4" s="694"/>
      <c r="GM4" s="694"/>
      <c r="GN4" s="694"/>
      <c r="GO4" s="694"/>
      <c r="GP4" s="694"/>
      <c r="GQ4" s="694"/>
      <c r="GR4" s="694"/>
      <c r="GS4" s="694"/>
      <c r="GT4" s="694"/>
      <c r="GU4" s="694"/>
      <c r="GV4" s="694"/>
      <c r="GW4" s="694"/>
      <c r="GX4" s="694"/>
      <c r="GY4" s="694"/>
      <c r="GZ4" s="694"/>
      <c r="HA4" s="694"/>
      <c r="HB4" s="694"/>
      <c r="HC4" s="694"/>
      <c r="HD4" s="694"/>
      <c r="HE4" s="694"/>
      <c r="HF4" s="694"/>
      <c r="HG4" s="694"/>
      <c r="HH4" s="694"/>
      <c r="HI4" s="694"/>
      <c r="HJ4" s="694"/>
      <c r="HK4" s="694"/>
      <c r="HL4" s="694"/>
      <c r="HM4" s="694"/>
      <c r="HN4" s="694"/>
      <c r="HO4" s="694"/>
      <c r="HP4" s="694"/>
      <c r="HQ4" s="694"/>
      <c r="HR4" s="694"/>
      <c r="HS4" s="694"/>
      <c r="HT4" s="694"/>
      <c r="HU4" s="694"/>
      <c r="HV4" s="694"/>
      <c r="HW4" s="694"/>
      <c r="HX4" s="694"/>
      <c r="HY4" s="695"/>
      <c r="HZ4" s="649" t="s">
        <v>85</v>
      </c>
      <c r="IA4" s="650"/>
      <c r="IB4" s="650"/>
      <c r="IC4" s="650"/>
      <c r="ID4" s="650"/>
      <c r="IE4" s="650"/>
      <c r="IF4" s="650"/>
      <c r="IG4" s="650"/>
      <c r="IH4" s="650"/>
      <c r="II4" s="650"/>
      <c r="IJ4" s="650"/>
      <c r="IK4" s="650"/>
      <c r="IL4" s="650"/>
      <c r="IM4" s="650"/>
      <c r="IN4" s="650"/>
      <c r="IO4" s="650"/>
      <c r="IP4" s="650"/>
      <c r="IQ4" s="650"/>
      <c r="IR4" s="650"/>
      <c r="IS4" s="650"/>
      <c r="IT4" s="650"/>
      <c r="IU4" s="650"/>
      <c r="IV4" s="650"/>
      <c r="IW4" s="650"/>
      <c r="IX4" s="650"/>
      <c r="IY4" s="650"/>
      <c r="IZ4" s="650"/>
      <c r="JA4" s="650"/>
      <c r="JB4" s="650"/>
      <c r="JC4" s="650"/>
      <c r="JD4" s="650"/>
      <c r="JE4" s="650"/>
      <c r="JF4" s="650"/>
      <c r="JG4" s="650"/>
      <c r="JH4" s="650"/>
      <c r="JI4" s="650"/>
      <c r="JJ4" s="650"/>
      <c r="JK4" s="650"/>
      <c r="JL4" s="650"/>
      <c r="JM4" s="650"/>
      <c r="JN4" s="650"/>
      <c r="JO4" s="650"/>
      <c r="JP4" s="650"/>
      <c r="JQ4" s="650"/>
      <c r="JR4" s="650"/>
      <c r="JS4" s="650"/>
      <c r="JT4" s="650"/>
      <c r="JU4" s="650"/>
      <c r="JV4" s="650"/>
      <c r="JW4" s="650"/>
      <c r="JX4" s="650"/>
      <c r="JY4" s="650"/>
      <c r="JZ4" s="650"/>
      <c r="KA4" s="650"/>
      <c r="KB4" s="650"/>
      <c r="KC4" s="650"/>
      <c r="KD4" s="650"/>
      <c r="KE4" s="650"/>
      <c r="KF4" s="650"/>
      <c r="KG4" s="650"/>
      <c r="KH4" s="650"/>
      <c r="KI4" s="650"/>
      <c r="KJ4" s="650"/>
      <c r="KK4" s="650"/>
      <c r="KL4" s="650"/>
      <c r="KM4" s="650"/>
      <c r="KN4" s="650"/>
      <c r="KO4" s="650"/>
      <c r="KP4" s="650"/>
      <c r="KQ4" s="650"/>
      <c r="KR4" s="650"/>
      <c r="KS4" s="650"/>
      <c r="KT4" s="650"/>
      <c r="KU4" s="650"/>
      <c r="KV4" s="650"/>
      <c r="KW4" s="650"/>
      <c r="KX4" s="650"/>
      <c r="KY4" s="650"/>
      <c r="KZ4" s="650"/>
      <c r="LA4" s="650"/>
      <c r="LB4" s="650"/>
      <c r="LC4" s="650"/>
      <c r="LD4" s="650"/>
      <c r="LE4" s="650"/>
      <c r="LF4" s="650"/>
      <c r="LG4" s="650"/>
      <c r="LH4" s="650"/>
      <c r="LI4" s="650"/>
      <c r="LJ4" s="650"/>
      <c r="LK4" s="650"/>
      <c r="LL4" s="650"/>
      <c r="LM4" s="650"/>
      <c r="LN4" s="650"/>
      <c r="LO4" s="650"/>
      <c r="LP4" s="650"/>
      <c r="LQ4" s="650"/>
      <c r="LR4" s="650"/>
      <c r="LS4" s="650"/>
      <c r="LT4" s="650"/>
      <c r="LU4" s="650"/>
      <c r="LV4" s="650"/>
      <c r="LW4" s="650"/>
      <c r="LX4" s="650"/>
      <c r="LY4" s="650"/>
      <c r="LZ4" s="650"/>
      <c r="MA4" s="650"/>
      <c r="MB4" s="650"/>
      <c r="MC4" s="650"/>
      <c r="MD4" s="650"/>
      <c r="ME4" s="651"/>
      <c r="MF4" s="649" t="s">
        <v>86</v>
      </c>
      <c r="MG4" s="650"/>
      <c r="MH4" s="650"/>
      <c r="MI4" s="650"/>
      <c r="MJ4" s="650"/>
      <c r="MK4" s="650"/>
      <c r="ML4" s="650"/>
      <c r="MM4" s="650"/>
      <c r="MN4" s="650"/>
      <c r="MO4" s="650"/>
      <c r="MP4" s="650"/>
      <c r="MQ4" s="650"/>
      <c r="MR4" s="650"/>
      <c r="MS4" s="650"/>
      <c r="MT4" s="650"/>
      <c r="MU4" s="650"/>
      <c r="MV4" s="650"/>
      <c r="MW4" s="650"/>
      <c r="MX4" s="650"/>
      <c r="MY4" s="650"/>
      <c r="MZ4" s="650"/>
      <c r="NA4" s="650"/>
      <c r="NB4" s="650"/>
      <c r="NC4" s="650"/>
      <c r="ND4" s="650"/>
      <c r="NE4" s="650"/>
      <c r="NF4" s="650"/>
      <c r="NG4" s="650"/>
      <c r="NH4" s="650"/>
      <c r="NI4" s="650"/>
      <c r="NJ4" s="650"/>
      <c r="NK4" s="650"/>
      <c r="NL4" s="650"/>
      <c r="NM4" s="650"/>
      <c r="NN4" s="650"/>
      <c r="NO4" s="650"/>
      <c r="NP4" s="650"/>
      <c r="NQ4" s="650"/>
      <c r="NR4" s="650"/>
      <c r="NS4" s="650"/>
      <c r="NT4" s="650"/>
      <c r="NU4" s="650"/>
      <c r="NV4" s="650"/>
      <c r="NW4" s="650"/>
      <c r="NX4" s="650"/>
      <c r="NY4" s="650"/>
      <c r="NZ4" s="650"/>
      <c r="OA4" s="650"/>
      <c r="OB4" s="650"/>
      <c r="OC4" s="650"/>
      <c r="OD4" s="650"/>
      <c r="OE4" s="650"/>
      <c r="OF4" s="650"/>
      <c r="OG4" s="650"/>
      <c r="OH4" s="651"/>
      <c r="OI4" s="604" t="s">
        <v>60</v>
      </c>
      <c r="OJ4" s="514"/>
      <c r="OK4" s="514"/>
      <c r="OL4" s="514"/>
      <c r="OM4" s="514"/>
      <c r="ON4" s="514"/>
      <c r="OO4" s="514"/>
      <c r="OP4" s="514"/>
      <c r="OQ4" s="514"/>
      <c r="OR4" s="514"/>
      <c r="OS4" s="515"/>
    </row>
    <row r="5" spans="1:409" ht="21" customHeight="1" thickBot="1" x14ac:dyDescent="0.25">
      <c r="B5" s="689"/>
      <c r="C5" s="692"/>
      <c r="D5" s="692"/>
      <c r="E5" s="692"/>
      <c r="F5" s="692"/>
      <c r="G5" s="692"/>
      <c r="H5" s="692"/>
      <c r="I5" s="692"/>
      <c r="J5" s="692"/>
      <c r="K5" s="692"/>
      <c r="L5" s="692"/>
      <c r="M5" s="692"/>
      <c r="N5" s="696" t="s">
        <v>64</v>
      </c>
      <c r="O5" s="697"/>
      <c r="P5" s="697"/>
      <c r="Q5" s="697"/>
      <c r="R5" s="697"/>
      <c r="S5" s="697"/>
      <c r="T5" s="697"/>
      <c r="U5" s="697"/>
      <c r="V5" s="697"/>
      <c r="W5" s="697"/>
      <c r="X5" s="697"/>
      <c r="Y5" s="697"/>
      <c r="Z5" s="697"/>
      <c r="AA5" s="697"/>
      <c r="AB5" s="697"/>
      <c r="AC5" s="697"/>
      <c r="AD5" s="697"/>
      <c r="AE5" s="697"/>
      <c r="AF5" s="697"/>
      <c r="AG5" s="697"/>
      <c r="AH5" s="697"/>
      <c r="AI5" s="697"/>
      <c r="AJ5" s="697"/>
      <c r="AK5" s="697"/>
      <c r="AL5" s="697"/>
      <c r="AM5" s="697"/>
      <c r="AN5" s="697"/>
      <c r="AO5" s="697"/>
      <c r="AP5" s="697"/>
      <c r="AQ5" s="697"/>
      <c r="AR5" s="697"/>
      <c r="AS5" s="697"/>
      <c r="AT5" s="697"/>
      <c r="AU5" s="697"/>
      <c r="AV5" s="697"/>
      <c r="AW5" s="697"/>
      <c r="AX5" s="697"/>
      <c r="AY5" s="697"/>
      <c r="AZ5" s="697"/>
      <c r="BA5" s="697"/>
      <c r="BB5" s="697"/>
      <c r="BC5" s="697"/>
      <c r="BD5" s="697"/>
      <c r="BE5" s="697"/>
      <c r="BF5" s="697"/>
      <c r="BG5" s="697"/>
      <c r="BH5" s="697"/>
      <c r="BI5" s="697"/>
      <c r="BJ5" s="697"/>
      <c r="BK5" s="697"/>
      <c r="BL5" s="697"/>
      <c r="BM5" s="697"/>
      <c r="BN5" s="697"/>
      <c r="BO5" s="697"/>
      <c r="BP5" s="697"/>
      <c r="BQ5" s="697"/>
      <c r="BR5" s="697"/>
      <c r="BS5" s="697"/>
      <c r="BT5" s="697"/>
      <c r="BU5" s="697"/>
      <c r="BV5" s="697"/>
      <c r="BW5" s="697"/>
      <c r="BX5" s="697"/>
      <c r="BY5" s="697"/>
      <c r="BZ5" s="697"/>
      <c r="CA5" s="698"/>
      <c r="CB5" s="696" t="s">
        <v>65</v>
      </c>
      <c r="CC5" s="697"/>
      <c r="CD5" s="697"/>
      <c r="CE5" s="697"/>
      <c r="CF5" s="697"/>
      <c r="CG5" s="697"/>
      <c r="CH5" s="697"/>
      <c r="CI5" s="697"/>
      <c r="CJ5" s="697"/>
      <c r="CK5" s="697"/>
      <c r="CL5" s="697"/>
      <c r="CM5" s="697"/>
      <c r="CN5" s="697"/>
      <c r="CO5" s="697"/>
      <c r="CP5" s="697"/>
      <c r="CQ5" s="697"/>
      <c r="CR5" s="697"/>
      <c r="CS5" s="697"/>
      <c r="CT5" s="697"/>
      <c r="CU5" s="697"/>
      <c r="CV5" s="697"/>
      <c r="CW5" s="697"/>
      <c r="CX5" s="697"/>
      <c r="CY5" s="697"/>
      <c r="CZ5" s="697"/>
      <c r="DA5" s="697"/>
      <c r="DB5" s="697"/>
      <c r="DC5" s="697"/>
      <c r="DD5" s="697"/>
      <c r="DE5" s="697"/>
      <c r="DF5" s="697"/>
      <c r="DG5" s="697"/>
      <c r="DH5" s="698"/>
      <c r="DI5" s="518" t="s">
        <v>66</v>
      </c>
      <c r="DJ5" s="519"/>
      <c r="DK5" s="519"/>
      <c r="DL5" s="519"/>
      <c r="DM5" s="519"/>
      <c r="DN5" s="519"/>
      <c r="DO5" s="519"/>
      <c r="DP5" s="519"/>
      <c r="DQ5" s="519"/>
      <c r="DR5" s="519"/>
      <c r="DS5" s="519"/>
      <c r="DT5" s="519"/>
      <c r="DU5" s="519"/>
      <c r="DV5" s="519"/>
      <c r="DW5" s="519"/>
      <c r="DX5" s="519"/>
      <c r="DY5" s="519"/>
      <c r="DZ5" s="519"/>
      <c r="EA5" s="519"/>
      <c r="EB5" s="519"/>
      <c r="EC5" s="519"/>
      <c r="ED5" s="519"/>
      <c r="EE5" s="519"/>
      <c r="EF5" s="519"/>
      <c r="EG5" s="519"/>
      <c r="EH5" s="519"/>
      <c r="EI5" s="519"/>
      <c r="EJ5" s="519"/>
      <c r="EK5" s="519"/>
      <c r="EL5" s="519"/>
      <c r="EM5" s="519"/>
      <c r="EN5" s="519"/>
      <c r="EO5" s="519"/>
      <c r="EP5" s="519"/>
      <c r="EQ5" s="519"/>
      <c r="ER5" s="519"/>
      <c r="ES5" s="519"/>
      <c r="ET5" s="519"/>
      <c r="EU5" s="519"/>
      <c r="EV5" s="519"/>
      <c r="EW5" s="519"/>
      <c r="EX5" s="519"/>
      <c r="EY5" s="519"/>
      <c r="EZ5" s="519"/>
      <c r="FA5" s="519"/>
      <c r="FB5" s="519"/>
      <c r="FC5" s="519"/>
      <c r="FD5" s="519"/>
      <c r="FE5" s="519"/>
      <c r="FF5" s="519"/>
      <c r="FG5" s="519"/>
      <c r="FH5" s="519"/>
      <c r="FI5" s="519"/>
      <c r="FJ5" s="519"/>
      <c r="FK5" s="520"/>
      <c r="FL5" s="696" t="s">
        <v>67</v>
      </c>
      <c r="FM5" s="697"/>
      <c r="FN5" s="697"/>
      <c r="FO5" s="697"/>
      <c r="FP5" s="697"/>
      <c r="FQ5" s="697"/>
      <c r="FR5" s="697"/>
      <c r="FS5" s="697"/>
      <c r="FT5" s="697"/>
      <c r="FU5" s="697"/>
      <c r="FV5" s="697"/>
      <c r="FW5" s="697"/>
      <c r="FX5" s="697"/>
      <c r="FY5" s="697"/>
      <c r="FZ5" s="697"/>
      <c r="GA5" s="697"/>
      <c r="GB5" s="697"/>
      <c r="GC5" s="697"/>
      <c r="GD5" s="697"/>
      <c r="GE5" s="697"/>
      <c r="GF5" s="697"/>
      <c r="GG5" s="697"/>
      <c r="GH5" s="697"/>
      <c r="GI5" s="697"/>
      <c r="GJ5" s="697"/>
      <c r="GK5" s="697"/>
      <c r="GL5" s="697"/>
      <c r="GM5" s="697"/>
      <c r="GN5" s="697"/>
      <c r="GO5" s="697"/>
      <c r="GP5" s="697"/>
      <c r="GQ5" s="697"/>
      <c r="GR5" s="697"/>
      <c r="GS5" s="697"/>
      <c r="GT5" s="697"/>
      <c r="GU5" s="697"/>
      <c r="GV5" s="697"/>
      <c r="GW5" s="697"/>
      <c r="GX5" s="697"/>
      <c r="GY5" s="697"/>
      <c r="GZ5" s="697"/>
      <c r="HA5" s="697"/>
      <c r="HB5" s="697"/>
      <c r="HC5" s="698"/>
      <c r="HD5" s="699" t="s">
        <v>68</v>
      </c>
      <c r="HE5" s="700"/>
      <c r="HF5" s="700"/>
      <c r="HG5" s="700"/>
      <c r="HH5" s="700"/>
      <c r="HI5" s="700"/>
      <c r="HJ5" s="700"/>
      <c r="HK5" s="700"/>
      <c r="HL5" s="700"/>
      <c r="HM5" s="700"/>
      <c r="HN5" s="701"/>
      <c r="HO5" s="699" t="s">
        <v>69</v>
      </c>
      <c r="HP5" s="700"/>
      <c r="HQ5" s="700"/>
      <c r="HR5" s="700"/>
      <c r="HS5" s="700"/>
      <c r="HT5" s="700"/>
      <c r="HU5" s="700"/>
      <c r="HV5" s="700"/>
      <c r="HW5" s="700"/>
      <c r="HX5" s="700"/>
      <c r="HY5" s="701"/>
      <c r="HZ5" s="628"/>
      <c r="IA5" s="629"/>
      <c r="IB5" s="629"/>
      <c r="IC5" s="629"/>
      <c r="ID5" s="629"/>
      <c r="IE5" s="629"/>
      <c r="IF5" s="629"/>
      <c r="IG5" s="629"/>
      <c r="IH5" s="629"/>
      <c r="II5" s="629"/>
      <c r="IJ5" s="630"/>
      <c r="IK5" s="604" t="s">
        <v>94</v>
      </c>
      <c r="IL5" s="514"/>
      <c r="IM5" s="514"/>
      <c r="IN5" s="514"/>
      <c r="IO5" s="514"/>
      <c r="IP5" s="514"/>
      <c r="IQ5" s="514"/>
      <c r="IR5" s="514"/>
      <c r="IS5" s="514"/>
      <c r="IT5" s="514"/>
      <c r="IU5" s="515"/>
      <c r="IV5" s="604" t="s">
        <v>88</v>
      </c>
      <c r="IW5" s="514"/>
      <c r="IX5" s="514"/>
      <c r="IY5" s="514"/>
      <c r="IZ5" s="514"/>
      <c r="JA5" s="514"/>
      <c r="JB5" s="514"/>
      <c r="JC5" s="514"/>
      <c r="JD5" s="514"/>
      <c r="JE5" s="514"/>
      <c r="JF5" s="515"/>
      <c r="JG5" s="634" t="s">
        <v>144</v>
      </c>
      <c r="JH5" s="635"/>
      <c r="JI5" s="635"/>
      <c r="JJ5" s="635"/>
      <c r="JK5" s="635"/>
      <c r="JL5" s="635"/>
      <c r="JM5" s="635"/>
      <c r="JN5" s="635"/>
      <c r="JO5" s="635"/>
      <c r="JP5" s="635"/>
      <c r="JQ5" s="636"/>
      <c r="JR5" s="604" t="s">
        <v>90</v>
      </c>
      <c r="JS5" s="514"/>
      <c r="JT5" s="514"/>
      <c r="JU5" s="514"/>
      <c r="JV5" s="514"/>
      <c r="JW5" s="514"/>
      <c r="JX5" s="514"/>
      <c r="JY5" s="514"/>
      <c r="JZ5" s="514"/>
      <c r="KA5" s="514"/>
      <c r="KB5" s="515"/>
      <c r="KC5" s="604" t="s">
        <v>89</v>
      </c>
      <c r="KD5" s="514"/>
      <c r="KE5" s="514"/>
      <c r="KF5" s="514"/>
      <c r="KG5" s="514"/>
      <c r="KH5" s="514"/>
      <c r="KI5" s="514"/>
      <c r="KJ5" s="514"/>
      <c r="KK5" s="514"/>
      <c r="KL5" s="514"/>
      <c r="KM5" s="515"/>
      <c r="KN5" s="604" t="s">
        <v>91</v>
      </c>
      <c r="KO5" s="514"/>
      <c r="KP5" s="514"/>
      <c r="KQ5" s="514"/>
      <c r="KR5" s="514"/>
      <c r="KS5" s="514"/>
      <c r="KT5" s="514"/>
      <c r="KU5" s="514"/>
      <c r="KV5" s="514"/>
      <c r="KW5" s="514"/>
      <c r="KX5" s="515"/>
      <c r="KY5" s="604" t="s">
        <v>92</v>
      </c>
      <c r="KZ5" s="514"/>
      <c r="LA5" s="514"/>
      <c r="LB5" s="514"/>
      <c r="LC5" s="514"/>
      <c r="LD5" s="514"/>
      <c r="LE5" s="514"/>
      <c r="LF5" s="514"/>
      <c r="LG5" s="514"/>
      <c r="LH5" s="514"/>
      <c r="LI5" s="515"/>
      <c r="LJ5" s="640" t="s">
        <v>93</v>
      </c>
      <c r="LK5" s="641"/>
      <c r="LL5" s="641"/>
      <c r="LM5" s="641"/>
      <c r="LN5" s="641"/>
      <c r="LO5" s="641"/>
      <c r="LP5" s="641"/>
      <c r="LQ5" s="641"/>
      <c r="LR5" s="641"/>
      <c r="LS5" s="641"/>
      <c r="LT5" s="642"/>
      <c r="LU5" s="643" t="s">
        <v>145</v>
      </c>
      <c r="LV5" s="644"/>
      <c r="LW5" s="644"/>
      <c r="LX5" s="644"/>
      <c r="LY5" s="644"/>
      <c r="LZ5" s="644"/>
      <c r="MA5" s="644"/>
      <c r="MB5" s="644"/>
      <c r="MC5" s="644"/>
      <c r="MD5" s="644"/>
      <c r="ME5" s="645"/>
      <c r="MF5" s="628"/>
      <c r="MG5" s="629"/>
      <c r="MH5" s="629"/>
      <c r="MI5" s="629"/>
      <c r="MJ5" s="629"/>
      <c r="MK5" s="629"/>
      <c r="ML5" s="629"/>
      <c r="MM5" s="629"/>
      <c r="MN5" s="629"/>
      <c r="MO5" s="629"/>
      <c r="MP5" s="630"/>
      <c r="MQ5" s="604" t="s">
        <v>57</v>
      </c>
      <c r="MR5" s="514"/>
      <c r="MS5" s="514"/>
      <c r="MT5" s="514"/>
      <c r="MU5" s="514"/>
      <c r="MV5" s="514"/>
      <c r="MW5" s="514"/>
      <c r="MX5" s="514"/>
      <c r="MY5" s="514"/>
      <c r="MZ5" s="514"/>
      <c r="NA5" s="515"/>
      <c r="NB5" s="604" t="s">
        <v>58</v>
      </c>
      <c r="NC5" s="514"/>
      <c r="ND5" s="514"/>
      <c r="NE5" s="514"/>
      <c r="NF5" s="514"/>
      <c r="NG5" s="514"/>
      <c r="NH5" s="514"/>
      <c r="NI5" s="514"/>
      <c r="NJ5" s="514"/>
      <c r="NK5" s="514"/>
      <c r="NL5" s="515"/>
      <c r="NM5" s="604" t="s">
        <v>59</v>
      </c>
      <c r="NN5" s="514"/>
      <c r="NO5" s="514"/>
      <c r="NP5" s="514"/>
      <c r="NQ5" s="514"/>
      <c r="NR5" s="514"/>
      <c r="NS5" s="514"/>
      <c r="NT5" s="514"/>
      <c r="NU5" s="514"/>
      <c r="NV5" s="514"/>
      <c r="NW5" s="515"/>
      <c r="NX5" s="653" t="s">
        <v>151</v>
      </c>
      <c r="NY5" s="654"/>
      <c r="NZ5" s="654"/>
      <c r="OA5" s="654"/>
      <c r="OB5" s="654"/>
      <c r="OC5" s="654"/>
      <c r="OD5" s="654"/>
      <c r="OE5" s="654"/>
      <c r="OF5" s="654"/>
      <c r="OG5" s="654"/>
      <c r="OH5" s="655"/>
      <c r="OI5" s="625"/>
      <c r="OJ5" s="626"/>
      <c r="OK5" s="626"/>
      <c r="OL5" s="626"/>
      <c r="OM5" s="626"/>
      <c r="ON5" s="626"/>
      <c r="OO5" s="626"/>
      <c r="OP5" s="626"/>
      <c r="OQ5" s="626"/>
      <c r="OR5" s="626"/>
      <c r="OS5" s="627"/>
    </row>
    <row r="6" spans="1:409" ht="21" customHeight="1" thickBot="1" x14ac:dyDescent="0.25">
      <c r="B6" s="689"/>
      <c r="C6" s="693"/>
      <c r="D6" s="693"/>
      <c r="E6" s="693"/>
      <c r="F6" s="693"/>
      <c r="G6" s="693"/>
      <c r="H6" s="693"/>
      <c r="I6" s="693"/>
      <c r="J6" s="693"/>
      <c r="K6" s="693"/>
      <c r="L6" s="693"/>
      <c r="M6" s="693"/>
      <c r="N6" s="527"/>
      <c r="O6" s="528"/>
      <c r="P6" s="528"/>
      <c r="Q6" s="528"/>
      <c r="R6" s="528"/>
      <c r="S6" s="528"/>
      <c r="T6" s="528"/>
      <c r="U6" s="528"/>
      <c r="V6" s="528"/>
      <c r="W6" s="528"/>
      <c r="X6" s="529"/>
      <c r="Y6" s="708" t="s">
        <v>70</v>
      </c>
      <c r="Z6" s="531"/>
      <c r="AA6" s="531"/>
      <c r="AB6" s="531"/>
      <c r="AC6" s="531"/>
      <c r="AD6" s="531"/>
      <c r="AE6" s="531"/>
      <c r="AF6" s="531"/>
      <c r="AG6" s="531"/>
      <c r="AH6" s="531"/>
      <c r="AI6" s="532"/>
      <c r="AJ6" s="705" t="s">
        <v>71</v>
      </c>
      <c r="AK6" s="706"/>
      <c r="AL6" s="706"/>
      <c r="AM6" s="706"/>
      <c r="AN6" s="706"/>
      <c r="AO6" s="706"/>
      <c r="AP6" s="706"/>
      <c r="AQ6" s="706"/>
      <c r="AR6" s="706"/>
      <c r="AS6" s="706"/>
      <c r="AT6" s="707"/>
      <c r="AU6" s="705" t="s">
        <v>72</v>
      </c>
      <c r="AV6" s="706"/>
      <c r="AW6" s="706"/>
      <c r="AX6" s="706"/>
      <c r="AY6" s="706"/>
      <c r="AZ6" s="706"/>
      <c r="BA6" s="706"/>
      <c r="BB6" s="706"/>
      <c r="BC6" s="706"/>
      <c r="BD6" s="706"/>
      <c r="BE6" s="707"/>
      <c r="BF6" s="705" t="s">
        <v>73</v>
      </c>
      <c r="BG6" s="706"/>
      <c r="BH6" s="706"/>
      <c r="BI6" s="706"/>
      <c r="BJ6" s="706"/>
      <c r="BK6" s="706"/>
      <c r="BL6" s="706"/>
      <c r="BM6" s="706"/>
      <c r="BN6" s="706"/>
      <c r="BO6" s="706"/>
      <c r="BP6" s="707"/>
      <c r="BQ6" s="705" t="s">
        <v>74</v>
      </c>
      <c r="BR6" s="706"/>
      <c r="BS6" s="706"/>
      <c r="BT6" s="706"/>
      <c r="BU6" s="706"/>
      <c r="BV6" s="706"/>
      <c r="BW6" s="706"/>
      <c r="BX6" s="706"/>
      <c r="BY6" s="706"/>
      <c r="BZ6" s="706"/>
      <c r="CA6" s="707"/>
      <c r="CB6" s="709"/>
      <c r="CC6" s="710"/>
      <c r="CD6" s="710"/>
      <c r="CE6" s="710"/>
      <c r="CF6" s="710"/>
      <c r="CG6" s="710"/>
      <c r="CH6" s="710"/>
      <c r="CI6" s="710"/>
      <c r="CJ6" s="710"/>
      <c r="CK6" s="710"/>
      <c r="CL6" s="711"/>
      <c r="CM6" s="705" t="s">
        <v>75</v>
      </c>
      <c r="CN6" s="706"/>
      <c r="CO6" s="706"/>
      <c r="CP6" s="706"/>
      <c r="CQ6" s="706"/>
      <c r="CR6" s="706"/>
      <c r="CS6" s="706"/>
      <c r="CT6" s="706"/>
      <c r="CU6" s="706"/>
      <c r="CV6" s="706"/>
      <c r="CW6" s="707"/>
      <c r="CX6" s="705" t="s">
        <v>76</v>
      </c>
      <c r="CY6" s="706"/>
      <c r="CZ6" s="706"/>
      <c r="DA6" s="706"/>
      <c r="DB6" s="706"/>
      <c r="DC6" s="706"/>
      <c r="DD6" s="706"/>
      <c r="DE6" s="706"/>
      <c r="DF6" s="706"/>
      <c r="DG6" s="706"/>
      <c r="DH6" s="707"/>
      <c r="DI6" s="709"/>
      <c r="DJ6" s="710"/>
      <c r="DK6" s="710"/>
      <c r="DL6" s="710"/>
      <c r="DM6" s="710"/>
      <c r="DN6" s="710"/>
      <c r="DO6" s="710"/>
      <c r="DP6" s="710"/>
      <c r="DQ6" s="710"/>
      <c r="DR6" s="710"/>
      <c r="DS6" s="710"/>
      <c r="DT6" s="705" t="s">
        <v>77</v>
      </c>
      <c r="DU6" s="706"/>
      <c r="DV6" s="706"/>
      <c r="DW6" s="706"/>
      <c r="DX6" s="706"/>
      <c r="DY6" s="706"/>
      <c r="DZ6" s="706"/>
      <c r="EA6" s="706"/>
      <c r="EB6" s="706"/>
      <c r="EC6" s="706"/>
      <c r="ED6" s="707"/>
      <c r="EE6" s="705" t="s">
        <v>78</v>
      </c>
      <c r="EF6" s="706"/>
      <c r="EG6" s="706"/>
      <c r="EH6" s="706"/>
      <c r="EI6" s="706"/>
      <c r="EJ6" s="706"/>
      <c r="EK6" s="706"/>
      <c r="EL6" s="706"/>
      <c r="EM6" s="706"/>
      <c r="EN6" s="706"/>
      <c r="EO6" s="707"/>
      <c r="EP6" s="705" t="s">
        <v>79</v>
      </c>
      <c r="EQ6" s="706"/>
      <c r="ER6" s="706"/>
      <c r="ES6" s="706"/>
      <c r="ET6" s="706"/>
      <c r="EU6" s="706"/>
      <c r="EV6" s="706"/>
      <c r="EW6" s="706"/>
      <c r="EX6" s="706"/>
      <c r="EY6" s="706"/>
      <c r="EZ6" s="707"/>
      <c r="FA6" s="686" t="s">
        <v>152</v>
      </c>
      <c r="FB6" s="706"/>
      <c r="FC6" s="706"/>
      <c r="FD6" s="706"/>
      <c r="FE6" s="706"/>
      <c r="FF6" s="706"/>
      <c r="FG6" s="706"/>
      <c r="FH6" s="706"/>
      <c r="FI6" s="706"/>
      <c r="FJ6" s="706"/>
      <c r="FK6" s="707"/>
      <c r="FL6" s="709"/>
      <c r="FM6" s="710"/>
      <c r="FN6" s="710"/>
      <c r="FO6" s="710"/>
      <c r="FP6" s="710"/>
      <c r="FQ6" s="710"/>
      <c r="FR6" s="710"/>
      <c r="FS6" s="710"/>
      <c r="FT6" s="710"/>
      <c r="FU6" s="710"/>
      <c r="FV6" s="710"/>
      <c r="FW6" s="705" t="s">
        <v>80</v>
      </c>
      <c r="FX6" s="706"/>
      <c r="FY6" s="706"/>
      <c r="FZ6" s="706"/>
      <c r="GA6" s="706"/>
      <c r="GB6" s="706"/>
      <c r="GC6" s="706"/>
      <c r="GD6" s="706"/>
      <c r="GE6" s="706"/>
      <c r="GF6" s="706"/>
      <c r="GG6" s="707"/>
      <c r="GH6" s="708" t="s">
        <v>81</v>
      </c>
      <c r="GI6" s="531"/>
      <c r="GJ6" s="531"/>
      <c r="GK6" s="531"/>
      <c r="GL6" s="531"/>
      <c r="GM6" s="531"/>
      <c r="GN6" s="531"/>
      <c r="GO6" s="531"/>
      <c r="GP6" s="531"/>
      <c r="GQ6" s="531"/>
      <c r="GR6" s="532"/>
      <c r="GS6" s="708" t="s">
        <v>82</v>
      </c>
      <c r="GT6" s="531"/>
      <c r="GU6" s="531"/>
      <c r="GV6" s="531"/>
      <c r="GW6" s="531"/>
      <c r="GX6" s="531"/>
      <c r="GY6" s="531"/>
      <c r="GZ6" s="531"/>
      <c r="HA6" s="531"/>
      <c r="HB6" s="531"/>
      <c r="HC6" s="532"/>
      <c r="HD6" s="702"/>
      <c r="HE6" s="703"/>
      <c r="HF6" s="703"/>
      <c r="HG6" s="703"/>
      <c r="HH6" s="703"/>
      <c r="HI6" s="703"/>
      <c r="HJ6" s="703"/>
      <c r="HK6" s="703"/>
      <c r="HL6" s="703"/>
      <c r="HM6" s="703"/>
      <c r="HN6" s="704"/>
      <c r="HO6" s="702"/>
      <c r="HP6" s="703"/>
      <c r="HQ6" s="703"/>
      <c r="HR6" s="703"/>
      <c r="HS6" s="703"/>
      <c r="HT6" s="703"/>
      <c r="HU6" s="703"/>
      <c r="HV6" s="703"/>
      <c r="HW6" s="703"/>
      <c r="HX6" s="703"/>
      <c r="HY6" s="704"/>
      <c r="HZ6" s="631"/>
      <c r="IA6" s="632"/>
      <c r="IB6" s="632"/>
      <c r="IC6" s="632"/>
      <c r="ID6" s="632"/>
      <c r="IE6" s="632"/>
      <c r="IF6" s="632"/>
      <c r="IG6" s="632"/>
      <c r="IH6" s="632"/>
      <c r="II6" s="632"/>
      <c r="IJ6" s="633"/>
      <c r="IK6" s="605"/>
      <c r="IL6" s="596"/>
      <c r="IM6" s="596"/>
      <c r="IN6" s="596"/>
      <c r="IO6" s="596"/>
      <c r="IP6" s="596"/>
      <c r="IQ6" s="596"/>
      <c r="IR6" s="596"/>
      <c r="IS6" s="596"/>
      <c r="IT6" s="596"/>
      <c r="IU6" s="606"/>
      <c r="IV6" s="605"/>
      <c r="IW6" s="596"/>
      <c r="IX6" s="596"/>
      <c r="IY6" s="596"/>
      <c r="IZ6" s="596"/>
      <c r="JA6" s="596"/>
      <c r="JB6" s="596"/>
      <c r="JC6" s="596"/>
      <c r="JD6" s="596"/>
      <c r="JE6" s="596"/>
      <c r="JF6" s="606"/>
      <c r="JG6" s="637"/>
      <c r="JH6" s="638"/>
      <c r="JI6" s="638"/>
      <c r="JJ6" s="638"/>
      <c r="JK6" s="638"/>
      <c r="JL6" s="638"/>
      <c r="JM6" s="638"/>
      <c r="JN6" s="638"/>
      <c r="JO6" s="638"/>
      <c r="JP6" s="638"/>
      <c r="JQ6" s="639"/>
      <c r="JR6" s="605"/>
      <c r="JS6" s="596"/>
      <c r="JT6" s="596"/>
      <c r="JU6" s="596"/>
      <c r="JV6" s="596"/>
      <c r="JW6" s="596"/>
      <c r="JX6" s="596"/>
      <c r="JY6" s="596"/>
      <c r="JZ6" s="596"/>
      <c r="KA6" s="596"/>
      <c r="KB6" s="606"/>
      <c r="KC6" s="605"/>
      <c r="KD6" s="596"/>
      <c r="KE6" s="596"/>
      <c r="KF6" s="596"/>
      <c r="KG6" s="596"/>
      <c r="KH6" s="596"/>
      <c r="KI6" s="596"/>
      <c r="KJ6" s="596"/>
      <c r="KK6" s="596"/>
      <c r="KL6" s="596"/>
      <c r="KM6" s="606"/>
      <c r="KN6" s="605"/>
      <c r="KO6" s="596"/>
      <c r="KP6" s="596"/>
      <c r="KQ6" s="596"/>
      <c r="KR6" s="596"/>
      <c r="KS6" s="596"/>
      <c r="KT6" s="596"/>
      <c r="KU6" s="596"/>
      <c r="KV6" s="596"/>
      <c r="KW6" s="596"/>
      <c r="KX6" s="606"/>
      <c r="KY6" s="605"/>
      <c r="KZ6" s="596"/>
      <c r="LA6" s="596"/>
      <c r="LB6" s="596"/>
      <c r="LC6" s="596"/>
      <c r="LD6" s="596"/>
      <c r="LE6" s="596"/>
      <c r="LF6" s="596"/>
      <c r="LG6" s="596"/>
      <c r="LH6" s="596"/>
      <c r="LI6" s="606"/>
      <c r="LJ6" s="631"/>
      <c r="LK6" s="632"/>
      <c r="LL6" s="632"/>
      <c r="LM6" s="632"/>
      <c r="LN6" s="632"/>
      <c r="LO6" s="632"/>
      <c r="LP6" s="632"/>
      <c r="LQ6" s="632"/>
      <c r="LR6" s="632"/>
      <c r="LS6" s="632"/>
      <c r="LT6" s="633"/>
      <c r="LU6" s="646"/>
      <c r="LV6" s="647"/>
      <c r="LW6" s="647"/>
      <c r="LX6" s="647"/>
      <c r="LY6" s="647"/>
      <c r="LZ6" s="647"/>
      <c r="MA6" s="647"/>
      <c r="MB6" s="647"/>
      <c r="MC6" s="647"/>
      <c r="MD6" s="647"/>
      <c r="ME6" s="648"/>
      <c r="MF6" s="631"/>
      <c r="MG6" s="632"/>
      <c r="MH6" s="632"/>
      <c r="MI6" s="632"/>
      <c r="MJ6" s="632"/>
      <c r="MK6" s="632"/>
      <c r="ML6" s="632"/>
      <c r="MM6" s="632"/>
      <c r="MN6" s="632"/>
      <c r="MO6" s="632"/>
      <c r="MP6" s="633"/>
      <c r="MQ6" s="605"/>
      <c r="MR6" s="596"/>
      <c r="MS6" s="596"/>
      <c r="MT6" s="596"/>
      <c r="MU6" s="596"/>
      <c r="MV6" s="596"/>
      <c r="MW6" s="596"/>
      <c r="MX6" s="596"/>
      <c r="MY6" s="596"/>
      <c r="MZ6" s="596"/>
      <c r="NA6" s="606"/>
      <c r="NB6" s="605"/>
      <c r="NC6" s="596"/>
      <c r="ND6" s="596"/>
      <c r="NE6" s="596"/>
      <c r="NF6" s="596"/>
      <c r="NG6" s="596"/>
      <c r="NH6" s="596"/>
      <c r="NI6" s="596"/>
      <c r="NJ6" s="596"/>
      <c r="NK6" s="596"/>
      <c r="NL6" s="606"/>
      <c r="NM6" s="605"/>
      <c r="NN6" s="596"/>
      <c r="NO6" s="596"/>
      <c r="NP6" s="596"/>
      <c r="NQ6" s="596"/>
      <c r="NR6" s="596"/>
      <c r="NS6" s="596"/>
      <c r="NT6" s="596"/>
      <c r="NU6" s="596"/>
      <c r="NV6" s="596"/>
      <c r="NW6" s="606"/>
      <c r="NX6" s="656"/>
      <c r="NY6" s="657"/>
      <c r="NZ6" s="657"/>
      <c r="OA6" s="657"/>
      <c r="OB6" s="657"/>
      <c r="OC6" s="657"/>
      <c r="OD6" s="657"/>
      <c r="OE6" s="657"/>
      <c r="OF6" s="657"/>
      <c r="OG6" s="657"/>
      <c r="OH6" s="658"/>
      <c r="OI6" s="605"/>
      <c r="OJ6" s="596"/>
      <c r="OK6" s="596"/>
      <c r="OL6" s="596"/>
      <c r="OM6" s="596"/>
      <c r="ON6" s="596"/>
      <c r="OO6" s="596"/>
      <c r="OP6" s="596"/>
      <c r="OQ6" s="596"/>
      <c r="OR6" s="596"/>
      <c r="OS6" s="606"/>
    </row>
    <row r="7" spans="1:409" ht="21" customHeight="1" x14ac:dyDescent="0.2">
      <c r="B7" s="689"/>
      <c r="C7" s="712" t="s">
        <v>61</v>
      </c>
      <c r="D7" s="712"/>
      <c r="E7" s="712"/>
      <c r="F7" s="713" t="s">
        <v>62</v>
      </c>
      <c r="G7" s="712"/>
      <c r="H7" s="712"/>
      <c r="I7" s="712"/>
      <c r="J7" s="712"/>
      <c r="K7" s="712"/>
      <c r="L7" s="712"/>
      <c r="M7" s="713" t="s">
        <v>52</v>
      </c>
      <c r="N7" s="715" t="s">
        <v>61</v>
      </c>
      <c r="O7" s="712"/>
      <c r="P7" s="712"/>
      <c r="Q7" s="713" t="s">
        <v>62</v>
      </c>
      <c r="R7" s="712"/>
      <c r="S7" s="712"/>
      <c r="T7" s="712"/>
      <c r="U7" s="712"/>
      <c r="V7" s="712"/>
      <c r="W7" s="716"/>
      <c r="X7" s="720" t="s">
        <v>52</v>
      </c>
      <c r="Y7" s="527" t="s">
        <v>61</v>
      </c>
      <c r="Z7" s="528"/>
      <c r="AA7" s="722"/>
      <c r="AB7" s="723" t="s">
        <v>62</v>
      </c>
      <c r="AC7" s="528"/>
      <c r="AD7" s="528"/>
      <c r="AE7" s="528"/>
      <c r="AF7" s="528"/>
      <c r="AG7" s="528"/>
      <c r="AH7" s="722"/>
      <c r="AI7" s="529" t="s">
        <v>52</v>
      </c>
      <c r="AJ7" s="725" t="s">
        <v>61</v>
      </c>
      <c r="AK7" s="718"/>
      <c r="AL7" s="726"/>
      <c r="AM7" s="717" t="s">
        <v>62</v>
      </c>
      <c r="AN7" s="718"/>
      <c r="AO7" s="718"/>
      <c r="AP7" s="718"/>
      <c r="AQ7" s="718"/>
      <c r="AR7" s="718"/>
      <c r="AS7" s="719"/>
      <c r="AT7" s="529" t="s">
        <v>52</v>
      </c>
      <c r="AU7" s="725" t="s">
        <v>61</v>
      </c>
      <c r="AV7" s="718"/>
      <c r="AW7" s="726"/>
      <c r="AX7" s="717" t="s">
        <v>62</v>
      </c>
      <c r="AY7" s="718"/>
      <c r="AZ7" s="718"/>
      <c r="BA7" s="718"/>
      <c r="BB7" s="718"/>
      <c r="BC7" s="718"/>
      <c r="BD7" s="719"/>
      <c r="BE7" s="529" t="s">
        <v>52</v>
      </c>
      <c r="BF7" s="725" t="s">
        <v>61</v>
      </c>
      <c r="BG7" s="718"/>
      <c r="BH7" s="726"/>
      <c r="BI7" s="717" t="s">
        <v>62</v>
      </c>
      <c r="BJ7" s="718"/>
      <c r="BK7" s="718"/>
      <c r="BL7" s="718"/>
      <c r="BM7" s="718"/>
      <c r="BN7" s="718"/>
      <c r="BO7" s="719"/>
      <c r="BP7" s="529" t="s">
        <v>52</v>
      </c>
      <c r="BQ7" s="725" t="s">
        <v>61</v>
      </c>
      <c r="BR7" s="718"/>
      <c r="BS7" s="726"/>
      <c r="BT7" s="717" t="s">
        <v>62</v>
      </c>
      <c r="BU7" s="718"/>
      <c r="BV7" s="718"/>
      <c r="BW7" s="718"/>
      <c r="BX7" s="718"/>
      <c r="BY7" s="718"/>
      <c r="BZ7" s="719"/>
      <c r="CA7" s="529" t="s">
        <v>52</v>
      </c>
      <c r="CB7" s="727" t="s">
        <v>61</v>
      </c>
      <c r="CC7" s="728"/>
      <c r="CD7" s="729"/>
      <c r="CE7" s="730" t="s">
        <v>62</v>
      </c>
      <c r="CF7" s="728"/>
      <c r="CG7" s="728"/>
      <c r="CH7" s="728"/>
      <c r="CI7" s="728"/>
      <c r="CJ7" s="728"/>
      <c r="CK7" s="731"/>
      <c r="CL7" s="720" t="s">
        <v>52</v>
      </c>
      <c r="CM7" s="725" t="s">
        <v>61</v>
      </c>
      <c r="CN7" s="718"/>
      <c r="CO7" s="719"/>
      <c r="CP7" s="717" t="s">
        <v>62</v>
      </c>
      <c r="CQ7" s="718"/>
      <c r="CR7" s="718"/>
      <c r="CS7" s="718"/>
      <c r="CT7" s="718"/>
      <c r="CU7" s="718"/>
      <c r="CV7" s="719"/>
      <c r="CW7" s="732" t="s">
        <v>52</v>
      </c>
      <c r="CX7" s="725" t="s">
        <v>61</v>
      </c>
      <c r="CY7" s="718"/>
      <c r="CZ7" s="719"/>
      <c r="DA7" s="717" t="s">
        <v>62</v>
      </c>
      <c r="DB7" s="718"/>
      <c r="DC7" s="718"/>
      <c r="DD7" s="718"/>
      <c r="DE7" s="718"/>
      <c r="DF7" s="718"/>
      <c r="DG7" s="719"/>
      <c r="DH7" s="732" t="s">
        <v>52</v>
      </c>
      <c r="DI7" s="727" t="s">
        <v>61</v>
      </c>
      <c r="DJ7" s="728"/>
      <c r="DK7" s="731"/>
      <c r="DL7" s="730" t="s">
        <v>62</v>
      </c>
      <c r="DM7" s="728"/>
      <c r="DN7" s="728"/>
      <c r="DO7" s="728"/>
      <c r="DP7" s="728"/>
      <c r="DQ7" s="728"/>
      <c r="DR7" s="731"/>
      <c r="DS7" s="720" t="s">
        <v>52</v>
      </c>
      <c r="DT7" s="725" t="s">
        <v>61</v>
      </c>
      <c r="DU7" s="718"/>
      <c r="DV7" s="726"/>
      <c r="DW7" s="717" t="s">
        <v>62</v>
      </c>
      <c r="DX7" s="718"/>
      <c r="DY7" s="718"/>
      <c r="DZ7" s="718"/>
      <c r="EA7" s="718"/>
      <c r="EB7" s="718"/>
      <c r="EC7" s="719"/>
      <c r="ED7" s="529" t="s">
        <v>52</v>
      </c>
      <c r="EE7" s="725" t="s">
        <v>61</v>
      </c>
      <c r="EF7" s="718"/>
      <c r="EG7" s="726"/>
      <c r="EH7" s="717" t="s">
        <v>62</v>
      </c>
      <c r="EI7" s="718"/>
      <c r="EJ7" s="718"/>
      <c r="EK7" s="718"/>
      <c r="EL7" s="718"/>
      <c r="EM7" s="718"/>
      <c r="EN7" s="719"/>
      <c r="EO7" s="529" t="s">
        <v>52</v>
      </c>
      <c r="EP7" s="725" t="s">
        <v>61</v>
      </c>
      <c r="EQ7" s="718"/>
      <c r="ER7" s="726"/>
      <c r="ES7" s="717" t="s">
        <v>62</v>
      </c>
      <c r="ET7" s="718"/>
      <c r="EU7" s="718"/>
      <c r="EV7" s="718"/>
      <c r="EW7" s="718"/>
      <c r="EX7" s="718"/>
      <c r="EY7" s="719"/>
      <c r="EZ7" s="529" t="s">
        <v>52</v>
      </c>
      <c r="FA7" s="725" t="s">
        <v>61</v>
      </c>
      <c r="FB7" s="718"/>
      <c r="FC7" s="726"/>
      <c r="FD7" s="717" t="s">
        <v>62</v>
      </c>
      <c r="FE7" s="718"/>
      <c r="FF7" s="718"/>
      <c r="FG7" s="718"/>
      <c r="FH7" s="718"/>
      <c r="FI7" s="718"/>
      <c r="FJ7" s="719"/>
      <c r="FK7" s="529" t="s">
        <v>52</v>
      </c>
      <c r="FL7" s="727" t="s">
        <v>61</v>
      </c>
      <c r="FM7" s="728"/>
      <c r="FN7" s="729"/>
      <c r="FO7" s="730" t="s">
        <v>62</v>
      </c>
      <c r="FP7" s="728"/>
      <c r="FQ7" s="728"/>
      <c r="FR7" s="728"/>
      <c r="FS7" s="728"/>
      <c r="FT7" s="728"/>
      <c r="FU7" s="731"/>
      <c r="FV7" s="712" t="s">
        <v>52</v>
      </c>
      <c r="FW7" s="725" t="s">
        <v>61</v>
      </c>
      <c r="FX7" s="718"/>
      <c r="FY7" s="726"/>
      <c r="FZ7" s="717" t="s">
        <v>62</v>
      </c>
      <c r="GA7" s="718"/>
      <c r="GB7" s="718"/>
      <c r="GC7" s="718"/>
      <c r="GD7" s="718"/>
      <c r="GE7" s="718"/>
      <c r="GF7" s="719"/>
      <c r="GG7" s="529" t="s">
        <v>52</v>
      </c>
      <c r="GH7" s="527" t="s">
        <v>61</v>
      </c>
      <c r="GI7" s="528"/>
      <c r="GJ7" s="528"/>
      <c r="GK7" s="723" t="s">
        <v>62</v>
      </c>
      <c r="GL7" s="528"/>
      <c r="GM7" s="528"/>
      <c r="GN7" s="528"/>
      <c r="GO7" s="528"/>
      <c r="GP7" s="528"/>
      <c r="GQ7" s="722"/>
      <c r="GR7" s="733" t="s">
        <v>52</v>
      </c>
      <c r="GS7" s="527" t="s">
        <v>61</v>
      </c>
      <c r="GT7" s="528"/>
      <c r="GU7" s="722"/>
      <c r="GV7" s="723" t="s">
        <v>62</v>
      </c>
      <c r="GW7" s="528"/>
      <c r="GX7" s="528"/>
      <c r="GY7" s="528"/>
      <c r="GZ7" s="528"/>
      <c r="HA7" s="528"/>
      <c r="HB7" s="722"/>
      <c r="HC7" s="733" t="s">
        <v>52</v>
      </c>
      <c r="HD7" s="725" t="s">
        <v>61</v>
      </c>
      <c r="HE7" s="718"/>
      <c r="HF7" s="726"/>
      <c r="HG7" s="717" t="s">
        <v>62</v>
      </c>
      <c r="HH7" s="718"/>
      <c r="HI7" s="718"/>
      <c r="HJ7" s="718"/>
      <c r="HK7" s="718"/>
      <c r="HL7" s="718"/>
      <c r="HM7" s="719"/>
      <c r="HN7" s="529" t="s">
        <v>52</v>
      </c>
      <c r="HO7" s="725" t="s">
        <v>61</v>
      </c>
      <c r="HP7" s="718"/>
      <c r="HQ7" s="726"/>
      <c r="HR7" s="717" t="s">
        <v>62</v>
      </c>
      <c r="HS7" s="718"/>
      <c r="HT7" s="718"/>
      <c r="HU7" s="718"/>
      <c r="HV7" s="718"/>
      <c r="HW7" s="718"/>
      <c r="HX7" s="719"/>
      <c r="HY7" s="529" t="s">
        <v>52</v>
      </c>
      <c r="HZ7" s="583" t="s">
        <v>61</v>
      </c>
      <c r="IA7" s="584"/>
      <c r="IB7" s="585"/>
      <c r="IC7" s="620" t="s">
        <v>62</v>
      </c>
      <c r="ID7" s="584"/>
      <c r="IE7" s="584"/>
      <c r="IF7" s="584"/>
      <c r="IG7" s="584"/>
      <c r="IH7" s="584"/>
      <c r="II7" s="621"/>
      <c r="IJ7" s="587" t="s">
        <v>52</v>
      </c>
      <c r="IK7" s="600" t="s">
        <v>61</v>
      </c>
      <c r="IL7" s="593"/>
      <c r="IM7" s="594"/>
      <c r="IN7" s="623" t="s">
        <v>62</v>
      </c>
      <c r="IO7" s="593"/>
      <c r="IP7" s="593"/>
      <c r="IQ7" s="593"/>
      <c r="IR7" s="593"/>
      <c r="IS7" s="593"/>
      <c r="IT7" s="624"/>
      <c r="IU7" s="606" t="s">
        <v>52</v>
      </c>
      <c r="IV7" s="600" t="s">
        <v>61</v>
      </c>
      <c r="IW7" s="593"/>
      <c r="IX7" s="624"/>
      <c r="IY7" s="623" t="s">
        <v>62</v>
      </c>
      <c r="IZ7" s="593"/>
      <c r="JA7" s="593"/>
      <c r="JB7" s="593"/>
      <c r="JC7" s="593"/>
      <c r="JD7" s="593"/>
      <c r="JE7" s="624"/>
      <c r="JF7" s="606" t="s">
        <v>52</v>
      </c>
      <c r="JG7" s="600" t="s">
        <v>61</v>
      </c>
      <c r="JH7" s="593"/>
      <c r="JI7" s="594"/>
      <c r="JJ7" s="623" t="s">
        <v>62</v>
      </c>
      <c r="JK7" s="593"/>
      <c r="JL7" s="593"/>
      <c r="JM7" s="593"/>
      <c r="JN7" s="593"/>
      <c r="JO7" s="593"/>
      <c r="JP7" s="624"/>
      <c r="JQ7" s="618" t="s">
        <v>52</v>
      </c>
      <c r="JR7" s="600" t="s">
        <v>61</v>
      </c>
      <c r="JS7" s="593"/>
      <c r="JT7" s="594"/>
      <c r="JU7" s="623" t="s">
        <v>62</v>
      </c>
      <c r="JV7" s="593"/>
      <c r="JW7" s="593"/>
      <c r="JX7" s="593"/>
      <c r="JY7" s="593"/>
      <c r="JZ7" s="593"/>
      <c r="KA7" s="624"/>
      <c r="KB7" s="618" t="s">
        <v>52</v>
      </c>
      <c r="KC7" s="600" t="s">
        <v>61</v>
      </c>
      <c r="KD7" s="593"/>
      <c r="KE7" s="594"/>
      <c r="KF7" s="623" t="s">
        <v>62</v>
      </c>
      <c r="KG7" s="593"/>
      <c r="KH7" s="593"/>
      <c r="KI7" s="593"/>
      <c r="KJ7" s="593"/>
      <c r="KK7" s="593"/>
      <c r="KL7" s="624"/>
      <c r="KM7" s="618" t="s">
        <v>52</v>
      </c>
      <c r="KN7" s="600" t="s">
        <v>61</v>
      </c>
      <c r="KO7" s="593"/>
      <c r="KP7" s="594"/>
      <c r="KQ7" s="623" t="s">
        <v>62</v>
      </c>
      <c r="KR7" s="593"/>
      <c r="KS7" s="593"/>
      <c r="KT7" s="593"/>
      <c r="KU7" s="593"/>
      <c r="KV7" s="593"/>
      <c r="KW7" s="624"/>
      <c r="KX7" s="618" t="s">
        <v>52</v>
      </c>
      <c r="KY7" s="600" t="s">
        <v>61</v>
      </c>
      <c r="KZ7" s="593"/>
      <c r="LA7" s="594"/>
      <c r="LB7" s="623" t="s">
        <v>62</v>
      </c>
      <c r="LC7" s="593"/>
      <c r="LD7" s="593"/>
      <c r="LE7" s="593"/>
      <c r="LF7" s="593"/>
      <c r="LG7" s="593"/>
      <c r="LH7" s="624"/>
      <c r="LI7" s="618" t="s">
        <v>52</v>
      </c>
      <c r="LJ7" s="600" t="s">
        <v>61</v>
      </c>
      <c r="LK7" s="593"/>
      <c r="LL7" s="594"/>
      <c r="LM7" s="623" t="s">
        <v>62</v>
      </c>
      <c r="LN7" s="593"/>
      <c r="LO7" s="593"/>
      <c r="LP7" s="593"/>
      <c r="LQ7" s="593"/>
      <c r="LR7" s="593"/>
      <c r="LS7" s="624"/>
      <c r="LT7" s="618" t="s">
        <v>52</v>
      </c>
      <c r="LU7" s="600" t="s">
        <v>61</v>
      </c>
      <c r="LV7" s="593"/>
      <c r="LW7" s="594"/>
      <c r="LX7" s="623" t="s">
        <v>62</v>
      </c>
      <c r="LY7" s="593"/>
      <c r="LZ7" s="593"/>
      <c r="MA7" s="593"/>
      <c r="MB7" s="593"/>
      <c r="MC7" s="593"/>
      <c r="MD7" s="624"/>
      <c r="ME7" s="618" t="s">
        <v>52</v>
      </c>
      <c r="MF7" s="583" t="s">
        <v>61</v>
      </c>
      <c r="MG7" s="584"/>
      <c r="MH7" s="585"/>
      <c r="MI7" s="620" t="s">
        <v>62</v>
      </c>
      <c r="MJ7" s="584"/>
      <c r="MK7" s="584"/>
      <c r="ML7" s="584"/>
      <c r="MM7" s="584"/>
      <c r="MN7" s="584"/>
      <c r="MO7" s="621"/>
      <c r="MP7" s="622" t="s">
        <v>52</v>
      </c>
      <c r="MQ7" s="600" t="s">
        <v>61</v>
      </c>
      <c r="MR7" s="593"/>
      <c r="MS7" s="594"/>
      <c r="MT7" s="623" t="s">
        <v>62</v>
      </c>
      <c r="MU7" s="593"/>
      <c r="MV7" s="593"/>
      <c r="MW7" s="593"/>
      <c r="MX7" s="593"/>
      <c r="MY7" s="593"/>
      <c r="MZ7" s="624"/>
      <c r="NA7" s="618" t="s">
        <v>52</v>
      </c>
      <c r="NB7" s="600" t="s">
        <v>61</v>
      </c>
      <c r="NC7" s="593"/>
      <c r="ND7" s="594"/>
      <c r="NE7" s="623" t="s">
        <v>62</v>
      </c>
      <c r="NF7" s="593"/>
      <c r="NG7" s="593"/>
      <c r="NH7" s="593"/>
      <c r="NI7" s="593"/>
      <c r="NJ7" s="593"/>
      <c r="NK7" s="624"/>
      <c r="NL7" s="618" t="s">
        <v>52</v>
      </c>
      <c r="NM7" s="600" t="s">
        <v>61</v>
      </c>
      <c r="NN7" s="593"/>
      <c r="NO7" s="594"/>
      <c r="NP7" s="623" t="s">
        <v>62</v>
      </c>
      <c r="NQ7" s="593"/>
      <c r="NR7" s="593"/>
      <c r="NS7" s="593"/>
      <c r="NT7" s="593"/>
      <c r="NU7" s="593"/>
      <c r="NV7" s="624"/>
      <c r="NW7" s="618" t="s">
        <v>52</v>
      </c>
      <c r="NX7" s="600" t="s">
        <v>61</v>
      </c>
      <c r="NY7" s="593"/>
      <c r="NZ7" s="594"/>
      <c r="OA7" s="623" t="s">
        <v>62</v>
      </c>
      <c r="OB7" s="593"/>
      <c r="OC7" s="593"/>
      <c r="OD7" s="593"/>
      <c r="OE7" s="593"/>
      <c r="OF7" s="593"/>
      <c r="OG7" s="624"/>
      <c r="OH7" s="618" t="s">
        <v>52</v>
      </c>
      <c r="OI7" s="583" t="s">
        <v>61</v>
      </c>
      <c r="OJ7" s="584"/>
      <c r="OK7" s="585"/>
      <c r="OL7" s="620" t="s">
        <v>62</v>
      </c>
      <c r="OM7" s="584"/>
      <c r="ON7" s="584"/>
      <c r="OO7" s="584"/>
      <c r="OP7" s="584"/>
      <c r="OQ7" s="584"/>
      <c r="OR7" s="621"/>
      <c r="OS7" s="622" t="s">
        <v>52</v>
      </c>
    </row>
    <row r="8" spans="1:409" ht="30" customHeight="1" thickBot="1" x14ac:dyDescent="0.25">
      <c r="B8" s="690"/>
      <c r="C8" s="325" t="s">
        <v>43</v>
      </c>
      <c r="D8" s="47" t="s">
        <v>44</v>
      </c>
      <c r="E8" s="326" t="s">
        <v>45</v>
      </c>
      <c r="F8" s="52" t="s">
        <v>83</v>
      </c>
      <c r="G8" s="47" t="s">
        <v>47</v>
      </c>
      <c r="H8" s="47" t="s">
        <v>48</v>
      </c>
      <c r="I8" s="47" t="s">
        <v>49</v>
      </c>
      <c r="J8" s="47" t="s">
        <v>50</v>
      </c>
      <c r="K8" s="47" t="s">
        <v>51</v>
      </c>
      <c r="L8" s="48" t="s">
        <v>45</v>
      </c>
      <c r="M8" s="714"/>
      <c r="N8" s="51" t="s">
        <v>43</v>
      </c>
      <c r="O8" s="47" t="s">
        <v>44</v>
      </c>
      <c r="P8" s="48" t="s">
        <v>45</v>
      </c>
      <c r="Q8" s="52" t="s">
        <v>83</v>
      </c>
      <c r="R8" s="47" t="s">
        <v>47</v>
      </c>
      <c r="S8" s="47" t="s">
        <v>48</v>
      </c>
      <c r="T8" s="47" t="s">
        <v>49</v>
      </c>
      <c r="U8" s="47" t="s">
        <v>50</v>
      </c>
      <c r="V8" s="47" t="s">
        <v>51</v>
      </c>
      <c r="W8" s="48" t="s">
        <v>45</v>
      </c>
      <c r="X8" s="721"/>
      <c r="Y8" s="51" t="s">
        <v>43</v>
      </c>
      <c r="Z8" s="47" t="s">
        <v>44</v>
      </c>
      <c r="AA8" s="48" t="s">
        <v>45</v>
      </c>
      <c r="AB8" s="52" t="s">
        <v>83</v>
      </c>
      <c r="AC8" s="47" t="s">
        <v>47</v>
      </c>
      <c r="AD8" s="47" t="s">
        <v>48</v>
      </c>
      <c r="AE8" s="47" t="s">
        <v>49</v>
      </c>
      <c r="AF8" s="47" t="s">
        <v>50</v>
      </c>
      <c r="AG8" s="47" t="s">
        <v>51</v>
      </c>
      <c r="AH8" s="48" t="s">
        <v>45</v>
      </c>
      <c r="AI8" s="724"/>
      <c r="AJ8" s="51" t="s">
        <v>43</v>
      </c>
      <c r="AK8" s="47" t="s">
        <v>44</v>
      </c>
      <c r="AL8" s="326" t="s">
        <v>45</v>
      </c>
      <c r="AM8" s="52" t="s">
        <v>83</v>
      </c>
      <c r="AN8" s="47" t="s">
        <v>47</v>
      </c>
      <c r="AO8" s="47" t="s">
        <v>48</v>
      </c>
      <c r="AP8" s="47" t="s">
        <v>49</v>
      </c>
      <c r="AQ8" s="47" t="s">
        <v>50</v>
      </c>
      <c r="AR8" s="47" t="s">
        <v>51</v>
      </c>
      <c r="AS8" s="48" t="s">
        <v>45</v>
      </c>
      <c r="AT8" s="724"/>
      <c r="AU8" s="51" t="s">
        <v>43</v>
      </c>
      <c r="AV8" s="47" t="s">
        <v>44</v>
      </c>
      <c r="AW8" s="326" t="s">
        <v>45</v>
      </c>
      <c r="AX8" s="52" t="s">
        <v>83</v>
      </c>
      <c r="AY8" s="47" t="s">
        <v>47</v>
      </c>
      <c r="AZ8" s="47" t="s">
        <v>48</v>
      </c>
      <c r="BA8" s="47" t="s">
        <v>49</v>
      </c>
      <c r="BB8" s="47" t="s">
        <v>50</v>
      </c>
      <c r="BC8" s="47" t="s">
        <v>51</v>
      </c>
      <c r="BD8" s="48" t="s">
        <v>45</v>
      </c>
      <c r="BE8" s="724"/>
      <c r="BF8" s="327" t="s">
        <v>43</v>
      </c>
      <c r="BG8" s="47" t="s">
        <v>44</v>
      </c>
      <c r="BH8" s="326" t="s">
        <v>45</v>
      </c>
      <c r="BI8" s="52" t="s">
        <v>83</v>
      </c>
      <c r="BJ8" s="47" t="s">
        <v>47</v>
      </c>
      <c r="BK8" s="47" t="s">
        <v>48</v>
      </c>
      <c r="BL8" s="47" t="s">
        <v>49</v>
      </c>
      <c r="BM8" s="47" t="s">
        <v>50</v>
      </c>
      <c r="BN8" s="47" t="s">
        <v>51</v>
      </c>
      <c r="BO8" s="48" t="s">
        <v>45</v>
      </c>
      <c r="BP8" s="724"/>
      <c r="BQ8" s="51" t="s">
        <v>43</v>
      </c>
      <c r="BR8" s="47" t="s">
        <v>44</v>
      </c>
      <c r="BS8" s="326" t="s">
        <v>45</v>
      </c>
      <c r="BT8" s="52" t="s">
        <v>83</v>
      </c>
      <c r="BU8" s="47" t="s">
        <v>47</v>
      </c>
      <c r="BV8" s="47" t="s">
        <v>48</v>
      </c>
      <c r="BW8" s="47" t="s">
        <v>49</v>
      </c>
      <c r="BX8" s="47" t="s">
        <v>50</v>
      </c>
      <c r="BY8" s="47" t="s">
        <v>51</v>
      </c>
      <c r="BZ8" s="48" t="s">
        <v>45</v>
      </c>
      <c r="CA8" s="724"/>
      <c r="CB8" s="51" t="s">
        <v>43</v>
      </c>
      <c r="CC8" s="47" t="s">
        <v>44</v>
      </c>
      <c r="CD8" s="326" t="s">
        <v>45</v>
      </c>
      <c r="CE8" s="52" t="s">
        <v>83</v>
      </c>
      <c r="CF8" s="47" t="s">
        <v>47</v>
      </c>
      <c r="CG8" s="47" t="s">
        <v>48</v>
      </c>
      <c r="CH8" s="47" t="s">
        <v>49</v>
      </c>
      <c r="CI8" s="47" t="s">
        <v>50</v>
      </c>
      <c r="CJ8" s="47" t="s">
        <v>51</v>
      </c>
      <c r="CK8" s="48" t="s">
        <v>45</v>
      </c>
      <c r="CL8" s="721"/>
      <c r="CM8" s="51" t="s">
        <v>43</v>
      </c>
      <c r="CN8" s="47" t="s">
        <v>44</v>
      </c>
      <c r="CO8" s="48" t="s">
        <v>45</v>
      </c>
      <c r="CP8" s="52" t="s">
        <v>83</v>
      </c>
      <c r="CQ8" s="47" t="s">
        <v>47</v>
      </c>
      <c r="CR8" s="47" t="s">
        <v>48</v>
      </c>
      <c r="CS8" s="47" t="s">
        <v>49</v>
      </c>
      <c r="CT8" s="47" t="s">
        <v>50</v>
      </c>
      <c r="CU8" s="47" t="s">
        <v>51</v>
      </c>
      <c r="CV8" s="48" t="s">
        <v>45</v>
      </c>
      <c r="CW8" s="721"/>
      <c r="CX8" s="51" t="s">
        <v>43</v>
      </c>
      <c r="CY8" s="47" t="s">
        <v>44</v>
      </c>
      <c r="CZ8" s="48" t="s">
        <v>45</v>
      </c>
      <c r="DA8" s="52" t="s">
        <v>83</v>
      </c>
      <c r="DB8" s="47" t="s">
        <v>47</v>
      </c>
      <c r="DC8" s="47" t="s">
        <v>48</v>
      </c>
      <c r="DD8" s="47" t="s">
        <v>49</v>
      </c>
      <c r="DE8" s="47" t="s">
        <v>50</v>
      </c>
      <c r="DF8" s="47" t="s">
        <v>51</v>
      </c>
      <c r="DG8" s="48" t="s">
        <v>45</v>
      </c>
      <c r="DH8" s="721"/>
      <c r="DI8" s="51" t="s">
        <v>43</v>
      </c>
      <c r="DJ8" s="47" t="s">
        <v>44</v>
      </c>
      <c r="DK8" s="48" t="s">
        <v>45</v>
      </c>
      <c r="DL8" s="52" t="s">
        <v>83</v>
      </c>
      <c r="DM8" s="47" t="s">
        <v>47</v>
      </c>
      <c r="DN8" s="47" t="s">
        <v>48</v>
      </c>
      <c r="DO8" s="47" t="s">
        <v>49</v>
      </c>
      <c r="DP8" s="47" t="s">
        <v>50</v>
      </c>
      <c r="DQ8" s="47" t="s">
        <v>51</v>
      </c>
      <c r="DR8" s="48" t="s">
        <v>45</v>
      </c>
      <c r="DS8" s="721"/>
      <c r="DT8" s="51" t="s">
        <v>43</v>
      </c>
      <c r="DU8" s="47" t="s">
        <v>44</v>
      </c>
      <c r="DV8" s="326" t="s">
        <v>45</v>
      </c>
      <c r="DW8" s="52" t="s">
        <v>83</v>
      </c>
      <c r="DX8" s="47" t="s">
        <v>47</v>
      </c>
      <c r="DY8" s="47" t="s">
        <v>48</v>
      </c>
      <c r="DZ8" s="47" t="s">
        <v>49</v>
      </c>
      <c r="EA8" s="47" t="s">
        <v>50</v>
      </c>
      <c r="EB8" s="47" t="s">
        <v>51</v>
      </c>
      <c r="EC8" s="48" t="s">
        <v>45</v>
      </c>
      <c r="ED8" s="724"/>
      <c r="EE8" s="51" t="s">
        <v>43</v>
      </c>
      <c r="EF8" s="47" t="s">
        <v>44</v>
      </c>
      <c r="EG8" s="326" t="s">
        <v>45</v>
      </c>
      <c r="EH8" s="52" t="s">
        <v>83</v>
      </c>
      <c r="EI8" s="47" t="s">
        <v>47</v>
      </c>
      <c r="EJ8" s="47" t="s">
        <v>48</v>
      </c>
      <c r="EK8" s="47" t="s">
        <v>49</v>
      </c>
      <c r="EL8" s="47" t="s">
        <v>50</v>
      </c>
      <c r="EM8" s="47" t="s">
        <v>51</v>
      </c>
      <c r="EN8" s="48" t="s">
        <v>45</v>
      </c>
      <c r="EO8" s="724"/>
      <c r="EP8" s="51" t="s">
        <v>43</v>
      </c>
      <c r="EQ8" s="47" t="s">
        <v>44</v>
      </c>
      <c r="ER8" s="326" t="s">
        <v>45</v>
      </c>
      <c r="ES8" s="52" t="s">
        <v>83</v>
      </c>
      <c r="ET8" s="47" t="s">
        <v>47</v>
      </c>
      <c r="EU8" s="47" t="s">
        <v>48</v>
      </c>
      <c r="EV8" s="47" t="s">
        <v>49</v>
      </c>
      <c r="EW8" s="47" t="s">
        <v>50</v>
      </c>
      <c r="EX8" s="47" t="s">
        <v>51</v>
      </c>
      <c r="EY8" s="48" t="s">
        <v>45</v>
      </c>
      <c r="EZ8" s="724"/>
      <c r="FA8" s="51" t="s">
        <v>43</v>
      </c>
      <c r="FB8" s="47" t="s">
        <v>44</v>
      </c>
      <c r="FC8" s="326" t="s">
        <v>45</v>
      </c>
      <c r="FD8" s="52" t="s">
        <v>83</v>
      </c>
      <c r="FE8" s="47" t="s">
        <v>47</v>
      </c>
      <c r="FF8" s="47" t="s">
        <v>48</v>
      </c>
      <c r="FG8" s="47" t="s">
        <v>49</v>
      </c>
      <c r="FH8" s="47" t="s">
        <v>50</v>
      </c>
      <c r="FI8" s="47" t="s">
        <v>51</v>
      </c>
      <c r="FJ8" s="48" t="s">
        <v>45</v>
      </c>
      <c r="FK8" s="724"/>
      <c r="FL8" s="51" t="s">
        <v>43</v>
      </c>
      <c r="FM8" s="47" t="s">
        <v>44</v>
      </c>
      <c r="FN8" s="326" t="s">
        <v>45</v>
      </c>
      <c r="FO8" s="52" t="s">
        <v>83</v>
      </c>
      <c r="FP8" s="47" t="s">
        <v>47</v>
      </c>
      <c r="FQ8" s="47" t="s">
        <v>48</v>
      </c>
      <c r="FR8" s="47" t="s">
        <v>49</v>
      </c>
      <c r="FS8" s="47" t="s">
        <v>50</v>
      </c>
      <c r="FT8" s="47" t="s">
        <v>51</v>
      </c>
      <c r="FU8" s="48" t="s">
        <v>45</v>
      </c>
      <c r="FV8" s="735"/>
      <c r="FW8" s="51" t="s">
        <v>43</v>
      </c>
      <c r="FX8" s="47" t="s">
        <v>44</v>
      </c>
      <c r="FY8" s="326" t="s">
        <v>45</v>
      </c>
      <c r="FZ8" s="52" t="s">
        <v>83</v>
      </c>
      <c r="GA8" s="47" t="s">
        <v>47</v>
      </c>
      <c r="GB8" s="47" t="s">
        <v>48</v>
      </c>
      <c r="GC8" s="47" t="s">
        <v>49</v>
      </c>
      <c r="GD8" s="47" t="s">
        <v>50</v>
      </c>
      <c r="GE8" s="47" t="s">
        <v>51</v>
      </c>
      <c r="GF8" s="48" t="s">
        <v>45</v>
      </c>
      <c r="GG8" s="724"/>
      <c r="GH8" s="51" t="s">
        <v>43</v>
      </c>
      <c r="GI8" s="47" t="s">
        <v>44</v>
      </c>
      <c r="GJ8" s="326" t="s">
        <v>45</v>
      </c>
      <c r="GK8" s="52" t="s">
        <v>83</v>
      </c>
      <c r="GL8" s="47" t="s">
        <v>47</v>
      </c>
      <c r="GM8" s="47" t="s">
        <v>48</v>
      </c>
      <c r="GN8" s="47" t="s">
        <v>49</v>
      </c>
      <c r="GO8" s="47" t="s">
        <v>50</v>
      </c>
      <c r="GP8" s="47" t="s">
        <v>51</v>
      </c>
      <c r="GQ8" s="48" t="s">
        <v>45</v>
      </c>
      <c r="GR8" s="734"/>
      <c r="GS8" s="51" t="s">
        <v>43</v>
      </c>
      <c r="GT8" s="47" t="s">
        <v>44</v>
      </c>
      <c r="GU8" s="326" t="s">
        <v>45</v>
      </c>
      <c r="GV8" s="52" t="s">
        <v>83</v>
      </c>
      <c r="GW8" s="47" t="s">
        <v>47</v>
      </c>
      <c r="GX8" s="47" t="s">
        <v>48</v>
      </c>
      <c r="GY8" s="47" t="s">
        <v>49</v>
      </c>
      <c r="GZ8" s="47" t="s">
        <v>50</v>
      </c>
      <c r="HA8" s="47" t="s">
        <v>51</v>
      </c>
      <c r="HB8" s="48" t="s">
        <v>45</v>
      </c>
      <c r="HC8" s="734"/>
      <c r="HD8" s="51" t="s">
        <v>43</v>
      </c>
      <c r="HE8" s="47" t="s">
        <v>44</v>
      </c>
      <c r="HF8" s="326" t="s">
        <v>45</v>
      </c>
      <c r="HG8" s="52" t="s">
        <v>83</v>
      </c>
      <c r="HH8" s="47" t="s">
        <v>47</v>
      </c>
      <c r="HI8" s="47" t="s">
        <v>48</v>
      </c>
      <c r="HJ8" s="47" t="s">
        <v>49</v>
      </c>
      <c r="HK8" s="47" t="s">
        <v>50</v>
      </c>
      <c r="HL8" s="47" t="s">
        <v>51</v>
      </c>
      <c r="HM8" s="48" t="s">
        <v>45</v>
      </c>
      <c r="HN8" s="724"/>
      <c r="HO8" s="51" t="s">
        <v>43</v>
      </c>
      <c r="HP8" s="47" t="s">
        <v>44</v>
      </c>
      <c r="HQ8" s="326" t="s">
        <v>45</v>
      </c>
      <c r="HR8" s="52" t="s">
        <v>83</v>
      </c>
      <c r="HS8" s="47" t="s">
        <v>47</v>
      </c>
      <c r="HT8" s="47" t="s">
        <v>48</v>
      </c>
      <c r="HU8" s="47" t="s">
        <v>49</v>
      </c>
      <c r="HV8" s="47" t="s">
        <v>50</v>
      </c>
      <c r="HW8" s="47" t="s">
        <v>51</v>
      </c>
      <c r="HX8" s="48" t="s">
        <v>45</v>
      </c>
      <c r="HY8" s="724"/>
      <c r="HZ8" s="368" t="s">
        <v>43</v>
      </c>
      <c r="IA8" s="369" t="s">
        <v>44</v>
      </c>
      <c r="IB8" s="41" t="s">
        <v>45</v>
      </c>
      <c r="IC8" s="42" t="s">
        <v>83</v>
      </c>
      <c r="ID8" s="369" t="s">
        <v>47</v>
      </c>
      <c r="IE8" s="369" t="s">
        <v>48</v>
      </c>
      <c r="IF8" s="369" t="s">
        <v>49</v>
      </c>
      <c r="IG8" s="369" t="s">
        <v>50</v>
      </c>
      <c r="IH8" s="369" t="s">
        <v>51</v>
      </c>
      <c r="II8" s="17" t="s">
        <v>45</v>
      </c>
      <c r="IJ8" s="660"/>
      <c r="IK8" s="368" t="s">
        <v>43</v>
      </c>
      <c r="IL8" s="369" t="s">
        <v>44</v>
      </c>
      <c r="IM8" s="41" t="s">
        <v>45</v>
      </c>
      <c r="IN8" s="42" t="s">
        <v>83</v>
      </c>
      <c r="IO8" s="59" t="s">
        <v>47</v>
      </c>
      <c r="IP8" s="59" t="s">
        <v>48</v>
      </c>
      <c r="IQ8" s="59" t="s">
        <v>49</v>
      </c>
      <c r="IR8" s="59" t="s">
        <v>50</v>
      </c>
      <c r="IS8" s="59" t="s">
        <v>51</v>
      </c>
      <c r="IT8" s="64" t="s">
        <v>45</v>
      </c>
      <c r="IU8" s="659"/>
      <c r="IV8" s="61" t="s">
        <v>43</v>
      </c>
      <c r="IW8" s="59" t="s">
        <v>44</v>
      </c>
      <c r="IX8" s="64" t="s">
        <v>45</v>
      </c>
      <c r="IY8" s="33" t="s">
        <v>83</v>
      </c>
      <c r="IZ8" s="59" t="s">
        <v>47</v>
      </c>
      <c r="JA8" s="59" t="s">
        <v>48</v>
      </c>
      <c r="JB8" s="59" t="s">
        <v>49</v>
      </c>
      <c r="JC8" s="59" t="s">
        <v>50</v>
      </c>
      <c r="JD8" s="59" t="s">
        <v>51</v>
      </c>
      <c r="JE8" s="64" t="s">
        <v>45</v>
      </c>
      <c r="JF8" s="659"/>
      <c r="JG8" s="61" t="s">
        <v>43</v>
      </c>
      <c r="JH8" s="59" t="s">
        <v>44</v>
      </c>
      <c r="JI8" s="60" t="s">
        <v>45</v>
      </c>
      <c r="JJ8" s="33" t="s">
        <v>83</v>
      </c>
      <c r="JK8" s="59" t="s">
        <v>47</v>
      </c>
      <c r="JL8" s="59" t="s">
        <v>48</v>
      </c>
      <c r="JM8" s="59" t="s">
        <v>49</v>
      </c>
      <c r="JN8" s="59" t="s">
        <v>50</v>
      </c>
      <c r="JO8" s="59" t="s">
        <v>51</v>
      </c>
      <c r="JP8" s="64" t="s">
        <v>45</v>
      </c>
      <c r="JQ8" s="619"/>
      <c r="JR8" s="61" t="s">
        <v>43</v>
      </c>
      <c r="JS8" s="59" t="s">
        <v>44</v>
      </c>
      <c r="JT8" s="60" t="s">
        <v>45</v>
      </c>
      <c r="JU8" s="33" t="s">
        <v>83</v>
      </c>
      <c r="JV8" s="59" t="s">
        <v>47</v>
      </c>
      <c r="JW8" s="59" t="s">
        <v>48</v>
      </c>
      <c r="JX8" s="59" t="s">
        <v>49</v>
      </c>
      <c r="JY8" s="59" t="s">
        <v>50</v>
      </c>
      <c r="JZ8" s="59" t="s">
        <v>51</v>
      </c>
      <c r="KA8" s="64" t="s">
        <v>45</v>
      </c>
      <c r="KB8" s="619"/>
      <c r="KC8" s="61" t="s">
        <v>43</v>
      </c>
      <c r="KD8" s="59" t="s">
        <v>44</v>
      </c>
      <c r="KE8" s="60" t="s">
        <v>45</v>
      </c>
      <c r="KF8" s="33" t="s">
        <v>83</v>
      </c>
      <c r="KG8" s="59" t="s">
        <v>47</v>
      </c>
      <c r="KH8" s="59" t="s">
        <v>48</v>
      </c>
      <c r="KI8" s="59" t="s">
        <v>49</v>
      </c>
      <c r="KJ8" s="59" t="s">
        <v>50</v>
      </c>
      <c r="KK8" s="59" t="s">
        <v>51</v>
      </c>
      <c r="KL8" s="64" t="s">
        <v>45</v>
      </c>
      <c r="KM8" s="619"/>
      <c r="KN8" s="61" t="s">
        <v>43</v>
      </c>
      <c r="KO8" s="59" t="s">
        <v>44</v>
      </c>
      <c r="KP8" s="60" t="s">
        <v>45</v>
      </c>
      <c r="KQ8" s="42" t="s">
        <v>83</v>
      </c>
      <c r="KR8" s="59" t="s">
        <v>47</v>
      </c>
      <c r="KS8" s="59" t="s">
        <v>48</v>
      </c>
      <c r="KT8" s="59" t="s">
        <v>49</v>
      </c>
      <c r="KU8" s="59" t="s">
        <v>50</v>
      </c>
      <c r="KV8" s="59" t="s">
        <v>51</v>
      </c>
      <c r="KW8" s="64" t="s">
        <v>45</v>
      </c>
      <c r="KX8" s="619"/>
      <c r="KY8" s="61" t="s">
        <v>43</v>
      </c>
      <c r="KZ8" s="59" t="s">
        <v>44</v>
      </c>
      <c r="LA8" s="60" t="s">
        <v>45</v>
      </c>
      <c r="LB8" s="42" t="s">
        <v>83</v>
      </c>
      <c r="LC8" s="59" t="s">
        <v>47</v>
      </c>
      <c r="LD8" s="59" t="s">
        <v>48</v>
      </c>
      <c r="LE8" s="59" t="s">
        <v>49</v>
      </c>
      <c r="LF8" s="59" t="s">
        <v>50</v>
      </c>
      <c r="LG8" s="59" t="s">
        <v>51</v>
      </c>
      <c r="LH8" s="64" t="s">
        <v>45</v>
      </c>
      <c r="LI8" s="619"/>
      <c r="LJ8" s="61" t="s">
        <v>43</v>
      </c>
      <c r="LK8" s="59" t="s">
        <v>44</v>
      </c>
      <c r="LL8" s="60" t="s">
        <v>45</v>
      </c>
      <c r="LM8" s="42" t="s">
        <v>83</v>
      </c>
      <c r="LN8" s="59" t="s">
        <v>47</v>
      </c>
      <c r="LO8" s="59" t="s">
        <v>48</v>
      </c>
      <c r="LP8" s="59" t="s">
        <v>49</v>
      </c>
      <c r="LQ8" s="59" t="s">
        <v>50</v>
      </c>
      <c r="LR8" s="59" t="s">
        <v>51</v>
      </c>
      <c r="LS8" s="64" t="s">
        <v>45</v>
      </c>
      <c r="LT8" s="619"/>
      <c r="LU8" s="61" t="s">
        <v>43</v>
      </c>
      <c r="LV8" s="59" t="s">
        <v>44</v>
      </c>
      <c r="LW8" s="60" t="s">
        <v>45</v>
      </c>
      <c r="LX8" s="42" t="s">
        <v>83</v>
      </c>
      <c r="LY8" s="59" t="s">
        <v>47</v>
      </c>
      <c r="LZ8" s="59" t="s">
        <v>48</v>
      </c>
      <c r="MA8" s="59" t="s">
        <v>49</v>
      </c>
      <c r="MB8" s="59" t="s">
        <v>50</v>
      </c>
      <c r="MC8" s="59" t="s">
        <v>51</v>
      </c>
      <c r="MD8" s="64" t="s">
        <v>45</v>
      </c>
      <c r="ME8" s="619"/>
      <c r="MF8" s="61" t="s">
        <v>43</v>
      </c>
      <c r="MG8" s="59" t="s">
        <v>44</v>
      </c>
      <c r="MH8" s="60" t="s">
        <v>45</v>
      </c>
      <c r="MI8" s="42" t="s">
        <v>83</v>
      </c>
      <c r="MJ8" s="59" t="s">
        <v>47</v>
      </c>
      <c r="MK8" s="59" t="s">
        <v>48</v>
      </c>
      <c r="ML8" s="59" t="s">
        <v>49</v>
      </c>
      <c r="MM8" s="59" t="s">
        <v>50</v>
      </c>
      <c r="MN8" s="59" t="s">
        <v>51</v>
      </c>
      <c r="MO8" s="64" t="s">
        <v>45</v>
      </c>
      <c r="MP8" s="619"/>
      <c r="MQ8" s="61" t="s">
        <v>43</v>
      </c>
      <c r="MR8" s="59" t="s">
        <v>44</v>
      </c>
      <c r="MS8" s="60" t="s">
        <v>45</v>
      </c>
      <c r="MT8" s="42" t="s">
        <v>83</v>
      </c>
      <c r="MU8" s="59" t="s">
        <v>47</v>
      </c>
      <c r="MV8" s="59" t="s">
        <v>48</v>
      </c>
      <c r="MW8" s="59" t="s">
        <v>49</v>
      </c>
      <c r="MX8" s="59" t="s">
        <v>50</v>
      </c>
      <c r="MY8" s="59" t="s">
        <v>51</v>
      </c>
      <c r="MZ8" s="64" t="s">
        <v>45</v>
      </c>
      <c r="NA8" s="619"/>
      <c r="NB8" s="61" t="s">
        <v>43</v>
      </c>
      <c r="NC8" s="59" t="s">
        <v>44</v>
      </c>
      <c r="ND8" s="60" t="s">
        <v>45</v>
      </c>
      <c r="NE8" s="42" t="s">
        <v>83</v>
      </c>
      <c r="NF8" s="59" t="s">
        <v>47</v>
      </c>
      <c r="NG8" s="59" t="s">
        <v>48</v>
      </c>
      <c r="NH8" s="59" t="s">
        <v>49</v>
      </c>
      <c r="NI8" s="59" t="s">
        <v>50</v>
      </c>
      <c r="NJ8" s="59" t="s">
        <v>51</v>
      </c>
      <c r="NK8" s="64" t="s">
        <v>45</v>
      </c>
      <c r="NL8" s="619"/>
      <c r="NM8" s="61" t="s">
        <v>43</v>
      </c>
      <c r="NN8" s="59" t="s">
        <v>44</v>
      </c>
      <c r="NO8" s="60" t="s">
        <v>45</v>
      </c>
      <c r="NP8" s="42" t="s">
        <v>83</v>
      </c>
      <c r="NQ8" s="59" t="s">
        <v>47</v>
      </c>
      <c r="NR8" s="59" t="s">
        <v>48</v>
      </c>
      <c r="NS8" s="59" t="s">
        <v>49</v>
      </c>
      <c r="NT8" s="59" t="s">
        <v>50</v>
      </c>
      <c r="NU8" s="59" t="s">
        <v>51</v>
      </c>
      <c r="NV8" s="64" t="s">
        <v>45</v>
      </c>
      <c r="NW8" s="619"/>
      <c r="NX8" s="61" t="s">
        <v>43</v>
      </c>
      <c r="NY8" s="59" t="s">
        <v>44</v>
      </c>
      <c r="NZ8" s="60" t="s">
        <v>45</v>
      </c>
      <c r="OA8" s="42" t="s">
        <v>83</v>
      </c>
      <c r="OB8" s="59" t="s">
        <v>47</v>
      </c>
      <c r="OC8" s="59" t="s">
        <v>48</v>
      </c>
      <c r="OD8" s="59" t="s">
        <v>49</v>
      </c>
      <c r="OE8" s="59" t="s">
        <v>50</v>
      </c>
      <c r="OF8" s="59" t="s">
        <v>51</v>
      </c>
      <c r="OG8" s="64" t="s">
        <v>45</v>
      </c>
      <c r="OH8" s="619"/>
      <c r="OI8" s="61" t="s">
        <v>43</v>
      </c>
      <c r="OJ8" s="59" t="s">
        <v>44</v>
      </c>
      <c r="OK8" s="60" t="s">
        <v>45</v>
      </c>
      <c r="OL8" s="33" t="s">
        <v>83</v>
      </c>
      <c r="OM8" s="59" t="s">
        <v>47</v>
      </c>
      <c r="ON8" s="59" t="s">
        <v>48</v>
      </c>
      <c r="OO8" s="59" t="s">
        <v>49</v>
      </c>
      <c r="OP8" s="59" t="s">
        <v>50</v>
      </c>
      <c r="OQ8" s="59" t="s">
        <v>51</v>
      </c>
      <c r="OR8" s="64" t="s">
        <v>45</v>
      </c>
      <c r="OS8" s="619"/>
    </row>
    <row r="9" spans="1:409" s="473" customFormat="1" ht="21" customHeight="1" x14ac:dyDescent="0.2">
      <c r="A9" s="44"/>
      <c r="B9" s="467" t="s">
        <v>4</v>
      </c>
      <c r="C9" s="387">
        <v>25260140</v>
      </c>
      <c r="D9" s="388">
        <v>40960159</v>
      </c>
      <c r="E9" s="389">
        <v>66220299</v>
      </c>
      <c r="F9" s="390">
        <v>0</v>
      </c>
      <c r="G9" s="388">
        <v>258897382</v>
      </c>
      <c r="H9" s="388">
        <v>341969912</v>
      </c>
      <c r="I9" s="388">
        <v>296083683</v>
      </c>
      <c r="J9" s="388">
        <v>319064495</v>
      </c>
      <c r="K9" s="388">
        <v>230539093</v>
      </c>
      <c r="L9" s="391">
        <v>1446554565</v>
      </c>
      <c r="M9" s="392">
        <v>1512774864</v>
      </c>
      <c r="N9" s="387">
        <v>7551136</v>
      </c>
      <c r="O9" s="388">
        <v>14399510</v>
      </c>
      <c r="P9" s="393">
        <v>21950646</v>
      </c>
      <c r="Q9" s="387">
        <v>0</v>
      </c>
      <c r="R9" s="388">
        <v>80935026</v>
      </c>
      <c r="S9" s="388">
        <v>116620990</v>
      </c>
      <c r="T9" s="388">
        <v>97487550</v>
      </c>
      <c r="U9" s="388">
        <v>108111102</v>
      </c>
      <c r="V9" s="388">
        <v>109298181</v>
      </c>
      <c r="W9" s="393">
        <v>512452849</v>
      </c>
      <c r="X9" s="392">
        <v>534403495</v>
      </c>
      <c r="Y9" s="387">
        <v>0</v>
      </c>
      <c r="Z9" s="388">
        <v>13038</v>
      </c>
      <c r="AA9" s="393">
        <v>13038</v>
      </c>
      <c r="AB9" s="394">
        <v>0</v>
      </c>
      <c r="AC9" s="395">
        <v>32443809</v>
      </c>
      <c r="AD9" s="395">
        <v>47938077</v>
      </c>
      <c r="AE9" s="395">
        <v>47811168</v>
      </c>
      <c r="AF9" s="395">
        <v>55432452</v>
      </c>
      <c r="AG9" s="395">
        <v>59274038</v>
      </c>
      <c r="AH9" s="393">
        <v>242899544</v>
      </c>
      <c r="AI9" s="392">
        <v>242912582</v>
      </c>
      <c r="AJ9" s="396">
        <v>60962</v>
      </c>
      <c r="AK9" s="395">
        <v>35946</v>
      </c>
      <c r="AL9" s="393">
        <v>96908</v>
      </c>
      <c r="AM9" s="394">
        <v>0</v>
      </c>
      <c r="AN9" s="395">
        <v>488254</v>
      </c>
      <c r="AO9" s="391">
        <v>1784496</v>
      </c>
      <c r="AP9" s="395">
        <v>3153762</v>
      </c>
      <c r="AQ9" s="395">
        <v>6474737</v>
      </c>
      <c r="AR9" s="395">
        <v>13382934</v>
      </c>
      <c r="AS9" s="393">
        <v>25284183</v>
      </c>
      <c r="AT9" s="392">
        <v>25381091</v>
      </c>
      <c r="AU9" s="396">
        <v>3980626</v>
      </c>
      <c r="AV9" s="395">
        <v>9874928</v>
      </c>
      <c r="AW9" s="393">
        <v>13855554</v>
      </c>
      <c r="AX9" s="394">
        <v>0</v>
      </c>
      <c r="AY9" s="395">
        <v>30483002</v>
      </c>
      <c r="AZ9" s="395">
        <v>45552917</v>
      </c>
      <c r="BA9" s="395">
        <v>27343835</v>
      </c>
      <c r="BB9" s="395">
        <v>25817611</v>
      </c>
      <c r="BC9" s="395">
        <v>23045539</v>
      </c>
      <c r="BD9" s="393">
        <v>152242904</v>
      </c>
      <c r="BE9" s="397">
        <v>166098458</v>
      </c>
      <c r="BF9" s="396">
        <v>464092</v>
      </c>
      <c r="BG9" s="391">
        <v>1578473</v>
      </c>
      <c r="BH9" s="398">
        <v>2042565</v>
      </c>
      <c r="BI9" s="394">
        <v>0</v>
      </c>
      <c r="BJ9" s="395">
        <v>3152561</v>
      </c>
      <c r="BK9" s="395">
        <v>4330013</v>
      </c>
      <c r="BL9" s="395">
        <v>3361008</v>
      </c>
      <c r="BM9" s="395">
        <v>3242946</v>
      </c>
      <c r="BN9" s="395">
        <v>1431059</v>
      </c>
      <c r="BO9" s="393">
        <v>15517587</v>
      </c>
      <c r="BP9" s="392">
        <v>17560152</v>
      </c>
      <c r="BQ9" s="396">
        <v>3045456</v>
      </c>
      <c r="BR9" s="395">
        <v>2897125</v>
      </c>
      <c r="BS9" s="393">
        <v>5942581</v>
      </c>
      <c r="BT9" s="394">
        <v>0</v>
      </c>
      <c r="BU9" s="395">
        <v>14367400</v>
      </c>
      <c r="BV9" s="395">
        <v>17015487</v>
      </c>
      <c r="BW9" s="395">
        <v>15817777</v>
      </c>
      <c r="BX9" s="395">
        <v>17143356</v>
      </c>
      <c r="BY9" s="395">
        <v>12164611</v>
      </c>
      <c r="BZ9" s="393">
        <v>76508631</v>
      </c>
      <c r="CA9" s="392">
        <v>82451212</v>
      </c>
      <c r="CB9" s="396">
        <v>2037241</v>
      </c>
      <c r="CC9" s="395">
        <v>5769594</v>
      </c>
      <c r="CD9" s="393">
        <v>7806835</v>
      </c>
      <c r="CE9" s="394">
        <v>0</v>
      </c>
      <c r="CF9" s="395">
        <v>66979725</v>
      </c>
      <c r="CG9" s="395">
        <v>80757732</v>
      </c>
      <c r="CH9" s="399">
        <v>58453130</v>
      </c>
      <c r="CI9" s="395">
        <v>41362642</v>
      </c>
      <c r="CJ9" s="395">
        <v>18637342</v>
      </c>
      <c r="CK9" s="393">
        <v>266190571</v>
      </c>
      <c r="CL9" s="392">
        <v>273997406</v>
      </c>
      <c r="CM9" s="387">
        <v>0</v>
      </c>
      <c r="CN9" s="388">
        <v>22916</v>
      </c>
      <c r="CO9" s="393">
        <v>22916</v>
      </c>
      <c r="CP9" s="394">
        <v>0</v>
      </c>
      <c r="CQ9" s="395">
        <v>53777065</v>
      </c>
      <c r="CR9" s="395">
        <v>57812783</v>
      </c>
      <c r="CS9" s="395">
        <v>40268123</v>
      </c>
      <c r="CT9" s="395">
        <v>27600532</v>
      </c>
      <c r="CU9" s="395">
        <v>12625792</v>
      </c>
      <c r="CV9" s="400">
        <v>192084295</v>
      </c>
      <c r="CW9" s="392">
        <v>192107211</v>
      </c>
      <c r="CX9" s="396">
        <v>2037241</v>
      </c>
      <c r="CY9" s="395">
        <v>5746678</v>
      </c>
      <c r="CZ9" s="393">
        <v>7783919</v>
      </c>
      <c r="DA9" s="394">
        <v>0</v>
      </c>
      <c r="DB9" s="395">
        <v>13202660</v>
      </c>
      <c r="DC9" s="395">
        <v>22944949</v>
      </c>
      <c r="DD9" s="395">
        <v>18185007</v>
      </c>
      <c r="DE9" s="395">
        <v>13762110</v>
      </c>
      <c r="DF9" s="395">
        <v>6011550</v>
      </c>
      <c r="DG9" s="393">
        <v>74106276</v>
      </c>
      <c r="DH9" s="392">
        <v>81890195</v>
      </c>
      <c r="DI9" s="396">
        <v>108854</v>
      </c>
      <c r="DJ9" s="395">
        <v>535712</v>
      </c>
      <c r="DK9" s="398">
        <v>644566</v>
      </c>
      <c r="DL9" s="394">
        <v>0</v>
      </c>
      <c r="DM9" s="395">
        <v>8428516</v>
      </c>
      <c r="DN9" s="395">
        <v>14518884</v>
      </c>
      <c r="DO9" s="395">
        <v>22548981</v>
      </c>
      <c r="DP9" s="395">
        <v>24013806</v>
      </c>
      <c r="DQ9" s="395">
        <v>10719674</v>
      </c>
      <c r="DR9" s="401">
        <v>80229861</v>
      </c>
      <c r="DS9" s="392">
        <v>80874427</v>
      </c>
      <c r="DT9" s="396">
        <v>68717</v>
      </c>
      <c r="DU9" s="395">
        <v>467749</v>
      </c>
      <c r="DV9" s="393">
        <v>536466</v>
      </c>
      <c r="DW9" s="394">
        <v>0</v>
      </c>
      <c r="DX9" s="395">
        <v>7372312</v>
      </c>
      <c r="DY9" s="395">
        <v>12079414</v>
      </c>
      <c r="DZ9" s="395">
        <v>18901515</v>
      </c>
      <c r="EA9" s="395">
        <v>20450584</v>
      </c>
      <c r="EB9" s="395">
        <v>9216738</v>
      </c>
      <c r="EC9" s="393">
        <v>68020563</v>
      </c>
      <c r="ED9" s="392">
        <v>68557029</v>
      </c>
      <c r="EE9" s="396">
        <v>40137</v>
      </c>
      <c r="EF9" s="391">
        <v>67963</v>
      </c>
      <c r="EG9" s="393">
        <v>108100</v>
      </c>
      <c r="EH9" s="397">
        <v>0</v>
      </c>
      <c r="EI9" s="395">
        <v>1056204</v>
      </c>
      <c r="EJ9" s="395">
        <v>2439470</v>
      </c>
      <c r="EK9" s="395">
        <v>3647466</v>
      </c>
      <c r="EL9" s="395">
        <v>3563222</v>
      </c>
      <c r="EM9" s="399">
        <v>1502936</v>
      </c>
      <c r="EN9" s="391">
        <v>12209298</v>
      </c>
      <c r="EO9" s="392">
        <v>12317398</v>
      </c>
      <c r="EP9" s="396">
        <v>0</v>
      </c>
      <c r="EQ9" s="395">
        <v>0</v>
      </c>
      <c r="ER9" s="391">
        <v>0</v>
      </c>
      <c r="ES9" s="394">
        <v>0</v>
      </c>
      <c r="ET9" s="395">
        <v>0</v>
      </c>
      <c r="EU9" s="395">
        <v>0</v>
      </c>
      <c r="EV9" s="395">
        <v>0</v>
      </c>
      <c r="EW9" s="395">
        <v>0</v>
      </c>
      <c r="EX9" s="395">
        <v>0</v>
      </c>
      <c r="EY9" s="400">
        <v>0</v>
      </c>
      <c r="EZ9" s="392">
        <v>0</v>
      </c>
      <c r="FA9" s="396">
        <v>0</v>
      </c>
      <c r="FB9" s="395">
        <v>0</v>
      </c>
      <c r="FC9" s="391">
        <v>0</v>
      </c>
      <c r="FD9" s="402"/>
      <c r="FE9" s="395">
        <v>0</v>
      </c>
      <c r="FF9" s="395">
        <v>0</v>
      </c>
      <c r="FG9" s="395">
        <v>0</v>
      </c>
      <c r="FH9" s="395">
        <v>0</v>
      </c>
      <c r="FI9" s="395">
        <v>0</v>
      </c>
      <c r="FJ9" s="400">
        <v>0</v>
      </c>
      <c r="FK9" s="392">
        <v>0</v>
      </c>
      <c r="FL9" s="396">
        <v>4715199</v>
      </c>
      <c r="FM9" s="395">
        <v>7764432</v>
      </c>
      <c r="FN9" s="393">
        <v>12479631</v>
      </c>
      <c r="FO9" s="394">
        <v>0</v>
      </c>
      <c r="FP9" s="395">
        <v>12517113</v>
      </c>
      <c r="FQ9" s="395">
        <v>30842633</v>
      </c>
      <c r="FR9" s="395">
        <v>23086514</v>
      </c>
      <c r="FS9" s="395">
        <v>20380515</v>
      </c>
      <c r="FT9" s="395">
        <v>15686185</v>
      </c>
      <c r="FU9" s="393">
        <v>102512960</v>
      </c>
      <c r="FV9" s="392">
        <v>114992591</v>
      </c>
      <c r="FW9" s="396">
        <v>2280743</v>
      </c>
      <c r="FX9" s="395">
        <v>5392113</v>
      </c>
      <c r="FY9" s="391">
        <v>7672856</v>
      </c>
      <c r="FZ9" s="397">
        <v>0</v>
      </c>
      <c r="GA9" s="395">
        <v>8960504</v>
      </c>
      <c r="GB9" s="403">
        <v>27334565</v>
      </c>
      <c r="GC9" s="395">
        <v>21520620</v>
      </c>
      <c r="GD9" s="403">
        <v>18604732</v>
      </c>
      <c r="GE9" s="395">
        <v>14760189</v>
      </c>
      <c r="GF9" s="400">
        <v>91180610</v>
      </c>
      <c r="GG9" s="404">
        <v>98853466</v>
      </c>
      <c r="GH9" s="405">
        <v>403378</v>
      </c>
      <c r="GI9" s="395">
        <v>298861</v>
      </c>
      <c r="GJ9" s="403">
        <v>702239</v>
      </c>
      <c r="GK9" s="390">
        <v>0</v>
      </c>
      <c r="GL9" s="395">
        <v>719563</v>
      </c>
      <c r="GM9" s="391">
        <v>783087</v>
      </c>
      <c r="GN9" s="395">
        <v>596812</v>
      </c>
      <c r="GO9" s="391">
        <v>580946</v>
      </c>
      <c r="GP9" s="395">
        <v>189841</v>
      </c>
      <c r="GQ9" s="401">
        <v>2870249</v>
      </c>
      <c r="GR9" s="392">
        <v>3572488</v>
      </c>
      <c r="GS9" s="391">
        <v>2031078</v>
      </c>
      <c r="GT9" s="395">
        <v>2073458</v>
      </c>
      <c r="GU9" s="393">
        <v>4104536</v>
      </c>
      <c r="GV9" s="391">
        <v>0</v>
      </c>
      <c r="GW9" s="395">
        <v>2837046</v>
      </c>
      <c r="GX9" s="391">
        <v>2724981</v>
      </c>
      <c r="GY9" s="395">
        <v>969082</v>
      </c>
      <c r="GZ9" s="391">
        <v>1194837</v>
      </c>
      <c r="HA9" s="395">
        <v>736155</v>
      </c>
      <c r="HB9" s="391">
        <v>8462101</v>
      </c>
      <c r="HC9" s="392">
        <v>12566637</v>
      </c>
      <c r="HD9" s="391">
        <v>10847710</v>
      </c>
      <c r="HE9" s="395">
        <v>12490911</v>
      </c>
      <c r="HF9" s="391">
        <v>23338621</v>
      </c>
      <c r="HG9" s="397">
        <v>0</v>
      </c>
      <c r="HH9" s="395">
        <v>90037002</v>
      </c>
      <c r="HI9" s="403">
        <v>99229673</v>
      </c>
      <c r="HJ9" s="395">
        <v>94507508</v>
      </c>
      <c r="HK9" s="403">
        <v>125196430</v>
      </c>
      <c r="HL9" s="395">
        <v>76197711</v>
      </c>
      <c r="HM9" s="400">
        <v>485168324</v>
      </c>
      <c r="HN9" s="391">
        <v>508506945</v>
      </c>
      <c r="HO9" s="468"/>
      <c r="HP9" s="469"/>
      <c r="HQ9" s="470"/>
      <c r="HR9" s="471"/>
      <c r="HS9" s="469"/>
      <c r="HT9" s="471"/>
      <c r="HU9" s="469"/>
      <c r="HV9" s="471"/>
      <c r="HW9" s="469"/>
      <c r="HX9" s="471"/>
      <c r="HY9" s="472"/>
      <c r="HZ9" s="406">
        <v>473951</v>
      </c>
      <c r="IA9" s="407">
        <v>932367</v>
      </c>
      <c r="IB9" s="408">
        <v>1406318</v>
      </c>
      <c r="IC9" s="409">
        <v>0</v>
      </c>
      <c r="ID9" s="407">
        <v>53969906</v>
      </c>
      <c r="IE9" s="410">
        <v>69588474</v>
      </c>
      <c r="IF9" s="411">
        <v>83062074</v>
      </c>
      <c r="IG9" s="407">
        <v>62814127</v>
      </c>
      <c r="IH9" s="411">
        <v>45163278</v>
      </c>
      <c r="II9" s="412">
        <v>314597859</v>
      </c>
      <c r="IJ9" s="413">
        <v>316004177</v>
      </c>
      <c r="IK9" s="414">
        <v>0</v>
      </c>
      <c r="IL9" s="415">
        <v>0</v>
      </c>
      <c r="IM9" s="416">
        <v>0</v>
      </c>
      <c r="IN9" s="417"/>
      <c r="IO9" s="418">
        <v>1787862</v>
      </c>
      <c r="IP9" s="418">
        <v>3838763</v>
      </c>
      <c r="IQ9" s="418">
        <v>3723087</v>
      </c>
      <c r="IR9" s="418">
        <v>5383587</v>
      </c>
      <c r="IS9" s="418">
        <v>4851527</v>
      </c>
      <c r="IT9" s="419">
        <v>19584826</v>
      </c>
      <c r="IU9" s="420">
        <v>19584826</v>
      </c>
      <c r="IV9" s="421">
        <v>0</v>
      </c>
      <c r="IW9" s="418">
        <v>0</v>
      </c>
      <c r="IX9" s="422">
        <v>0</v>
      </c>
      <c r="IY9" s="423"/>
      <c r="IZ9" s="418">
        <v>186825</v>
      </c>
      <c r="JA9" s="418">
        <v>589743</v>
      </c>
      <c r="JB9" s="418">
        <v>1221372</v>
      </c>
      <c r="JC9" s="418">
        <v>914623</v>
      </c>
      <c r="JD9" s="418">
        <v>977297</v>
      </c>
      <c r="JE9" s="422">
        <v>3889860</v>
      </c>
      <c r="JF9" s="424">
        <v>3889860</v>
      </c>
      <c r="JG9" s="421">
        <v>0</v>
      </c>
      <c r="JH9" s="418">
        <v>0</v>
      </c>
      <c r="JI9" s="419">
        <v>0</v>
      </c>
      <c r="JJ9" s="425">
        <v>0</v>
      </c>
      <c r="JK9" s="418">
        <v>24904683</v>
      </c>
      <c r="JL9" s="418">
        <v>25397873</v>
      </c>
      <c r="JM9" s="418">
        <v>19947429</v>
      </c>
      <c r="JN9" s="418">
        <v>11724800</v>
      </c>
      <c r="JO9" s="418">
        <v>3402606</v>
      </c>
      <c r="JP9" s="422">
        <v>85377391</v>
      </c>
      <c r="JQ9" s="420">
        <v>85377391</v>
      </c>
      <c r="JR9" s="421">
        <v>68261</v>
      </c>
      <c r="JS9" s="418">
        <v>0</v>
      </c>
      <c r="JT9" s="419">
        <v>68261</v>
      </c>
      <c r="JU9" s="425">
        <v>0</v>
      </c>
      <c r="JV9" s="418">
        <v>3410563</v>
      </c>
      <c r="JW9" s="418">
        <v>6250423</v>
      </c>
      <c r="JX9" s="418">
        <v>7015854</v>
      </c>
      <c r="JY9" s="418">
        <v>3516271</v>
      </c>
      <c r="JZ9" s="418">
        <v>3105138</v>
      </c>
      <c r="KA9" s="422">
        <v>23298249</v>
      </c>
      <c r="KB9" s="420">
        <v>23366510</v>
      </c>
      <c r="KC9" s="426">
        <v>405690</v>
      </c>
      <c r="KD9" s="427">
        <v>932367</v>
      </c>
      <c r="KE9" s="422">
        <v>1338057</v>
      </c>
      <c r="KF9" s="425">
        <v>0</v>
      </c>
      <c r="KG9" s="418">
        <v>8015459</v>
      </c>
      <c r="KH9" s="418">
        <v>6164193</v>
      </c>
      <c r="KI9" s="418">
        <v>12278287</v>
      </c>
      <c r="KJ9" s="418">
        <v>10280184</v>
      </c>
      <c r="KK9" s="418">
        <v>4264038</v>
      </c>
      <c r="KL9" s="422">
        <v>41002161</v>
      </c>
      <c r="KM9" s="428">
        <v>42340218</v>
      </c>
      <c r="KN9" s="414">
        <v>0</v>
      </c>
      <c r="KO9" s="415">
        <v>0</v>
      </c>
      <c r="KP9" s="416">
        <v>0</v>
      </c>
      <c r="KQ9" s="417"/>
      <c r="KR9" s="418">
        <v>13875510</v>
      </c>
      <c r="KS9" s="418">
        <v>23395827</v>
      </c>
      <c r="KT9" s="418">
        <v>30262597</v>
      </c>
      <c r="KU9" s="418">
        <v>22357379</v>
      </c>
      <c r="KV9" s="418">
        <v>16170375</v>
      </c>
      <c r="KW9" s="422">
        <v>106061688</v>
      </c>
      <c r="KX9" s="420">
        <v>106061688</v>
      </c>
      <c r="KY9" s="421">
        <v>0</v>
      </c>
      <c r="KZ9" s="418">
        <v>0</v>
      </c>
      <c r="LA9" s="422">
        <v>0</v>
      </c>
      <c r="LB9" s="429"/>
      <c r="LC9" s="418">
        <v>219486</v>
      </c>
      <c r="LD9" s="418">
        <v>957081</v>
      </c>
      <c r="LE9" s="418">
        <v>886565</v>
      </c>
      <c r="LF9" s="418">
        <v>967356</v>
      </c>
      <c r="LG9" s="418">
        <v>878207</v>
      </c>
      <c r="LH9" s="422">
        <v>3908695</v>
      </c>
      <c r="LI9" s="424">
        <v>3908695</v>
      </c>
      <c r="LJ9" s="421">
        <v>0</v>
      </c>
      <c r="LK9" s="418">
        <v>0</v>
      </c>
      <c r="LL9" s="422">
        <v>0</v>
      </c>
      <c r="LM9" s="429"/>
      <c r="LN9" s="418">
        <v>195651</v>
      </c>
      <c r="LO9" s="418">
        <v>560787</v>
      </c>
      <c r="LP9" s="418">
        <v>2734952</v>
      </c>
      <c r="LQ9" s="418">
        <v>3590665</v>
      </c>
      <c r="LR9" s="418">
        <v>1839435</v>
      </c>
      <c r="LS9" s="422">
        <v>8921490</v>
      </c>
      <c r="LT9" s="420">
        <v>8921490</v>
      </c>
      <c r="LU9" s="421">
        <v>0</v>
      </c>
      <c r="LV9" s="418">
        <v>0</v>
      </c>
      <c r="LW9" s="422">
        <v>0</v>
      </c>
      <c r="LX9" s="429"/>
      <c r="LY9" s="418">
        <v>1373867</v>
      </c>
      <c r="LZ9" s="418">
        <v>2433784</v>
      </c>
      <c r="MA9" s="418">
        <v>4991931</v>
      </c>
      <c r="MB9" s="418">
        <v>4079262</v>
      </c>
      <c r="MC9" s="418">
        <v>9674655</v>
      </c>
      <c r="MD9" s="422">
        <v>22553499</v>
      </c>
      <c r="ME9" s="424">
        <v>22553499</v>
      </c>
      <c r="MF9" s="421">
        <v>0</v>
      </c>
      <c r="MG9" s="418">
        <v>0</v>
      </c>
      <c r="MH9" s="422">
        <v>0</v>
      </c>
      <c r="MI9" s="429"/>
      <c r="MJ9" s="418">
        <v>10816795</v>
      </c>
      <c r="MK9" s="418">
        <v>34682004</v>
      </c>
      <c r="ML9" s="418">
        <v>99296360</v>
      </c>
      <c r="MM9" s="418">
        <v>166548904</v>
      </c>
      <c r="MN9" s="418">
        <v>112546081</v>
      </c>
      <c r="MO9" s="422">
        <v>423890144</v>
      </c>
      <c r="MP9" s="428">
        <v>423890144</v>
      </c>
      <c r="MQ9" s="421">
        <v>0</v>
      </c>
      <c r="MR9" s="418">
        <v>0</v>
      </c>
      <c r="MS9" s="422">
        <v>0</v>
      </c>
      <c r="MT9" s="429"/>
      <c r="MU9" s="418">
        <v>464323</v>
      </c>
      <c r="MV9" s="418">
        <v>5214744</v>
      </c>
      <c r="MW9" s="418">
        <v>51344146</v>
      </c>
      <c r="MX9" s="418">
        <v>90694817</v>
      </c>
      <c r="MY9" s="418">
        <v>70439915</v>
      </c>
      <c r="MZ9" s="422">
        <v>218157945</v>
      </c>
      <c r="NA9" s="428">
        <v>218157945</v>
      </c>
      <c r="NB9" s="421">
        <v>0</v>
      </c>
      <c r="NC9" s="418">
        <v>0</v>
      </c>
      <c r="ND9" s="422">
        <v>0</v>
      </c>
      <c r="NE9" s="429"/>
      <c r="NF9" s="418">
        <v>10352472</v>
      </c>
      <c r="NG9" s="418">
        <v>29242032</v>
      </c>
      <c r="NH9" s="418">
        <v>47626082</v>
      </c>
      <c r="NI9" s="418">
        <v>69148744</v>
      </c>
      <c r="NJ9" s="418">
        <v>32573910</v>
      </c>
      <c r="NK9" s="422">
        <v>188943240</v>
      </c>
      <c r="NL9" s="420">
        <v>188943240</v>
      </c>
      <c r="NM9" s="421">
        <v>0</v>
      </c>
      <c r="NN9" s="418">
        <v>0</v>
      </c>
      <c r="NO9" s="422">
        <v>0</v>
      </c>
      <c r="NP9" s="429"/>
      <c r="NQ9" s="418">
        <v>0</v>
      </c>
      <c r="NR9" s="418">
        <v>0</v>
      </c>
      <c r="NS9" s="418">
        <v>0</v>
      </c>
      <c r="NT9" s="418">
        <v>3086423</v>
      </c>
      <c r="NU9" s="418">
        <v>4868594</v>
      </c>
      <c r="NV9" s="422">
        <v>7955017</v>
      </c>
      <c r="NW9" s="424">
        <v>7955017</v>
      </c>
      <c r="NX9" s="421">
        <v>0</v>
      </c>
      <c r="NY9" s="418">
        <v>0</v>
      </c>
      <c r="NZ9" s="422">
        <v>0</v>
      </c>
      <c r="OA9" s="429"/>
      <c r="OB9" s="418">
        <v>0</v>
      </c>
      <c r="OC9" s="418">
        <v>225228</v>
      </c>
      <c r="OD9" s="418">
        <v>326132</v>
      </c>
      <c r="OE9" s="418">
        <v>3618920</v>
      </c>
      <c r="OF9" s="418">
        <v>4663662</v>
      </c>
      <c r="OG9" s="422">
        <v>8833942</v>
      </c>
      <c r="OH9" s="424">
        <v>8833942</v>
      </c>
      <c r="OI9" s="421">
        <v>25734091</v>
      </c>
      <c r="OJ9" s="418">
        <v>41892526</v>
      </c>
      <c r="OK9" s="419">
        <v>67626617</v>
      </c>
      <c r="OL9" s="425">
        <v>0</v>
      </c>
      <c r="OM9" s="418">
        <v>323684083</v>
      </c>
      <c r="ON9" s="418">
        <v>446240390</v>
      </c>
      <c r="OO9" s="418">
        <v>478442117</v>
      </c>
      <c r="OP9" s="418">
        <v>548427526</v>
      </c>
      <c r="OQ9" s="418">
        <v>388248452</v>
      </c>
      <c r="OR9" s="422">
        <v>2185042568</v>
      </c>
      <c r="OS9" s="428">
        <v>2252669185</v>
      </c>
    </row>
    <row r="10" spans="1:409" s="473" customFormat="1" ht="21" customHeight="1" x14ac:dyDescent="0.2">
      <c r="A10" s="44"/>
      <c r="B10" s="474" t="s">
        <v>5</v>
      </c>
      <c r="C10" s="432">
        <v>11416497</v>
      </c>
      <c r="D10" s="433">
        <v>21634942</v>
      </c>
      <c r="E10" s="434">
        <v>33051439</v>
      </c>
      <c r="F10" s="435">
        <v>0</v>
      </c>
      <c r="G10" s="433">
        <v>98385189</v>
      </c>
      <c r="H10" s="433">
        <v>172787939</v>
      </c>
      <c r="I10" s="433">
        <v>131958998</v>
      </c>
      <c r="J10" s="433">
        <v>137725203</v>
      </c>
      <c r="K10" s="433">
        <v>95725620</v>
      </c>
      <c r="L10" s="435">
        <v>636582949</v>
      </c>
      <c r="M10" s="436">
        <v>669634388</v>
      </c>
      <c r="N10" s="432">
        <v>3576715</v>
      </c>
      <c r="O10" s="433">
        <v>8028042</v>
      </c>
      <c r="P10" s="434">
        <v>11604757</v>
      </c>
      <c r="Q10" s="432">
        <v>0</v>
      </c>
      <c r="R10" s="433">
        <v>31335763</v>
      </c>
      <c r="S10" s="433">
        <v>62788197</v>
      </c>
      <c r="T10" s="433">
        <v>41350894</v>
      </c>
      <c r="U10" s="433">
        <v>46421436</v>
      </c>
      <c r="V10" s="433">
        <v>44934232</v>
      </c>
      <c r="W10" s="434">
        <v>226830522</v>
      </c>
      <c r="X10" s="436">
        <v>238435279</v>
      </c>
      <c r="Y10" s="432">
        <v>0</v>
      </c>
      <c r="Z10" s="433">
        <v>13038</v>
      </c>
      <c r="AA10" s="434">
        <v>13038</v>
      </c>
      <c r="AB10" s="432">
        <v>0</v>
      </c>
      <c r="AC10" s="433">
        <v>12381224</v>
      </c>
      <c r="AD10" s="433">
        <v>24962823</v>
      </c>
      <c r="AE10" s="433">
        <v>17768412</v>
      </c>
      <c r="AF10" s="433">
        <v>22786908</v>
      </c>
      <c r="AG10" s="433">
        <v>22970305</v>
      </c>
      <c r="AH10" s="434">
        <v>100869672</v>
      </c>
      <c r="AI10" s="436">
        <v>100882710</v>
      </c>
      <c r="AJ10" s="432">
        <v>60962</v>
      </c>
      <c r="AK10" s="433">
        <v>35946</v>
      </c>
      <c r="AL10" s="434">
        <v>96908</v>
      </c>
      <c r="AM10" s="432">
        <v>0</v>
      </c>
      <c r="AN10" s="433">
        <v>129155</v>
      </c>
      <c r="AO10" s="433">
        <v>820173</v>
      </c>
      <c r="AP10" s="433">
        <v>1472479</v>
      </c>
      <c r="AQ10" s="433">
        <v>2553026</v>
      </c>
      <c r="AR10" s="433">
        <v>6014416</v>
      </c>
      <c r="AS10" s="434">
        <v>10989249</v>
      </c>
      <c r="AT10" s="436">
        <v>11086157</v>
      </c>
      <c r="AU10" s="432">
        <v>2028638</v>
      </c>
      <c r="AV10" s="433">
        <v>5136384</v>
      </c>
      <c r="AW10" s="434">
        <v>7165022</v>
      </c>
      <c r="AX10" s="432">
        <v>0</v>
      </c>
      <c r="AY10" s="433">
        <v>12089319</v>
      </c>
      <c r="AZ10" s="433">
        <v>26341844</v>
      </c>
      <c r="BA10" s="433">
        <v>13405202</v>
      </c>
      <c r="BB10" s="433">
        <v>11751498</v>
      </c>
      <c r="BC10" s="433">
        <v>10292851</v>
      </c>
      <c r="BD10" s="434">
        <v>73880714</v>
      </c>
      <c r="BE10" s="436">
        <v>81045736</v>
      </c>
      <c r="BF10" s="432">
        <v>174141</v>
      </c>
      <c r="BG10" s="433">
        <v>1194349</v>
      </c>
      <c r="BH10" s="437">
        <v>1368490</v>
      </c>
      <c r="BI10" s="438">
        <v>0</v>
      </c>
      <c r="BJ10" s="433">
        <v>767004</v>
      </c>
      <c r="BK10" s="433">
        <v>2081511</v>
      </c>
      <c r="BL10" s="433">
        <v>1421753</v>
      </c>
      <c r="BM10" s="433">
        <v>1501477</v>
      </c>
      <c r="BN10" s="433">
        <v>625123</v>
      </c>
      <c r="BO10" s="434">
        <v>6396868</v>
      </c>
      <c r="BP10" s="436">
        <v>7765358</v>
      </c>
      <c r="BQ10" s="432">
        <v>1312974</v>
      </c>
      <c r="BR10" s="433">
        <v>1648325</v>
      </c>
      <c r="BS10" s="434">
        <v>2961299</v>
      </c>
      <c r="BT10" s="432">
        <v>0</v>
      </c>
      <c r="BU10" s="433">
        <v>5969061</v>
      </c>
      <c r="BV10" s="433">
        <v>8581846</v>
      </c>
      <c r="BW10" s="433">
        <v>7283048</v>
      </c>
      <c r="BX10" s="433">
        <v>7828527</v>
      </c>
      <c r="BY10" s="433">
        <v>5031537</v>
      </c>
      <c r="BZ10" s="434">
        <v>34694019</v>
      </c>
      <c r="CA10" s="436">
        <v>37655318</v>
      </c>
      <c r="CB10" s="432">
        <v>1006503</v>
      </c>
      <c r="CC10" s="433">
        <v>2904140</v>
      </c>
      <c r="CD10" s="434">
        <v>3910643</v>
      </c>
      <c r="CE10" s="432">
        <v>0</v>
      </c>
      <c r="CF10" s="433">
        <v>22289128</v>
      </c>
      <c r="CG10" s="433">
        <v>36449960</v>
      </c>
      <c r="CH10" s="433">
        <v>25131216</v>
      </c>
      <c r="CI10" s="433">
        <v>17001758</v>
      </c>
      <c r="CJ10" s="433">
        <v>7310446</v>
      </c>
      <c r="CK10" s="434">
        <v>108182508</v>
      </c>
      <c r="CL10" s="436">
        <v>112093151</v>
      </c>
      <c r="CM10" s="432">
        <v>0</v>
      </c>
      <c r="CN10" s="433">
        <v>22916</v>
      </c>
      <c r="CO10" s="434">
        <v>22916</v>
      </c>
      <c r="CP10" s="438">
        <v>0</v>
      </c>
      <c r="CQ10" s="433">
        <v>17936243</v>
      </c>
      <c r="CR10" s="433">
        <v>24776706</v>
      </c>
      <c r="CS10" s="433">
        <v>16021823</v>
      </c>
      <c r="CT10" s="433">
        <v>10709554</v>
      </c>
      <c r="CU10" s="433">
        <v>4086521</v>
      </c>
      <c r="CV10" s="434">
        <v>73530847</v>
      </c>
      <c r="CW10" s="436">
        <v>73553763</v>
      </c>
      <c r="CX10" s="432">
        <v>1006503</v>
      </c>
      <c r="CY10" s="433">
        <v>2881224</v>
      </c>
      <c r="CZ10" s="434">
        <v>3887727</v>
      </c>
      <c r="DA10" s="432">
        <v>0</v>
      </c>
      <c r="DB10" s="433">
        <v>4352885</v>
      </c>
      <c r="DC10" s="433">
        <v>11673254</v>
      </c>
      <c r="DD10" s="433">
        <v>9109393</v>
      </c>
      <c r="DE10" s="433">
        <v>6292204</v>
      </c>
      <c r="DF10" s="433">
        <v>3223925</v>
      </c>
      <c r="DG10" s="434">
        <v>34651661</v>
      </c>
      <c r="DH10" s="436">
        <v>38539388</v>
      </c>
      <c r="DI10" s="432">
        <v>44606</v>
      </c>
      <c r="DJ10" s="433">
        <v>324667</v>
      </c>
      <c r="DK10" s="437">
        <v>369273</v>
      </c>
      <c r="DL10" s="438">
        <v>0</v>
      </c>
      <c r="DM10" s="433">
        <v>3871931</v>
      </c>
      <c r="DN10" s="433">
        <v>7174961</v>
      </c>
      <c r="DO10" s="433">
        <v>8993057</v>
      </c>
      <c r="DP10" s="433">
        <v>9940978</v>
      </c>
      <c r="DQ10" s="433">
        <v>4216146</v>
      </c>
      <c r="DR10" s="434">
        <v>34197073</v>
      </c>
      <c r="DS10" s="436">
        <v>34566346</v>
      </c>
      <c r="DT10" s="432">
        <v>44606</v>
      </c>
      <c r="DU10" s="433">
        <v>256704</v>
      </c>
      <c r="DV10" s="434">
        <v>301310</v>
      </c>
      <c r="DW10" s="432">
        <v>0</v>
      </c>
      <c r="DX10" s="433">
        <v>3360556</v>
      </c>
      <c r="DY10" s="433">
        <v>5640311</v>
      </c>
      <c r="DZ10" s="433">
        <v>6611838</v>
      </c>
      <c r="EA10" s="433">
        <v>7878609</v>
      </c>
      <c r="EB10" s="433">
        <v>3252886</v>
      </c>
      <c r="EC10" s="434">
        <v>26744200</v>
      </c>
      <c r="ED10" s="436">
        <v>27045510</v>
      </c>
      <c r="EE10" s="432">
        <v>0</v>
      </c>
      <c r="EF10" s="437">
        <v>67963</v>
      </c>
      <c r="EG10" s="434">
        <v>67963</v>
      </c>
      <c r="EH10" s="432">
        <v>0</v>
      </c>
      <c r="EI10" s="433">
        <v>511375</v>
      </c>
      <c r="EJ10" s="433">
        <v>1534650</v>
      </c>
      <c r="EK10" s="433">
        <v>2381219</v>
      </c>
      <c r="EL10" s="433">
        <v>2062369</v>
      </c>
      <c r="EM10" s="433">
        <v>963260</v>
      </c>
      <c r="EN10" s="437">
        <v>7452873</v>
      </c>
      <c r="EO10" s="436">
        <v>7520836</v>
      </c>
      <c r="EP10" s="432">
        <v>0</v>
      </c>
      <c r="EQ10" s="433">
        <v>0</v>
      </c>
      <c r="ER10" s="437">
        <v>0</v>
      </c>
      <c r="ES10" s="438">
        <v>0</v>
      </c>
      <c r="ET10" s="433">
        <v>0</v>
      </c>
      <c r="EU10" s="433">
        <v>0</v>
      </c>
      <c r="EV10" s="433">
        <v>0</v>
      </c>
      <c r="EW10" s="433">
        <v>0</v>
      </c>
      <c r="EX10" s="433">
        <v>0</v>
      </c>
      <c r="EY10" s="434">
        <v>0</v>
      </c>
      <c r="EZ10" s="436">
        <v>0</v>
      </c>
      <c r="FA10" s="432">
        <v>0</v>
      </c>
      <c r="FB10" s="433">
        <v>0</v>
      </c>
      <c r="FC10" s="437">
        <v>0</v>
      </c>
      <c r="FD10" s="439"/>
      <c r="FE10" s="433">
        <v>0</v>
      </c>
      <c r="FF10" s="433">
        <v>0</v>
      </c>
      <c r="FG10" s="433">
        <v>0</v>
      </c>
      <c r="FH10" s="433">
        <v>0</v>
      </c>
      <c r="FI10" s="433">
        <v>0</v>
      </c>
      <c r="FJ10" s="434">
        <v>0</v>
      </c>
      <c r="FK10" s="436">
        <v>0</v>
      </c>
      <c r="FL10" s="432">
        <v>2073828</v>
      </c>
      <c r="FM10" s="433">
        <v>4060301</v>
      </c>
      <c r="FN10" s="434">
        <v>6134129</v>
      </c>
      <c r="FO10" s="432">
        <v>0</v>
      </c>
      <c r="FP10" s="433">
        <v>3896781</v>
      </c>
      <c r="FQ10" s="433">
        <v>14847632</v>
      </c>
      <c r="FR10" s="433">
        <v>9642126</v>
      </c>
      <c r="FS10" s="433">
        <v>8381064</v>
      </c>
      <c r="FT10" s="433">
        <v>6515675</v>
      </c>
      <c r="FU10" s="434">
        <v>43283278</v>
      </c>
      <c r="FV10" s="436">
        <v>49417407</v>
      </c>
      <c r="FW10" s="440">
        <v>817180</v>
      </c>
      <c r="FX10" s="433">
        <v>2286219</v>
      </c>
      <c r="FY10" s="437">
        <v>3103399</v>
      </c>
      <c r="FZ10" s="438">
        <v>0</v>
      </c>
      <c r="GA10" s="433">
        <v>2606457</v>
      </c>
      <c r="GB10" s="433">
        <v>13119800</v>
      </c>
      <c r="GC10" s="433">
        <v>9159612</v>
      </c>
      <c r="GD10" s="433">
        <v>7487037</v>
      </c>
      <c r="GE10" s="433">
        <v>5907993</v>
      </c>
      <c r="GF10" s="434">
        <v>38280899</v>
      </c>
      <c r="GG10" s="441">
        <v>41384298</v>
      </c>
      <c r="GH10" s="440">
        <v>120254</v>
      </c>
      <c r="GI10" s="433">
        <v>160993</v>
      </c>
      <c r="GJ10" s="437">
        <v>281247</v>
      </c>
      <c r="GK10" s="438">
        <v>0</v>
      </c>
      <c r="GL10" s="433">
        <v>316694</v>
      </c>
      <c r="GM10" s="433">
        <v>368691</v>
      </c>
      <c r="GN10" s="433">
        <v>242694</v>
      </c>
      <c r="GO10" s="433">
        <v>303507</v>
      </c>
      <c r="GP10" s="433">
        <v>108127</v>
      </c>
      <c r="GQ10" s="434">
        <v>1339713</v>
      </c>
      <c r="GR10" s="436">
        <v>1620960</v>
      </c>
      <c r="GS10" s="432">
        <v>1136394</v>
      </c>
      <c r="GT10" s="433">
        <v>1613089</v>
      </c>
      <c r="GU10" s="434">
        <v>2749483</v>
      </c>
      <c r="GV10" s="432">
        <v>0</v>
      </c>
      <c r="GW10" s="433">
        <v>973630</v>
      </c>
      <c r="GX10" s="433">
        <v>1359141</v>
      </c>
      <c r="GY10" s="433">
        <v>239820</v>
      </c>
      <c r="GZ10" s="433">
        <v>590520</v>
      </c>
      <c r="HA10" s="433">
        <v>499555</v>
      </c>
      <c r="HB10" s="437">
        <v>3662666</v>
      </c>
      <c r="HC10" s="436">
        <v>6412149</v>
      </c>
      <c r="HD10" s="432">
        <v>4714845</v>
      </c>
      <c r="HE10" s="433">
        <v>6317792</v>
      </c>
      <c r="HF10" s="437">
        <v>11032637</v>
      </c>
      <c r="HG10" s="438">
        <v>0</v>
      </c>
      <c r="HH10" s="433">
        <v>36991586</v>
      </c>
      <c r="HI10" s="433">
        <v>51527189</v>
      </c>
      <c r="HJ10" s="433">
        <v>46841705</v>
      </c>
      <c r="HK10" s="433">
        <v>55979967</v>
      </c>
      <c r="HL10" s="433">
        <v>32749121</v>
      </c>
      <c r="HM10" s="434">
        <v>224089568</v>
      </c>
      <c r="HN10" s="435">
        <v>235122205</v>
      </c>
      <c r="HO10" s="475"/>
      <c r="HP10" s="476"/>
      <c r="HQ10" s="477"/>
      <c r="HR10" s="478"/>
      <c r="HS10" s="476"/>
      <c r="HT10" s="476"/>
      <c r="HU10" s="476"/>
      <c r="HV10" s="476"/>
      <c r="HW10" s="476"/>
      <c r="HX10" s="479"/>
      <c r="HY10" s="480"/>
      <c r="HZ10" s="442">
        <v>322218</v>
      </c>
      <c r="IA10" s="443">
        <v>336342</v>
      </c>
      <c r="IB10" s="444">
        <v>658560</v>
      </c>
      <c r="IC10" s="445">
        <v>0</v>
      </c>
      <c r="ID10" s="446">
        <v>21197403</v>
      </c>
      <c r="IE10" s="447">
        <v>32292863</v>
      </c>
      <c r="IF10" s="448">
        <v>34524427</v>
      </c>
      <c r="IG10" s="446">
        <v>26163276</v>
      </c>
      <c r="IH10" s="448">
        <v>17550334</v>
      </c>
      <c r="II10" s="449">
        <v>131728303</v>
      </c>
      <c r="IJ10" s="450">
        <v>132386863</v>
      </c>
      <c r="IK10" s="451">
        <v>0</v>
      </c>
      <c r="IL10" s="452">
        <v>0</v>
      </c>
      <c r="IM10" s="453">
        <v>0</v>
      </c>
      <c r="IN10" s="454"/>
      <c r="IO10" s="455">
        <v>443169</v>
      </c>
      <c r="IP10" s="455">
        <v>1825809</v>
      </c>
      <c r="IQ10" s="455">
        <v>2070319</v>
      </c>
      <c r="IR10" s="455">
        <v>2151213</v>
      </c>
      <c r="IS10" s="455">
        <v>2227651</v>
      </c>
      <c r="IT10" s="456">
        <v>8718161</v>
      </c>
      <c r="IU10" s="457">
        <v>8718161</v>
      </c>
      <c r="IV10" s="458">
        <v>0</v>
      </c>
      <c r="IW10" s="455">
        <v>0</v>
      </c>
      <c r="IX10" s="459">
        <v>0</v>
      </c>
      <c r="IY10" s="460"/>
      <c r="IZ10" s="455">
        <v>118258</v>
      </c>
      <c r="JA10" s="455">
        <v>467105</v>
      </c>
      <c r="JB10" s="455">
        <v>1120587</v>
      </c>
      <c r="JC10" s="455">
        <v>640788</v>
      </c>
      <c r="JD10" s="455">
        <v>806894</v>
      </c>
      <c r="JE10" s="459">
        <v>3153632</v>
      </c>
      <c r="JF10" s="461">
        <v>3153632</v>
      </c>
      <c r="JG10" s="458">
        <v>0</v>
      </c>
      <c r="JH10" s="455">
        <v>0</v>
      </c>
      <c r="JI10" s="456">
        <v>0</v>
      </c>
      <c r="JJ10" s="462">
        <v>0</v>
      </c>
      <c r="JK10" s="455">
        <v>9149206</v>
      </c>
      <c r="JL10" s="455">
        <v>13784136</v>
      </c>
      <c r="JM10" s="455">
        <v>7854320</v>
      </c>
      <c r="JN10" s="455">
        <v>6605467</v>
      </c>
      <c r="JO10" s="455">
        <v>1383586</v>
      </c>
      <c r="JP10" s="459">
        <v>38776715</v>
      </c>
      <c r="JQ10" s="457">
        <v>38776715</v>
      </c>
      <c r="JR10" s="458">
        <v>68261</v>
      </c>
      <c r="JS10" s="455">
        <v>0</v>
      </c>
      <c r="JT10" s="456">
        <v>68261</v>
      </c>
      <c r="JU10" s="462">
        <v>0</v>
      </c>
      <c r="JV10" s="455">
        <v>1837909</v>
      </c>
      <c r="JW10" s="455">
        <v>3352145</v>
      </c>
      <c r="JX10" s="455">
        <v>3853042</v>
      </c>
      <c r="JY10" s="455">
        <v>1934050</v>
      </c>
      <c r="JZ10" s="455">
        <v>1820506</v>
      </c>
      <c r="KA10" s="459">
        <v>12797652</v>
      </c>
      <c r="KB10" s="457">
        <v>12865913</v>
      </c>
      <c r="KC10" s="463">
        <v>253957</v>
      </c>
      <c r="KD10" s="464">
        <v>336342</v>
      </c>
      <c r="KE10" s="459">
        <v>590299</v>
      </c>
      <c r="KF10" s="462">
        <v>0</v>
      </c>
      <c r="KG10" s="455">
        <v>3352952</v>
      </c>
      <c r="KH10" s="455">
        <v>2813647</v>
      </c>
      <c r="KI10" s="455">
        <v>5435563</v>
      </c>
      <c r="KJ10" s="455">
        <v>4896016</v>
      </c>
      <c r="KK10" s="455">
        <v>1386883</v>
      </c>
      <c r="KL10" s="459">
        <v>17885061</v>
      </c>
      <c r="KM10" s="465">
        <v>18475360</v>
      </c>
      <c r="KN10" s="451">
        <v>0</v>
      </c>
      <c r="KO10" s="452">
        <v>0</v>
      </c>
      <c r="KP10" s="453">
        <v>0</v>
      </c>
      <c r="KQ10" s="454"/>
      <c r="KR10" s="455">
        <v>5857611</v>
      </c>
      <c r="KS10" s="455">
        <v>8788311</v>
      </c>
      <c r="KT10" s="455">
        <v>11991774</v>
      </c>
      <c r="KU10" s="455">
        <v>8450395</v>
      </c>
      <c r="KV10" s="455">
        <v>4794893</v>
      </c>
      <c r="KW10" s="459">
        <v>39882984</v>
      </c>
      <c r="KX10" s="457">
        <v>39882984</v>
      </c>
      <c r="KY10" s="458">
        <v>0</v>
      </c>
      <c r="KZ10" s="455">
        <v>0</v>
      </c>
      <c r="LA10" s="459">
        <v>0</v>
      </c>
      <c r="LB10" s="466"/>
      <c r="LC10" s="455">
        <v>0</v>
      </c>
      <c r="LD10" s="455">
        <v>0</v>
      </c>
      <c r="LE10" s="455">
        <v>0</v>
      </c>
      <c r="LF10" s="455">
        <v>0</v>
      </c>
      <c r="LG10" s="455">
        <v>0</v>
      </c>
      <c r="LH10" s="459">
        <v>0</v>
      </c>
      <c r="LI10" s="461">
        <v>0</v>
      </c>
      <c r="LJ10" s="458">
        <v>0</v>
      </c>
      <c r="LK10" s="455">
        <v>0</v>
      </c>
      <c r="LL10" s="459">
        <v>0</v>
      </c>
      <c r="LM10" s="466"/>
      <c r="LN10" s="455">
        <v>0</v>
      </c>
      <c r="LO10" s="455">
        <v>218771</v>
      </c>
      <c r="LP10" s="455">
        <v>0</v>
      </c>
      <c r="LQ10" s="455">
        <v>505933</v>
      </c>
      <c r="LR10" s="455">
        <v>0</v>
      </c>
      <c r="LS10" s="459">
        <v>724704</v>
      </c>
      <c r="LT10" s="457">
        <v>724704</v>
      </c>
      <c r="LU10" s="458">
        <v>0</v>
      </c>
      <c r="LV10" s="455">
        <v>0</v>
      </c>
      <c r="LW10" s="459">
        <v>0</v>
      </c>
      <c r="LX10" s="466"/>
      <c r="LY10" s="455">
        <v>438298</v>
      </c>
      <c r="LZ10" s="455">
        <v>1042939</v>
      </c>
      <c r="MA10" s="455">
        <v>2198822</v>
      </c>
      <c r="MB10" s="455">
        <v>979414</v>
      </c>
      <c r="MC10" s="455">
        <v>5129921</v>
      </c>
      <c r="MD10" s="459">
        <v>9789394</v>
      </c>
      <c r="ME10" s="461">
        <v>9789394</v>
      </c>
      <c r="MF10" s="458">
        <v>0</v>
      </c>
      <c r="MG10" s="455">
        <v>0</v>
      </c>
      <c r="MH10" s="459">
        <v>0</v>
      </c>
      <c r="MI10" s="466"/>
      <c r="MJ10" s="455">
        <v>5114932</v>
      </c>
      <c r="MK10" s="455">
        <v>18317642</v>
      </c>
      <c r="ML10" s="455">
        <v>50967621</v>
      </c>
      <c r="MM10" s="455">
        <v>78102208</v>
      </c>
      <c r="MN10" s="455">
        <v>55979419</v>
      </c>
      <c r="MO10" s="459">
        <v>208481822</v>
      </c>
      <c r="MP10" s="465">
        <v>208481822</v>
      </c>
      <c r="MQ10" s="458">
        <v>0</v>
      </c>
      <c r="MR10" s="455">
        <v>0</v>
      </c>
      <c r="MS10" s="459">
        <v>0</v>
      </c>
      <c r="MT10" s="466"/>
      <c r="MU10" s="455">
        <v>270660</v>
      </c>
      <c r="MV10" s="455">
        <v>3325975</v>
      </c>
      <c r="MW10" s="455">
        <v>26650920</v>
      </c>
      <c r="MX10" s="455">
        <v>41260430</v>
      </c>
      <c r="MY10" s="455">
        <v>33761617</v>
      </c>
      <c r="MZ10" s="459">
        <v>105269602</v>
      </c>
      <c r="NA10" s="465">
        <v>105269602</v>
      </c>
      <c r="NB10" s="458">
        <v>0</v>
      </c>
      <c r="NC10" s="455">
        <v>0</v>
      </c>
      <c r="ND10" s="459">
        <v>0</v>
      </c>
      <c r="NE10" s="466"/>
      <c r="NF10" s="455">
        <v>4844272</v>
      </c>
      <c r="NG10" s="455">
        <v>14766439</v>
      </c>
      <c r="NH10" s="455">
        <v>23990569</v>
      </c>
      <c r="NI10" s="455">
        <v>34409841</v>
      </c>
      <c r="NJ10" s="455">
        <v>18232049</v>
      </c>
      <c r="NK10" s="459">
        <v>96243170</v>
      </c>
      <c r="NL10" s="457">
        <v>96243170</v>
      </c>
      <c r="NM10" s="458">
        <v>0</v>
      </c>
      <c r="NN10" s="455">
        <v>0</v>
      </c>
      <c r="NO10" s="459">
        <v>0</v>
      </c>
      <c r="NP10" s="466"/>
      <c r="NQ10" s="455">
        <v>0</v>
      </c>
      <c r="NR10" s="455">
        <v>0</v>
      </c>
      <c r="NS10" s="455">
        <v>0</v>
      </c>
      <c r="NT10" s="455">
        <v>1141588</v>
      </c>
      <c r="NU10" s="455">
        <v>1807651</v>
      </c>
      <c r="NV10" s="459">
        <v>2949239</v>
      </c>
      <c r="NW10" s="461">
        <v>2949239</v>
      </c>
      <c r="NX10" s="458">
        <v>0</v>
      </c>
      <c r="NY10" s="455">
        <v>0</v>
      </c>
      <c r="NZ10" s="459">
        <v>0</v>
      </c>
      <c r="OA10" s="466"/>
      <c r="OB10" s="455">
        <v>0</v>
      </c>
      <c r="OC10" s="455">
        <v>225228</v>
      </c>
      <c r="OD10" s="455">
        <v>326132</v>
      </c>
      <c r="OE10" s="455">
        <v>1290349</v>
      </c>
      <c r="OF10" s="455">
        <v>2178102</v>
      </c>
      <c r="OG10" s="459">
        <v>4019811</v>
      </c>
      <c r="OH10" s="461">
        <v>4019811</v>
      </c>
      <c r="OI10" s="458">
        <v>11738715</v>
      </c>
      <c r="OJ10" s="455">
        <v>21971284</v>
      </c>
      <c r="OK10" s="456">
        <v>33709999</v>
      </c>
      <c r="OL10" s="462">
        <v>0</v>
      </c>
      <c r="OM10" s="455">
        <v>124697524</v>
      </c>
      <c r="ON10" s="455">
        <v>223398444</v>
      </c>
      <c r="OO10" s="455">
        <v>217451046</v>
      </c>
      <c r="OP10" s="455">
        <v>241990687</v>
      </c>
      <c r="OQ10" s="455">
        <v>169255373</v>
      </c>
      <c r="OR10" s="459">
        <v>976793074</v>
      </c>
      <c r="OS10" s="465">
        <v>1010503073</v>
      </c>
    </row>
    <row r="11" spans="1:409" ht="21" customHeight="1" x14ac:dyDescent="0.2">
      <c r="B11" s="126" t="s">
        <v>6</v>
      </c>
      <c r="C11" s="110">
        <v>3894968</v>
      </c>
      <c r="D11" s="114">
        <v>5282387</v>
      </c>
      <c r="E11" s="113">
        <v>9177355</v>
      </c>
      <c r="F11" s="109">
        <v>0</v>
      </c>
      <c r="G11" s="114">
        <v>48616192</v>
      </c>
      <c r="H11" s="114">
        <v>48327466</v>
      </c>
      <c r="I11" s="114">
        <v>45822143</v>
      </c>
      <c r="J11" s="114">
        <v>54263782</v>
      </c>
      <c r="K11" s="114">
        <v>37208515</v>
      </c>
      <c r="L11" s="109">
        <v>234238098</v>
      </c>
      <c r="M11" s="116">
        <v>243415453</v>
      </c>
      <c r="N11" s="110">
        <v>1188756</v>
      </c>
      <c r="O11" s="114">
        <v>2162260</v>
      </c>
      <c r="P11" s="113">
        <v>3351016</v>
      </c>
      <c r="Q11" s="110">
        <v>0</v>
      </c>
      <c r="R11" s="114">
        <v>16218303</v>
      </c>
      <c r="S11" s="114">
        <v>16914640</v>
      </c>
      <c r="T11" s="114">
        <v>15483966</v>
      </c>
      <c r="U11" s="114">
        <v>19820690</v>
      </c>
      <c r="V11" s="114">
        <v>17584801</v>
      </c>
      <c r="W11" s="113">
        <v>86022400</v>
      </c>
      <c r="X11" s="116">
        <v>89373416</v>
      </c>
      <c r="Y11" s="110">
        <v>0</v>
      </c>
      <c r="Z11" s="114">
        <v>0</v>
      </c>
      <c r="AA11" s="113">
        <v>0</v>
      </c>
      <c r="AB11" s="110">
        <v>0</v>
      </c>
      <c r="AC11" s="114">
        <v>5976755</v>
      </c>
      <c r="AD11" s="114">
        <v>6761421</v>
      </c>
      <c r="AE11" s="114">
        <v>7278053</v>
      </c>
      <c r="AF11" s="114">
        <v>10691946</v>
      </c>
      <c r="AG11" s="114">
        <v>9633972</v>
      </c>
      <c r="AH11" s="113">
        <v>40342147</v>
      </c>
      <c r="AI11" s="116">
        <v>40342147</v>
      </c>
      <c r="AJ11" s="110">
        <v>0</v>
      </c>
      <c r="AK11" s="114">
        <v>0</v>
      </c>
      <c r="AL11" s="113">
        <v>0</v>
      </c>
      <c r="AM11" s="110">
        <v>0</v>
      </c>
      <c r="AN11" s="114">
        <v>55249</v>
      </c>
      <c r="AO11" s="114">
        <v>276817</v>
      </c>
      <c r="AP11" s="114">
        <v>239552</v>
      </c>
      <c r="AQ11" s="114">
        <v>1216616</v>
      </c>
      <c r="AR11" s="114">
        <v>1948444</v>
      </c>
      <c r="AS11" s="113">
        <v>3736678</v>
      </c>
      <c r="AT11" s="116">
        <v>3736678</v>
      </c>
      <c r="AU11" s="110">
        <v>623289</v>
      </c>
      <c r="AV11" s="114">
        <v>1720343</v>
      </c>
      <c r="AW11" s="113">
        <v>2343632</v>
      </c>
      <c r="AX11" s="110">
        <v>0</v>
      </c>
      <c r="AY11" s="114">
        <v>6766785</v>
      </c>
      <c r="AZ11" s="114">
        <v>6571268</v>
      </c>
      <c r="BA11" s="114">
        <v>4504380</v>
      </c>
      <c r="BB11" s="114">
        <v>4654966</v>
      </c>
      <c r="BC11" s="114">
        <v>3605787</v>
      </c>
      <c r="BD11" s="113">
        <v>26103186</v>
      </c>
      <c r="BE11" s="116">
        <v>28446818</v>
      </c>
      <c r="BF11" s="110">
        <v>37531</v>
      </c>
      <c r="BG11" s="114">
        <v>0</v>
      </c>
      <c r="BH11" s="112">
        <v>37531</v>
      </c>
      <c r="BI11" s="111">
        <v>0</v>
      </c>
      <c r="BJ11" s="114">
        <v>699834</v>
      </c>
      <c r="BK11" s="114">
        <v>590689</v>
      </c>
      <c r="BL11" s="114">
        <v>677570</v>
      </c>
      <c r="BM11" s="114">
        <v>234628</v>
      </c>
      <c r="BN11" s="114">
        <v>130092</v>
      </c>
      <c r="BO11" s="113">
        <v>2332813</v>
      </c>
      <c r="BP11" s="116">
        <v>2370344</v>
      </c>
      <c r="BQ11" s="110">
        <v>527936</v>
      </c>
      <c r="BR11" s="114">
        <v>441917</v>
      </c>
      <c r="BS11" s="113">
        <v>969853</v>
      </c>
      <c r="BT11" s="110">
        <v>0</v>
      </c>
      <c r="BU11" s="114">
        <v>2719680</v>
      </c>
      <c r="BV11" s="114">
        <v>2714445</v>
      </c>
      <c r="BW11" s="114">
        <v>2784411</v>
      </c>
      <c r="BX11" s="114">
        <v>3022534</v>
      </c>
      <c r="BY11" s="114">
        <v>2266506</v>
      </c>
      <c r="BZ11" s="113">
        <v>13507576</v>
      </c>
      <c r="CA11" s="116">
        <v>14477429</v>
      </c>
      <c r="CB11" s="110">
        <v>172258</v>
      </c>
      <c r="CC11" s="114">
        <v>523742</v>
      </c>
      <c r="CD11" s="113">
        <v>696000</v>
      </c>
      <c r="CE11" s="110">
        <v>0</v>
      </c>
      <c r="CF11" s="114">
        <v>12628150</v>
      </c>
      <c r="CG11" s="114">
        <v>11504700</v>
      </c>
      <c r="CH11" s="114">
        <v>8263810</v>
      </c>
      <c r="CI11" s="114">
        <v>7411605</v>
      </c>
      <c r="CJ11" s="114">
        <v>3075209</v>
      </c>
      <c r="CK11" s="113">
        <v>42883474</v>
      </c>
      <c r="CL11" s="116">
        <v>43579474</v>
      </c>
      <c r="CM11" s="110">
        <v>0</v>
      </c>
      <c r="CN11" s="114">
        <v>0</v>
      </c>
      <c r="CO11" s="113">
        <v>0</v>
      </c>
      <c r="CP11" s="111">
        <v>0</v>
      </c>
      <c r="CQ11" s="114">
        <v>10543373</v>
      </c>
      <c r="CR11" s="114">
        <v>8641638</v>
      </c>
      <c r="CS11" s="114">
        <v>6033526</v>
      </c>
      <c r="CT11" s="114">
        <v>4578544</v>
      </c>
      <c r="CU11" s="114">
        <v>2328961</v>
      </c>
      <c r="CV11" s="113">
        <v>32126042</v>
      </c>
      <c r="CW11" s="116">
        <v>32126042</v>
      </c>
      <c r="CX11" s="110">
        <v>172258</v>
      </c>
      <c r="CY11" s="114">
        <v>523742</v>
      </c>
      <c r="CZ11" s="113">
        <v>696000</v>
      </c>
      <c r="DA11" s="110">
        <v>0</v>
      </c>
      <c r="DB11" s="114">
        <v>2084777</v>
      </c>
      <c r="DC11" s="114">
        <v>2863062</v>
      </c>
      <c r="DD11" s="114">
        <v>2230284</v>
      </c>
      <c r="DE11" s="114">
        <v>2833061</v>
      </c>
      <c r="DF11" s="114">
        <v>746248</v>
      </c>
      <c r="DG11" s="113">
        <v>10757432</v>
      </c>
      <c r="DH11" s="116">
        <v>11453432</v>
      </c>
      <c r="DI11" s="110">
        <v>0</v>
      </c>
      <c r="DJ11" s="114">
        <v>105067</v>
      </c>
      <c r="DK11" s="112">
        <v>105067</v>
      </c>
      <c r="DL11" s="111">
        <v>0</v>
      </c>
      <c r="DM11" s="114">
        <v>1231282</v>
      </c>
      <c r="DN11" s="114">
        <v>1344862</v>
      </c>
      <c r="DO11" s="114">
        <v>2915249</v>
      </c>
      <c r="DP11" s="114">
        <v>3346929</v>
      </c>
      <c r="DQ11" s="114">
        <v>1281051</v>
      </c>
      <c r="DR11" s="113">
        <v>10119373</v>
      </c>
      <c r="DS11" s="116">
        <v>10224440</v>
      </c>
      <c r="DT11" s="110">
        <v>0</v>
      </c>
      <c r="DU11" s="114">
        <v>105067</v>
      </c>
      <c r="DV11" s="113">
        <v>105067</v>
      </c>
      <c r="DW11" s="110">
        <v>0</v>
      </c>
      <c r="DX11" s="114">
        <v>891290</v>
      </c>
      <c r="DY11" s="114">
        <v>1084874</v>
      </c>
      <c r="DZ11" s="114">
        <v>2557026</v>
      </c>
      <c r="EA11" s="114">
        <v>2405657</v>
      </c>
      <c r="EB11" s="114">
        <v>1168694</v>
      </c>
      <c r="EC11" s="113">
        <v>8107541</v>
      </c>
      <c r="ED11" s="116">
        <v>8212608</v>
      </c>
      <c r="EE11" s="110">
        <v>0</v>
      </c>
      <c r="EF11" s="112">
        <v>0</v>
      </c>
      <c r="EG11" s="113">
        <v>0</v>
      </c>
      <c r="EH11" s="110">
        <v>0</v>
      </c>
      <c r="EI11" s="114">
        <v>339992</v>
      </c>
      <c r="EJ11" s="114">
        <v>259988</v>
      </c>
      <c r="EK11" s="114">
        <v>358223</v>
      </c>
      <c r="EL11" s="114">
        <v>941272</v>
      </c>
      <c r="EM11" s="114">
        <v>112357</v>
      </c>
      <c r="EN11" s="112">
        <v>2011832</v>
      </c>
      <c r="EO11" s="116">
        <v>2011832</v>
      </c>
      <c r="EP11" s="110">
        <v>0</v>
      </c>
      <c r="EQ11" s="114">
        <v>0</v>
      </c>
      <c r="ER11" s="112">
        <v>0</v>
      </c>
      <c r="ES11" s="111">
        <v>0</v>
      </c>
      <c r="ET11" s="114">
        <v>0</v>
      </c>
      <c r="EU11" s="114">
        <v>0</v>
      </c>
      <c r="EV11" s="114">
        <v>0</v>
      </c>
      <c r="EW11" s="114">
        <v>0</v>
      </c>
      <c r="EX11" s="114">
        <v>0</v>
      </c>
      <c r="EY11" s="113">
        <v>0</v>
      </c>
      <c r="EZ11" s="116">
        <v>0</v>
      </c>
      <c r="FA11" s="110">
        <v>0</v>
      </c>
      <c r="FB11" s="114">
        <v>0</v>
      </c>
      <c r="FC11" s="112">
        <v>0</v>
      </c>
      <c r="FD11" s="347"/>
      <c r="FE11" s="114">
        <v>0</v>
      </c>
      <c r="FF11" s="114">
        <v>0</v>
      </c>
      <c r="FG11" s="114">
        <v>0</v>
      </c>
      <c r="FH11" s="114">
        <v>0</v>
      </c>
      <c r="FI11" s="114">
        <v>0</v>
      </c>
      <c r="FJ11" s="113">
        <v>0</v>
      </c>
      <c r="FK11" s="116">
        <v>0</v>
      </c>
      <c r="FL11" s="110">
        <v>589849</v>
      </c>
      <c r="FM11" s="114">
        <v>887092</v>
      </c>
      <c r="FN11" s="113">
        <v>1476941</v>
      </c>
      <c r="FO11" s="110">
        <v>0</v>
      </c>
      <c r="FP11" s="114">
        <v>2795973</v>
      </c>
      <c r="FQ11" s="114">
        <v>4479200</v>
      </c>
      <c r="FR11" s="114">
        <v>3909271</v>
      </c>
      <c r="FS11" s="114">
        <v>3356260</v>
      </c>
      <c r="FT11" s="114">
        <v>2138062</v>
      </c>
      <c r="FU11" s="113">
        <v>16678766</v>
      </c>
      <c r="FV11" s="116">
        <v>18155707</v>
      </c>
      <c r="FW11" s="115">
        <v>339717</v>
      </c>
      <c r="FX11" s="114">
        <v>759360</v>
      </c>
      <c r="FY11" s="112">
        <v>1099077</v>
      </c>
      <c r="FZ11" s="111">
        <v>0</v>
      </c>
      <c r="GA11" s="114">
        <v>2115169</v>
      </c>
      <c r="GB11" s="114">
        <v>4012696</v>
      </c>
      <c r="GC11" s="114">
        <v>3534027</v>
      </c>
      <c r="GD11" s="114">
        <v>3260254</v>
      </c>
      <c r="GE11" s="114">
        <v>2127860</v>
      </c>
      <c r="GF11" s="113">
        <v>15050006</v>
      </c>
      <c r="GG11" s="318">
        <v>16149083</v>
      </c>
      <c r="GH11" s="115">
        <v>111672</v>
      </c>
      <c r="GI11" s="114">
        <v>24832</v>
      </c>
      <c r="GJ11" s="112">
        <v>136504</v>
      </c>
      <c r="GK11" s="111">
        <v>0</v>
      </c>
      <c r="GL11" s="114">
        <v>162788</v>
      </c>
      <c r="GM11" s="114">
        <v>117624</v>
      </c>
      <c r="GN11" s="114">
        <v>141444</v>
      </c>
      <c r="GO11" s="114">
        <v>54006</v>
      </c>
      <c r="GP11" s="114">
        <v>10202</v>
      </c>
      <c r="GQ11" s="113">
        <v>486064</v>
      </c>
      <c r="GR11" s="116">
        <v>622568</v>
      </c>
      <c r="GS11" s="110">
        <v>138460</v>
      </c>
      <c r="GT11" s="114">
        <v>102900</v>
      </c>
      <c r="GU11" s="113">
        <v>241360</v>
      </c>
      <c r="GV11" s="110">
        <v>0</v>
      </c>
      <c r="GW11" s="114">
        <v>518016</v>
      </c>
      <c r="GX11" s="114">
        <v>348880</v>
      </c>
      <c r="GY11" s="114">
        <v>233800</v>
      </c>
      <c r="GZ11" s="114">
        <v>42000</v>
      </c>
      <c r="HA11" s="114">
        <v>0</v>
      </c>
      <c r="HB11" s="112">
        <v>1142696</v>
      </c>
      <c r="HC11" s="116">
        <v>1384056</v>
      </c>
      <c r="HD11" s="110">
        <v>1944105</v>
      </c>
      <c r="HE11" s="114">
        <v>1604226</v>
      </c>
      <c r="HF11" s="112">
        <v>3548331</v>
      </c>
      <c r="HG11" s="111">
        <v>0</v>
      </c>
      <c r="HH11" s="114">
        <v>15742484</v>
      </c>
      <c r="HI11" s="114">
        <v>14084064</v>
      </c>
      <c r="HJ11" s="114">
        <v>15249847</v>
      </c>
      <c r="HK11" s="114">
        <v>20328298</v>
      </c>
      <c r="HL11" s="114">
        <v>13129392</v>
      </c>
      <c r="HM11" s="113">
        <v>78534085</v>
      </c>
      <c r="HN11" s="109">
        <v>82082416</v>
      </c>
      <c r="HO11" s="328"/>
      <c r="HP11" s="329"/>
      <c r="HQ11" s="330"/>
      <c r="HR11" s="331"/>
      <c r="HS11" s="329"/>
      <c r="HT11" s="329"/>
      <c r="HU11" s="329"/>
      <c r="HV11" s="329"/>
      <c r="HW11" s="329"/>
      <c r="HX11" s="332"/>
      <c r="HY11" s="333"/>
      <c r="HZ11" s="131">
        <v>38574</v>
      </c>
      <c r="IA11" s="132">
        <v>264935</v>
      </c>
      <c r="IB11" s="133">
        <v>303509</v>
      </c>
      <c r="IC11" s="146">
        <v>0</v>
      </c>
      <c r="ID11" s="132">
        <v>11142705</v>
      </c>
      <c r="IE11" s="147">
        <v>11467940</v>
      </c>
      <c r="IF11" s="133">
        <v>17670797</v>
      </c>
      <c r="IG11" s="132">
        <v>10880904</v>
      </c>
      <c r="IH11" s="133">
        <v>8137138</v>
      </c>
      <c r="II11" s="148">
        <v>59299484</v>
      </c>
      <c r="IJ11" s="139">
        <v>59602993</v>
      </c>
      <c r="IK11" s="232">
        <v>0</v>
      </c>
      <c r="IL11" s="236">
        <v>0</v>
      </c>
      <c r="IM11" s="237">
        <v>0</v>
      </c>
      <c r="IN11" s="140"/>
      <c r="IO11" s="119">
        <v>550238</v>
      </c>
      <c r="IP11" s="119">
        <v>957227</v>
      </c>
      <c r="IQ11" s="119">
        <v>833000</v>
      </c>
      <c r="IR11" s="119">
        <v>1330038</v>
      </c>
      <c r="IS11" s="119">
        <v>978991</v>
      </c>
      <c r="IT11" s="141">
        <v>4649494</v>
      </c>
      <c r="IU11" s="320">
        <v>4649494</v>
      </c>
      <c r="IV11" s="142">
        <v>0</v>
      </c>
      <c r="IW11" s="119">
        <v>0</v>
      </c>
      <c r="IX11" s="120">
        <v>0</v>
      </c>
      <c r="IY11" s="144"/>
      <c r="IZ11" s="119">
        <v>38910</v>
      </c>
      <c r="JA11" s="119">
        <v>107906</v>
      </c>
      <c r="JB11" s="119">
        <v>77083</v>
      </c>
      <c r="JC11" s="119">
        <v>255893</v>
      </c>
      <c r="JD11" s="119">
        <v>170403</v>
      </c>
      <c r="JE11" s="120">
        <v>650195</v>
      </c>
      <c r="JF11" s="121">
        <v>650195</v>
      </c>
      <c r="JG11" s="142">
        <v>0</v>
      </c>
      <c r="JH11" s="119">
        <v>0</v>
      </c>
      <c r="JI11" s="141">
        <v>0</v>
      </c>
      <c r="JJ11" s="118">
        <v>0</v>
      </c>
      <c r="JK11" s="119">
        <v>4301794</v>
      </c>
      <c r="JL11" s="119">
        <v>2633707</v>
      </c>
      <c r="JM11" s="119">
        <v>3564976</v>
      </c>
      <c r="JN11" s="119">
        <v>961329</v>
      </c>
      <c r="JO11" s="119">
        <v>573838</v>
      </c>
      <c r="JP11" s="120">
        <v>12035644</v>
      </c>
      <c r="JQ11" s="320">
        <v>12035644</v>
      </c>
      <c r="JR11" s="142">
        <v>0</v>
      </c>
      <c r="JS11" s="119">
        <v>0</v>
      </c>
      <c r="JT11" s="141">
        <v>0</v>
      </c>
      <c r="JU11" s="118">
        <v>0</v>
      </c>
      <c r="JV11" s="119">
        <v>839837</v>
      </c>
      <c r="JW11" s="119">
        <v>1244244</v>
      </c>
      <c r="JX11" s="119">
        <v>1723918</v>
      </c>
      <c r="JY11" s="119">
        <v>870122</v>
      </c>
      <c r="JZ11" s="119">
        <v>413810</v>
      </c>
      <c r="KA11" s="120">
        <v>5091931</v>
      </c>
      <c r="KB11" s="320">
        <v>5091931</v>
      </c>
      <c r="KC11" s="234">
        <v>38574</v>
      </c>
      <c r="KD11" s="230">
        <v>264935</v>
      </c>
      <c r="KE11" s="120">
        <v>303509</v>
      </c>
      <c r="KF11" s="118">
        <v>0</v>
      </c>
      <c r="KG11" s="119">
        <v>1805536</v>
      </c>
      <c r="KH11" s="119">
        <v>613824</v>
      </c>
      <c r="KI11" s="119">
        <v>1821952</v>
      </c>
      <c r="KJ11" s="119">
        <v>1141929</v>
      </c>
      <c r="KK11" s="119">
        <v>512425</v>
      </c>
      <c r="KL11" s="120">
        <v>5895666</v>
      </c>
      <c r="KM11" s="143">
        <v>6199175</v>
      </c>
      <c r="KN11" s="232">
        <v>0</v>
      </c>
      <c r="KO11" s="236">
        <v>0</v>
      </c>
      <c r="KP11" s="237">
        <v>0</v>
      </c>
      <c r="KQ11" s="140"/>
      <c r="KR11" s="119">
        <v>3112756</v>
      </c>
      <c r="KS11" s="119">
        <v>5067869</v>
      </c>
      <c r="KT11" s="119">
        <v>6649009</v>
      </c>
      <c r="KU11" s="119">
        <v>3134707</v>
      </c>
      <c r="KV11" s="119">
        <v>3958443</v>
      </c>
      <c r="KW11" s="120">
        <v>21922784</v>
      </c>
      <c r="KX11" s="320">
        <v>21922784</v>
      </c>
      <c r="KY11" s="142">
        <v>0</v>
      </c>
      <c r="KZ11" s="119">
        <v>0</v>
      </c>
      <c r="LA11" s="120">
        <v>0</v>
      </c>
      <c r="LB11" s="145"/>
      <c r="LC11" s="119">
        <v>0</v>
      </c>
      <c r="LD11" s="119">
        <v>0</v>
      </c>
      <c r="LE11" s="119">
        <v>0</v>
      </c>
      <c r="LF11" s="119">
        <v>0</v>
      </c>
      <c r="LG11" s="119">
        <v>0</v>
      </c>
      <c r="LH11" s="120">
        <v>0</v>
      </c>
      <c r="LI11" s="121">
        <v>0</v>
      </c>
      <c r="LJ11" s="142">
        <v>0</v>
      </c>
      <c r="LK11" s="119">
        <v>0</v>
      </c>
      <c r="LL11" s="120">
        <v>0</v>
      </c>
      <c r="LM11" s="145"/>
      <c r="LN11" s="119">
        <v>195651</v>
      </c>
      <c r="LO11" s="119">
        <v>0</v>
      </c>
      <c r="LP11" s="119">
        <v>1804991</v>
      </c>
      <c r="LQ11" s="119">
        <v>1285147</v>
      </c>
      <c r="LR11" s="119">
        <v>865832</v>
      </c>
      <c r="LS11" s="120">
        <v>4151621</v>
      </c>
      <c r="LT11" s="320">
        <v>4151621</v>
      </c>
      <c r="LU11" s="142">
        <v>0</v>
      </c>
      <c r="LV11" s="119">
        <v>0</v>
      </c>
      <c r="LW11" s="120">
        <v>0</v>
      </c>
      <c r="LX11" s="145"/>
      <c r="LY11" s="119">
        <v>297983</v>
      </c>
      <c r="LZ11" s="119">
        <v>843163</v>
      </c>
      <c r="MA11" s="119">
        <v>1195868</v>
      </c>
      <c r="MB11" s="119">
        <v>1901739</v>
      </c>
      <c r="MC11" s="119">
        <v>663396</v>
      </c>
      <c r="MD11" s="120">
        <v>4902149</v>
      </c>
      <c r="ME11" s="121">
        <v>4902149</v>
      </c>
      <c r="MF11" s="142">
        <v>0</v>
      </c>
      <c r="MG11" s="119">
        <v>0</v>
      </c>
      <c r="MH11" s="120">
        <v>0</v>
      </c>
      <c r="MI11" s="145"/>
      <c r="MJ11" s="119">
        <v>1601739</v>
      </c>
      <c r="MK11" s="119">
        <v>4327655</v>
      </c>
      <c r="ML11" s="119">
        <v>13140626</v>
      </c>
      <c r="MM11" s="119">
        <v>25150003</v>
      </c>
      <c r="MN11" s="119">
        <v>15611720</v>
      </c>
      <c r="MO11" s="120">
        <v>59831743</v>
      </c>
      <c r="MP11" s="143">
        <v>59831743</v>
      </c>
      <c r="MQ11" s="142">
        <v>0</v>
      </c>
      <c r="MR11" s="119">
        <v>0</v>
      </c>
      <c r="MS11" s="120">
        <v>0</v>
      </c>
      <c r="MT11" s="145"/>
      <c r="MU11" s="119">
        <v>0</v>
      </c>
      <c r="MV11" s="119">
        <v>597368</v>
      </c>
      <c r="MW11" s="119">
        <v>7110920</v>
      </c>
      <c r="MX11" s="119">
        <v>13158153</v>
      </c>
      <c r="MY11" s="119">
        <v>8992914</v>
      </c>
      <c r="MZ11" s="120">
        <v>29859355</v>
      </c>
      <c r="NA11" s="143">
        <v>29859355</v>
      </c>
      <c r="NB11" s="142">
        <v>0</v>
      </c>
      <c r="NC11" s="119">
        <v>0</v>
      </c>
      <c r="ND11" s="120">
        <v>0</v>
      </c>
      <c r="NE11" s="145"/>
      <c r="NF11" s="119">
        <v>1601739</v>
      </c>
      <c r="NG11" s="119">
        <v>3730287</v>
      </c>
      <c r="NH11" s="119">
        <v>6029706</v>
      </c>
      <c r="NI11" s="119">
        <v>9748116</v>
      </c>
      <c r="NJ11" s="119">
        <v>4053905</v>
      </c>
      <c r="NK11" s="120">
        <v>25163753</v>
      </c>
      <c r="NL11" s="320">
        <v>25163753</v>
      </c>
      <c r="NM11" s="142">
        <v>0</v>
      </c>
      <c r="NN11" s="119">
        <v>0</v>
      </c>
      <c r="NO11" s="120">
        <v>0</v>
      </c>
      <c r="NP11" s="145"/>
      <c r="NQ11" s="119">
        <v>0</v>
      </c>
      <c r="NR11" s="119">
        <v>0</v>
      </c>
      <c r="NS11" s="119">
        <v>0</v>
      </c>
      <c r="NT11" s="119">
        <v>1944835</v>
      </c>
      <c r="NU11" s="119">
        <v>2244157</v>
      </c>
      <c r="NV11" s="120">
        <v>4188992</v>
      </c>
      <c r="NW11" s="121">
        <v>4188992</v>
      </c>
      <c r="NX11" s="142">
        <v>0</v>
      </c>
      <c r="NY11" s="119">
        <v>0</v>
      </c>
      <c r="NZ11" s="120">
        <v>0</v>
      </c>
      <c r="OA11" s="145"/>
      <c r="OB11" s="119">
        <v>0</v>
      </c>
      <c r="OC11" s="119">
        <v>0</v>
      </c>
      <c r="OD11" s="119">
        <v>0</v>
      </c>
      <c r="OE11" s="119">
        <v>298899</v>
      </c>
      <c r="OF11" s="119">
        <v>320744</v>
      </c>
      <c r="OG11" s="120">
        <v>619643</v>
      </c>
      <c r="OH11" s="121">
        <v>619643</v>
      </c>
      <c r="OI11" s="142">
        <v>3933542</v>
      </c>
      <c r="OJ11" s="119">
        <v>5547322</v>
      </c>
      <c r="OK11" s="141">
        <v>9480864</v>
      </c>
      <c r="OL11" s="118">
        <v>0</v>
      </c>
      <c r="OM11" s="119">
        <v>61360636</v>
      </c>
      <c r="ON11" s="119">
        <v>64123061</v>
      </c>
      <c r="OO11" s="119">
        <v>76633566</v>
      </c>
      <c r="OP11" s="119">
        <v>90294689</v>
      </c>
      <c r="OQ11" s="119">
        <v>60957373</v>
      </c>
      <c r="OR11" s="120">
        <v>353369325</v>
      </c>
      <c r="OS11" s="143">
        <v>362850189</v>
      </c>
    </row>
    <row r="12" spans="1:409" ht="21" customHeight="1" x14ac:dyDescent="0.2">
      <c r="B12" s="126" t="s">
        <v>14</v>
      </c>
      <c r="C12" s="110">
        <v>1125330</v>
      </c>
      <c r="D12" s="114">
        <v>2517995</v>
      </c>
      <c r="E12" s="113">
        <v>3643325</v>
      </c>
      <c r="F12" s="109">
        <v>0</v>
      </c>
      <c r="G12" s="114">
        <v>13890472</v>
      </c>
      <c r="H12" s="114">
        <v>19074459</v>
      </c>
      <c r="I12" s="114">
        <v>20072945</v>
      </c>
      <c r="J12" s="114">
        <v>19341243</v>
      </c>
      <c r="K12" s="114">
        <v>15481718</v>
      </c>
      <c r="L12" s="112">
        <v>87860837</v>
      </c>
      <c r="M12" s="116">
        <v>91504162</v>
      </c>
      <c r="N12" s="110">
        <v>200812</v>
      </c>
      <c r="O12" s="114">
        <v>1003264</v>
      </c>
      <c r="P12" s="113">
        <v>1204076</v>
      </c>
      <c r="Q12" s="110">
        <v>0</v>
      </c>
      <c r="R12" s="114">
        <v>3581441</v>
      </c>
      <c r="S12" s="114">
        <v>6335931</v>
      </c>
      <c r="T12" s="114">
        <v>7551674</v>
      </c>
      <c r="U12" s="114">
        <v>6625938</v>
      </c>
      <c r="V12" s="114">
        <v>7825145</v>
      </c>
      <c r="W12" s="113">
        <v>31920129</v>
      </c>
      <c r="X12" s="116">
        <v>33124205</v>
      </c>
      <c r="Y12" s="110">
        <v>0</v>
      </c>
      <c r="Z12" s="114">
        <v>0</v>
      </c>
      <c r="AA12" s="113">
        <v>0</v>
      </c>
      <c r="AB12" s="110">
        <v>0</v>
      </c>
      <c r="AC12" s="114">
        <v>1766445</v>
      </c>
      <c r="AD12" s="114">
        <v>2897096</v>
      </c>
      <c r="AE12" s="114">
        <v>4654567</v>
      </c>
      <c r="AF12" s="114">
        <v>3190747</v>
      </c>
      <c r="AG12" s="114">
        <v>4059112</v>
      </c>
      <c r="AH12" s="113">
        <v>16567967</v>
      </c>
      <c r="AI12" s="116">
        <v>16567967</v>
      </c>
      <c r="AJ12" s="110">
        <v>0</v>
      </c>
      <c r="AK12" s="114">
        <v>0</v>
      </c>
      <c r="AL12" s="113">
        <v>0</v>
      </c>
      <c r="AM12" s="110">
        <v>0</v>
      </c>
      <c r="AN12" s="114">
        <v>0</v>
      </c>
      <c r="AO12" s="114">
        <v>74194</v>
      </c>
      <c r="AP12" s="114">
        <v>237521</v>
      </c>
      <c r="AQ12" s="114">
        <v>311306</v>
      </c>
      <c r="AR12" s="114">
        <v>1091776</v>
      </c>
      <c r="AS12" s="113">
        <v>1714797</v>
      </c>
      <c r="AT12" s="116">
        <v>1714797</v>
      </c>
      <c r="AU12" s="110">
        <v>87300</v>
      </c>
      <c r="AV12" s="114">
        <v>723213</v>
      </c>
      <c r="AW12" s="113">
        <v>810513</v>
      </c>
      <c r="AX12" s="110">
        <v>0</v>
      </c>
      <c r="AY12" s="114">
        <v>843793</v>
      </c>
      <c r="AZ12" s="114">
        <v>2350463</v>
      </c>
      <c r="BA12" s="114">
        <v>1594656</v>
      </c>
      <c r="BB12" s="114">
        <v>1981240</v>
      </c>
      <c r="BC12" s="114">
        <v>1764278</v>
      </c>
      <c r="BD12" s="113">
        <v>8534430</v>
      </c>
      <c r="BE12" s="116">
        <v>9344943</v>
      </c>
      <c r="BF12" s="110">
        <v>0</v>
      </c>
      <c r="BG12" s="114">
        <v>98037</v>
      </c>
      <c r="BH12" s="112">
        <v>98037</v>
      </c>
      <c r="BI12" s="111">
        <v>0</v>
      </c>
      <c r="BJ12" s="114">
        <v>69582</v>
      </c>
      <c r="BK12" s="114">
        <v>100888</v>
      </c>
      <c r="BL12" s="114">
        <v>111593</v>
      </c>
      <c r="BM12" s="114">
        <v>155160</v>
      </c>
      <c r="BN12" s="114">
        <v>10920</v>
      </c>
      <c r="BO12" s="113">
        <v>448143</v>
      </c>
      <c r="BP12" s="116">
        <v>546180</v>
      </c>
      <c r="BQ12" s="110">
        <v>113512</v>
      </c>
      <c r="BR12" s="114">
        <v>182014</v>
      </c>
      <c r="BS12" s="113">
        <v>295526</v>
      </c>
      <c r="BT12" s="110">
        <v>0</v>
      </c>
      <c r="BU12" s="114">
        <v>901621</v>
      </c>
      <c r="BV12" s="114">
        <v>913290</v>
      </c>
      <c r="BW12" s="114">
        <v>953337</v>
      </c>
      <c r="BX12" s="114">
        <v>987485</v>
      </c>
      <c r="BY12" s="114">
        <v>899059</v>
      </c>
      <c r="BZ12" s="113">
        <v>4654792</v>
      </c>
      <c r="CA12" s="116">
        <v>4950318</v>
      </c>
      <c r="CB12" s="110">
        <v>71580</v>
      </c>
      <c r="CC12" s="114">
        <v>231502</v>
      </c>
      <c r="CD12" s="113">
        <v>303082</v>
      </c>
      <c r="CE12" s="110">
        <v>0</v>
      </c>
      <c r="CF12" s="114">
        <v>4436047</v>
      </c>
      <c r="CG12" s="114">
        <v>4618526</v>
      </c>
      <c r="CH12" s="114">
        <v>4791901</v>
      </c>
      <c r="CI12" s="114">
        <v>3091491</v>
      </c>
      <c r="CJ12" s="114">
        <v>1555515</v>
      </c>
      <c r="CK12" s="113">
        <v>18493480</v>
      </c>
      <c r="CL12" s="116">
        <v>18796562</v>
      </c>
      <c r="CM12" s="110">
        <v>0</v>
      </c>
      <c r="CN12" s="114">
        <v>0</v>
      </c>
      <c r="CO12" s="113">
        <v>0</v>
      </c>
      <c r="CP12" s="111">
        <v>0</v>
      </c>
      <c r="CQ12" s="114">
        <v>4044458</v>
      </c>
      <c r="CR12" s="114">
        <v>3840319</v>
      </c>
      <c r="CS12" s="114">
        <v>3936445</v>
      </c>
      <c r="CT12" s="114">
        <v>2547309</v>
      </c>
      <c r="CU12" s="114">
        <v>1371900</v>
      </c>
      <c r="CV12" s="113">
        <v>15740431</v>
      </c>
      <c r="CW12" s="116">
        <v>15740431</v>
      </c>
      <c r="CX12" s="110">
        <v>71580</v>
      </c>
      <c r="CY12" s="114">
        <v>231502</v>
      </c>
      <c r="CZ12" s="113">
        <v>303082</v>
      </c>
      <c r="DA12" s="110">
        <v>0</v>
      </c>
      <c r="DB12" s="114">
        <v>391589</v>
      </c>
      <c r="DC12" s="114">
        <v>778207</v>
      </c>
      <c r="DD12" s="114">
        <v>855456</v>
      </c>
      <c r="DE12" s="114">
        <v>544182</v>
      </c>
      <c r="DF12" s="114">
        <v>183615</v>
      </c>
      <c r="DG12" s="113">
        <v>2753049</v>
      </c>
      <c r="DH12" s="116">
        <v>3056131</v>
      </c>
      <c r="DI12" s="110">
        <v>0</v>
      </c>
      <c r="DJ12" s="114">
        <v>18356</v>
      </c>
      <c r="DK12" s="112">
        <v>18356</v>
      </c>
      <c r="DL12" s="111">
        <v>0</v>
      </c>
      <c r="DM12" s="114">
        <v>519489</v>
      </c>
      <c r="DN12" s="114">
        <v>972428</v>
      </c>
      <c r="DO12" s="114">
        <v>1391254</v>
      </c>
      <c r="DP12" s="114">
        <v>2686512</v>
      </c>
      <c r="DQ12" s="114">
        <v>1134793</v>
      </c>
      <c r="DR12" s="113">
        <v>6704476</v>
      </c>
      <c r="DS12" s="116">
        <v>6722832</v>
      </c>
      <c r="DT12" s="110">
        <v>0</v>
      </c>
      <c r="DU12" s="114">
        <v>18356</v>
      </c>
      <c r="DV12" s="113">
        <v>18356</v>
      </c>
      <c r="DW12" s="110">
        <v>0</v>
      </c>
      <c r="DX12" s="114">
        <v>519489</v>
      </c>
      <c r="DY12" s="114">
        <v>893119</v>
      </c>
      <c r="DZ12" s="114">
        <v>1340804</v>
      </c>
      <c r="EA12" s="114">
        <v>2686512</v>
      </c>
      <c r="EB12" s="114">
        <v>1134793</v>
      </c>
      <c r="EC12" s="113">
        <v>6574717</v>
      </c>
      <c r="ED12" s="116">
        <v>6593073</v>
      </c>
      <c r="EE12" s="110">
        <v>0</v>
      </c>
      <c r="EF12" s="112">
        <v>0</v>
      </c>
      <c r="EG12" s="113">
        <v>0</v>
      </c>
      <c r="EH12" s="110">
        <v>0</v>
      </c>
      <c r="EI12" s="114">
        <v>0</v>
      </c>
      <c r="EJ12" s="114">
        <v>79309</v>
      </c>
      <c r="EK12" s="114">
        <v>50450</v>
      </c>
      <c r="EL12" s="114">
        <v>0</v>
      </c>
      <c r="EM12" s="114">
        <v>0</v>
      </c>
      <c r="EN12" s="112">
        <v>129759</v>
      </c>
      <c r="EO12" s="116">
        <v>129759</v>
      </c>
      <c r="EP12" s="110">
        <v>0</v>
      </c>
      <c r="EQ12" s="114">
        <v>0</v>
      </c>
      <c r="ER12" s="112">
        <v>0</v>
      </c>
      <c r="ES12" s="111">
        <v>0</v>
      </c>
      <c r="ET12" s="114">
        <v>0</v>
      </c>
      <c r="EU12" s="114">
        <v>0</v>
      </c>
      <c r="EV12" s="114">
        <v>0</v>
      </c>
      <c r="EW12" s="114">
        <v>0</v>
      </c>
      <c r="EX12" s="114">
        <v>0</v>
      </c>
      <c r="EY12" s="113">
        <v>0</v>
      </c>
      <c r="EZ12" s="116">
        <v>0</v>
      </c>
      <c r="FA12" s="110">
        <v>0</v>
      </c>
      <c r="FB12" s="114">
        <v>0</v>
      </c>
      <c r="FC12" s="112">
        <v>0</v>
      </c>
      <c r="FD12" s="347"/>
      <c r="FE12" s="114">
        <v>0</v>
      </c>
      <c r="FF12" s="114">
        <v>0</v>
      </c>
      <c r="FG12" s="114">
        <v>0</v>
      </c>
      <c r="FH12" s="114">
        <v>0</v>
      </c>
      <c r="FI12" s="114">
        <v>0</v>
      </c>
      <c r="FJ12" s="113">
        <v>0</v>
      </c>
      <c r="FK12" s="116">
        <v>0</v>
      </c>
      <c r="FL12" s="110">
        <v>247919</v>
      </c>
      <c r="FM12" s="114">
        <v>691300</v>
      </c>
      <c r="FN12" s="113">
        <v>939219</v>
      </c>
      <c r="FO12" s="110">
        <v>0</v>
      </c>
      <c r="FP12" s="114">
        <v>708127</v>
      </c>
      <c r="FQ12" s="114">
        <v>2179093</v>
      </c>
      <c r="FR12" s="114">
        <v>1692285</v>
      </c>
      <c r="FS12" s="114">
        <v>1826790</v>
      </c>
      <c r="FT12" s="114">
        <v>1343727</v>
      </c>
      <c r="FU12" s="113">
        <v>7750022</v>
      </c>
      <c r="FV12" s="116">
        <v>8689241</v>
      </c>
      <c r="FW12" s="115">
        <v>104734</v>
      </c>
      <c r="FX12" s="114">
        <v>527731</v>
      </c>
      <c r="FY12" s="112">
        <v>632465</v>
      </c>
      <c r="FZ12" s="111">
        <v>0</v>
      </c>
      <c r="GA12" s="114">
        <v>467355</v>
      </c>
      <c r="GB12" s="114">
        <v>1818257</v>
      </c>
      <c r="GC12" s="114">
        <v>1692285</v>
      </c>
      <c r="GD12" s="114">
        <v>1492813</v>
      </c>
      <c r="GE12" s="114">
        <v>1343727</v>
      </c>
      <c r="GF12" s="113">
        <v>6814437</v>
      </c>
      <c r="GG12" s="318">
        <v>7446902</v>
      </c>
      <c r="GH12" s="115">
        <v>14784</v>
      </c>
      <c r="GI12" s="114">
        <v>0</v>
      </c>
      <c r="GJ12" s="112">
        <v>14784</v>
      </c>
      <c r="GK12" s="111">
        <v>0</v>
      </c>
      <c r="GL12" s="114">
        <v>33362</v>
      </c>
      <c r="GM12" s="114">
        <v>52500</v>
      </c>
      <c r="GN12" s="114">
        <v>0</v>
      </c>
      <c r="GO12" s="114">
        <v>34972</v>
      </c>
      <c r="GP12" s="114">
        <v>0</v>
      </c>
      <c r="GQ12" s="113">
        <v>120834</v>
      </c>
      <c r="GR12" s="116">
        <v>135618</v>
      </c>
      <c r="GS12" s="110">
        <v>128401</v>
      </c>
      <c r="GT12" s="114">
        <v>163569</v>
      </c>
      <c r="GU12" s="113">
        <v>291970</v>
      </c>
      <c r="GV12" s="110">
        <v>0</v>
      </c>
      <c r="GW12" s="114">
        <v>207410</v>
      </c>
      <c r="GX12" s="114">
        <v>308336</v>
      </c>
      <c r="GY12" s="114">
        <v>0</v>
      </c>
      <c r="GZ12" s="114">
        <v>299005</v>
      </c>
      <c r="HA12" s="114">
        <v>0</v>
      </c>
      <c r="HB12" s="112">
        <v>814751</v>
      </c>
      <c r="HC12" s="116">
        <v>1106721</v>
      </c>
      <c r="HD12" s="110">
        <v>605019</v>
      </c>
      <c r="HE12" s="114">
        <v>573573</v>
      </c>
      <c r="HF12" s="112">
        <v>1178592</v>
      </c>
      <c r="HG12" s="111">
        <v>0</v>
      </c>
      <c r="HH12" s="114">
        <v>4645368</v>
      </c>
      <c r="HI12" s="114">
        <v>4968481</v>
      </c>
      <c r="HJ12" s="114">
        <v>4645831</v>
      </c>
      <c r="HK12" s="114">
        <v>5110512</v>
      </c>
      <c r="HL12" s="114">
        <v>3622538</v>
      </c>
      <c r="HM12" s="113">
        <v>22992730</v>
      </c>
      <c r="HN12" s="109">
        <v>24171322</v>
      </c>
      <c r="HO12" s="328"/>
      <c r="HP12" s="329"/>
      <c r="HQ12" s="330"/>
      <c r="HR12" s="331"/>
      <c r="HS12" s="329"/>
      <c r="HT12" s="329"/>
      <c r="HU12" s="329"/>
      <c r="HV12" s="329"/>
      <c r="HW12" s="329"/>
      <c r="HX12" s="332"/>
      <c r="HY12" s="333"/>
      <c r="HZ12" s="131">
        <v>0</v>
      </c>
      <c r="IA12" s="132">
        <v>0</v>
      </c>
      <c r="IB12" s="133">
        <v>0</v>
      </c>
      <c r="IC12" s="134">
        <v>0</v>
      </c>
      <c r="ID12" s="135">
        <v>3730563</v>
      </c>
      <c r="IE12" s="136">
        <v>5025965</v>
      </c>
      <c r="IF12" s="137">
        <v>5450294</v>
      </c>
      <c r="IG12" s="135">
        <v>3301578</v>
      </c>
      <c r="IH12" s="137">
        <v>2321762</v>
      </c>
      <c r="II12" s="138">
        <v>19830162</v>
      </c>
      <c r="IJ12" s="139">
        <v>19830162</v>
      </c>
      <c r="IK12" s="232">
        <v>0</v>
      </c>
      <c r="IL12" s="236">
        <v>0</v>
      </c>
      <c r="IM12" s="237">
        <v>0</v>
      </c>
      <c r="IN12" s="140"/>
      <c r="IO12" s="119">
        <v>50820</v>
      </c>
      <c r="IP12" s="119">
        <v>0</v>
      </c>
      <c r="IQ12" s="119">
        <v>173058</v>
      </c>
      <c r="IR12" s="119">
        <v>209034</v>
      </c>
      <c r="IS12" s="119">
        <v>730517</v>
      </c>
      <c r="IT12" s="141">
        <v>1163429</v>
      </c>
      <c r="IU12" s="320">
        <v>1163429</v>
      </c>
      <c r="IV12" s="142">
        <v>0</v>
      </c>
      <c r="IW12" s="119">
        <v>0</v>
      </c>
      <c r="IX12" s="120">
        <v>0</v>
      </c>
      <c r="IY12" s="144"/>
      <c r="IZ12" s="119">
        <v>0</v>
      </c>
      <c r="JA12" s="119">
        <v>0</v>
      </c>
      <c r="JB12" s="119">
        <v>0</v>
      </c>
      <c r="JC12" s="119">
        <v>9029</v>
      </c>
      <c r="JD12" s="119">
        <v>0</v>
      </c>
      <c r="JE12" s="120">
        <v>9029</v>
      </c>
      <c r="JF12" s="121">
        <v>9029</v>
      </c>
      <c r="JG12" s="142">
        <v>0</v>
      </c>
      <c r="JH12" s="119">
        <v>0</v>
      </c>
      <c r="JI12" s="141">
        <v>0</v>
      </c>
      <c r="JJ12" s="118">
        <v>0</v>
      </c>
      <c r="JK12" s="119">
        <v>1575900</v>
      </c>
      <c r="JL12" s="119">
        <v>1791319</v>
      </c>
      <c r="JM12" s="119">
        <v>1845682</v>
      </c>
      <c r="JN12" s="119">
        <v>329962</v>
      </c>
      <c r="JO12" s="119">
        <v>221161</v>
      </c>
      <c r="JP12" s="120">
        <v>5764024</v>
      </c>
      <c r="JQ12" s="320">
        <v>5764024</v>
      </c>
      <c r="JR12" s="142">
        <v>0</v>
      </c>
      <c r="JS12" s="119">
        <v>0</v>
      </c>
      <c r="JT12" s="141">
        <v>0</v>
      </c>
      <c r="JU12" s="118">
        <v>0</v>
      </c>
      <c r="JV12" s="119">
        <v>0</v>
      </c>
      <c r="JW12" s="119">
        <v>135151</v>
      </c>
      <c r="JX12" s="119">
        <v>11811</v>
      </c>
      <c r="JY12" s="119">
        <v>32228</v>
      </c>
      <c r="JZ12" s="119">
        <v>124518</v>
      </c>
      <c r="KA12" s="120">
        <v>303708</v>
      </c>
      <c r="KB12" s="320">
        <v>303708</v>
      </c>
      <c r="KC12" s="234">
        <v>0</v>
      </c>
      <c r="KD12" s="230">
        <v>0</v>
      </c>
      <c r="KE12" s="120">
        <v>0</v>
      </c>
      <c r="KF12" s="118">
        <v>0</v>
      </c>
      <c r="KG12" s="119">
        <v>206307</v>
      </c>
      <c r="KH12" s="119">
        <v>959242</v>
      </c>
      <c r="KI12" s="119">
        <v>1178274</v>
      </c>
      <c r="KJ12" s="119">
        <v>1064495</v>
      </c>
      <c r="KK12" s="119">
        <v>252491</v>
      </c>
      <c r="KL12" s="120">
        <v>3660809</v>
      </c>
      <c r="KM12" s="143">
        <v>3660809</v>
      </c>
      <c r="KN12" s="232">
        <v>0</v>
      </c>
      <c r="KO12" s="236">
        <v>0</v>
      </c>
      <c r="KP12" s="237">
        <v>0</v>
      </c>
      <c r="KQ12" s="140"/>
      <c r="KR12" s="119">
        <v>1775347</v>
      </c>
      <c r="KS12" s="119">
        <v>1958194</v>
      </c>
      <c r="KT12" s="119">
        <v>2041327</v>
      </c>
      <c r="KU12" s="119">
        <v>1600291</v>
      </c>
      <c r="KV12" s="119">
        <v>993075</v>
      </c>
      <c r="KW12" s="120">
        <v>8368234</v>
      </c>
      <c r="KX12" s="320">
        <v>8368234</v>
      </c>
      <c r="KY12" s="142">
        <v>0</v>
      </c>
      <c r="KZ12" s="119">
        <v>0</v>
      </c>
      <c r="LA12" s="120">
        <v>0</v>
      </c>
      <c r="LB12" s="145"/>
      <c r="LC12" s="119">
        <v>0</v>
      </c>
      <c r="LD12" s="119">
        <v>0</v>
      </c>
      <c r="LE12" s="119">
        <v>0</v>
      </c>
      <c r="LF12" s="119">
        <v>0</v>
      </c>
      <c r="LG12" s="119">
        <v>0</v>
      </c>
      <c r="LH12" s="120">
        <v>0</v>
      </c>
      <c r="LI12" s="121">
        <v>0</v>
      </c>
      <c r="LJ12" s="142">
        <v>0</v>
      </c>
      <c r="LK12" s="119">
        <v>0</v>
      </c>
      <c r="LL12" s="120">
        <v>0</v>
      </c>
      <c r="LM12" s="145"/>
      <c r="LN12" s="119">
        <v>0</v>
      </c>
      <c r="LO12" s="119">
        <v>182059</v>
      </c>
      <c r="LP12" s="119">
        <v>200142</v>
      </c>
      <c r="LQ12" s="119">
        <v>0</v>
      </c>
      <c r="LR12" s="119">
        <v>0</v>
      </c>
      <c r="LS12" s="120">
        <v>382201</v>
      </c>
      <c r="LT12" s="320">
        <v>382201</v>
      </c>
      <c r="LU12" s="142">
        <v>0</v>
      </c>
      <c r="LV12" s="119">
        <v>0</v>
      </c>
      <c r="LW12" s="120">
        <v>0</v>
      </c>
      <c r="LX12" s="145"/>
      <c r="LY12" s="119">
        <v>122189</v>
      </c>
      <c r="LZ12" s="119">
        <v>0</v>
      </c>
      <c r="MA12" s="119">
        <v>0</v>
      </c>
      <c r="MB12" s="119">
        <v>56539</v>
      </c>
      <c r="MC12" s="119">
        <v>0</v>
      </c>
      <c r="MD12" s="120">
        <v>178728</v>
      </c>
      <c r="ME12" s="121">
        <v>178728</v>
      </c>
      <c r="MF12" s="142">
        <v>0</v>
      </c>
      <c r="MG12" s="119">
        <v>0</v>
      </c>
      <c r="MH12" s="120">
        <v>0</v>
      </c>
      <c r="MI12" s="145"/>
      <c r="MJ12" s="119">
        <v>166532</v>
      </c>
      <c r="MK12" s="119">
        <v>2773290</v>
      </c>
      <c r="ML12" s="119">
        <v>4801076</v>
      </c>
      <c r="MM12" s="119">
        <v>9978939</v>
      </c>
      <c r="MN12" s="119">
        <v>6338089</v>
      </c>
      <c r="MO12" s="120">
        <v>24057926</v>
      </c>
      <c r="MP12" s="143">
        <v>24057926</v>
      </c>
      <c r="MQ12" s="142">
        <v>0</v>
      </c>
      <c r="MR12" s="119">
        <v>0</v>
      </c>
      <c r="MS12" s="120">
        <v>0</v>
      </c>
      <c r="MT12" s="145"/>
      <c r="MU12" s="119">
        <v>0</v>
      </c>
      <c r="MV12" s="119">
        <v>0</v>
      </c>
      <c r="MW12" s="119">
        <v>2975709</v>
      </c>
      <c r="MX12" s="119">
        <v>5588454</v>
      </c>
      <c r="MY12" s="119">
        <v>5173355</v>
      </c>
      <c r="MZ12" s="120">
        <v>13737518</v>
      </c>
      <c r="NA12" s="143">
        <v>13737518</v>
      </c>
      <c r="NB12" s="142">
        <v>0</v>
      </c>
      <c r="NC12" s="119">
        <v>0</v>
      </c>
      <c r="ND12" s="120">
        <v>0</v>
      </c>
      <c r="NE12" s="145"/>
      <c r="NF12" s="119">
        <v>166532</v>
      </c>
      <c r="NG12" s="119">
        <v>2773290</v>
      </c>
      <c r="NH12" s="119">
        <v>1825367</v>
      </c>
      <c r="NI12" s="119">
        <v>3850425</v>
      </c>
      <c r="NJ12" s="119">
        <v>264316</v>
      </c>
      <c r="NK12" s="120">
        <v>8879930</v>
      </c>
      <c r="NL12" s="320">
        <v>8879930</v>
      </c>
      <c r="NM12" s="142">
        <v>0</v>
      </c>
      <c r="NN12" s="119">
        <v>0</v>
      </c>
      <c r="NO12" s="120">
        <v>0</v>
      </c>
      <c r="NP12" s="145"/>
      <c r="NQ12" s="119">
        <v>0</v>
      </c>
      <c r="NR12" s="119">
        <v>0</v>
      </c>
      <c r="NS12" s="119">
        <v>0</v>
      </c>
      <c r="NT12" s="119">
        <v>0</v>
      </c>
      <c r="NU12" s="119">
        <v>544524</v>
      </c>
      <c r="NV12" s="120">
        <v>544524</v>
      </c>
      <c r="NW12" s="121">
        <v>544524</v>
      </c>
      <c r="NX12" s="142">
        <v>0</v>
      </c>
      <c r="NY12" s="119">
        <v>0</v>
      </c>
      <c r="NZ12" s="120">
        <v>0</v>
      </c>
      <c r="OA12" s="145"/>
      <c r="OB12" s="119">
        <v>0</v>
      </c>
      <c r="OC12" s="119">
        <v>0</v>
      </c>
      <c r="OD12" s="119">
        <v>0</v>
      </c>
      <c r="OE12" s="119">
        <v>540060</v>
      </c>
      <c r="OF12" s="119">
        <v>355894</v>
      </c>
      <c r="OG12" s="120">
        <v>895954</v>
      </c>
      <c r="OH12" s="121">
        <v>895954</v>
      </c>
      <c r="OI12" s="142">
        <v>1125330</v>
      </c>
      <c r="OJ12" s="119">
        <v>2517995</v>
      </c>
      <c r="OK12" s="141">
        <v>3643325</v>
      </c>
      <c r="OL12" s="118">
        <v>0</v>
      </c>
      <c r="OM12" s="119">
        <v>17787567</v>
      </c>
      <c r="ON12" s="119">
        <v>26873714</v>
      </c>
      <c r="OO12" s="119">
        <v>30324315</v>
      </c>
      <c r="OP12" s="119">
        <v>32621760</v>
      </c>
      <c r="OQ12" s="119">
        <v>24141569</v>
      </c>
      <c r="OR12" s="120">
        <v>131748925</v>
      </c>
      <c r="OS12" s="143">
        <v>135392250</v>
      </c>
    </row>
    <row r="13" spans="1:409" ht="21" customHeight="1" x14ac:dyDescent="0.2">
      <c r="B13" s="126" t="s">
        <v>7</v>
      </c>
      <c r="C13" s="110">
        <v>596358</v>
      </c>
      <c r="D13" s="114">
        <v>522542</v>
      </c>
      <c r="E13" s="113">
        <v>1118900</v>
      </c>
      <c r="F13" s="109">
        <v>0</v>
      </c>
      <c r="G13" s="114">
        <v>12418012</v>
      </c>
      <c r="H13" s="114">
        <v>10498685</v>
      </c>
      <c r="I13" s="114">
        <v>9430676</v>
      </c>
      <c r="J13" s="114">
        <v>7388502</v>
      </c>
      <c r="K13" s="114">
        <v>8831572</v>
      </c>
      <c r="L13" s="109">
        <v>48567447</v>
      </c>
      <c r="M13" s="116">
        <v>49686347</v>
      </c>
      <c r="N13" s="110">
        <v>116937</v>
      </c>
      <c r="O13" s="114">
        <v>25746</v>
      </c>
      <c r="P13" s="113">
        <v>142683</v>
      </c>
      <c r="Q13" s="110">
        <v>0</v>
      </c>
      <c r="R13" s="114">
        <v>3384409</v>
      </c>
      <c r="S13" s="114">
        <v>3820433</v>
      </c>
      <c r="T13" s="114">
        <v>3227047</v>
      </c>
      <c r="U13" s="114">
        <v>1608505</v>
      </c>
      <c r="V13" s="114">
        <v>4787598</v>
      </c>
      <c r="W13" s="113">
        <v>16827992</v>
      </c>
      <c r="X13" s="116">
        <v>16970675</v>
      </c>
      <c r="Y13" s="110">
        <v>0</v>
      </c>
      <c r="Z13" s="114">
        <v>0</v>
      </c>
      <c r="AA13" s="113">
        <v>0</v>
      </c>
      <c r="AB13" s="110">
        <v>0</v>
      </c>
      <c r="AC13" s="114">
        <v>1493643</v>
      </c>
      <c r="AD13" s="114">
        <v>1827935</v>
      </c>
      <c r="AE13" s="114">
        <v>1545230</v>
      </c>
      <c r="AF13" s="114">
        <v>652236</v>
      </c>
      <c r="AG13" s="114">
        <v>2981511</v>
      </c>
      <c r="AH13" s="113">
        <v>8500555</v>
      </c>
      <c r="AI13" s="116">
        <v>8500555</v>
      </c>
      <c r="AJ13" s="110">
        <v>0</v>
      </c>
      <c r="AK13" s="114">
        <v>0</v>
      </c>
      <c r="AL13" s="113">
        <v>0</v>
      </c>
      <c r="AM13" s="110">
        <v>0</v>
      </c>
      <c r="AN13" s="114">
        <v>40917</v>
      </c>
      <c r="AO13" s="114">
        <v>267981</v>
      </c>
      <c r="AP13" s="114">
        <v>82223</v>
      </c>
      <c r="AQ13" s="114">
        <v>0</v>
      </c>
      <c r="AR13" s="114">
        <v>523994</v>
      </c>
      <c r="AS13" s="113">
        <v>915115</v>
      </c>
      <c r="AT13" s="116">
        <v>915115</v>
      </c>
      <c r="AU13" s="110">
        <v>0</v>
      </c>
      <c r="AV13" s="114">
        <v>0</v>
      </c>
      <c r="AW13" s="113">
        <v>0</v>
      </c>
      <c r="AX13" s="110">
        <v>0</v>
      </c>
      <c r="AY13" s="114">
        <v>1117522</v>
      </c>
      <c r="AZ13" s="114">
        <v>1155195</v>
      </c>
      <c r="BA13" s="114">
        <v>939408</v>
      </c>
      <c r="BB13" s="114">
        <v>491716</v>
      </c>
      <c r="BC13" s="114">
        <v>968632</v>
      </c>
      <c r="BD13" s="113">
        <v>4672473</v>
      </c>
      <c r="BE13" s="116">
        <v>4672473</v>
      </c>
      <c r="BF13" s="110">
        <v>22745</v>
      </c>
      <c r="BG13" s="114">
        <v>0</v>
      </c>
      <c r="BH13" s="112">
        <v>22745</v>
      </c>
      <c r="BI13" s="111">
        <v>0</v>
      </c>
      <c r="BJ13" s="114">
        <v>90329</v>
      </c>
      <c r="BK13" s="114">
        <v>107854</v>
      </c>
      <c r="BL13" s="114">
        <v>108334</v>
      </c>
      <c r="BM13" s="114">
        <v>73967</v>
      </c>
      <c r="BN13" s="114">
        <v>54412</v>
      </c>
      <c r="BO13" s="113">
        <v>434896</v>
      </c>
      <c r="BP13" s="116">
        <v>457641</v>
      </c>
      <c r="BQ13" s="110">
        <v>94192</v>
      </c>
      <c r="BR13" s="114">
        <v>25746</v>
      </c>
      <c r="BS13" s="113">
        <v>119938</v>
      </c>
      <c r="BT13" s="110">
        <v>0</v>
      </c>
      <c r="BU13" s="114">
        <v>641998</v>
      </c>
      <c r="BV13" s="114">
        <v>461468</v>
      </c>
      <c r="BW13" s="114">
        <v>551852</v>
      </c>
      <c r="BX13" s="114">
        <v>390586</v>
      </c>
      <c r="BY13" s="114">
        <v>259049</v>
      </c>
      <c r="BZ13" s="113">
        <v>2304953</v>
      </c>
      <c r="CA13" s="116">
        <v>2424891</v>
      </c>
      <c r="CB13" s="110">
        <v>31983</v>
      </c>
      <c r="CC13" s="114">
        <v>72238</v>
      </c>
      <c r="CD13" s="113">
        <v>104221</v>
      </c>
      <c r="CE13" s="110">
        <v>0</v>
      </c>
      <c r="CF13" s="114">
        <v>4169557</v>
      </c>
      <c r="CG13" s="114">
        <v>2140693</v>
      </c>
      <c r="CH13" s="114">
        <v>1473329</v>
      </c>
      <c r="CI13" s="114">
        <v>514991</v>
      </c>
      <c r="CJ13" s="114">
        <v>563834</v>
      </c>
      <c r="CK13" s="113">
        <v>8862404</v>
      </c>
      <c r="CL13" s="116">
        <v>8966625</v>
      </c>
      <c r="CM13" s="110">
        <v>0</v>
      </c>
      <c r="CN13" s="114">
        <v>0</v>
      </c>
      <c r="CO13" s="113">
        <v>0</v>
      </c>
      <c r="CP13" s="111">
        <v>0</v>
      </c>
      <c r="CQ13" s="114">
        <v>2965068</v>
      </c>
      <c r="CR13" s="114">
        <v>1802223</v>
      </c>
      <c r="CS13" s="114">
        <v>1032275</v>
      </c>
      <c r="CT13" s="114">
        <v>471036</v>
      </c>
      <c r="CU13" s="114">
        <v>437057</v>
      </c>
      <c r="CV13" s="113">
        <v>6707659</v>
      </c>
      <c r="CW13" s="116">
        <v>6707659</v>
      </c>
      <c r="CX13" s="110">
        <v>31983</v>
      </c>
      <c r="CY13" s="114">
        <v>72238</v>
      </c>
      <c r="CZ13" s="113">
        <v>104221</v>
      </c>
      <c r="DA13" s="110">
        <v>0</v>
      </c>
      <c r="DB13" s="114">
        <v>1204489</v>
      </c>
      <c r="DC13" s="114">
        <v>338470</v>
      </c>
      <c r="DD13" s="114">
        <v>441054</v>
      </c>
      <c r="DE13" s="114">
        <v>43955</v>
      </c>
      <c r="DF13" s="114">
        <v>126777</v>
      </c>
      <c r="DG13" s="113">
        <v>2154745</v>
      </c>
      <c r="DH13" s="116">
        <v>2258966</v>
      </c>
      <c r="DI13" s="110">
        <v>0</v>
      </c>
      <c r="DJ13" s="114">
        <v>0</v>
      </c>
      <c r="DK13" s="112">
        <v>0</v>
      </c>
      <c r="DL13" s="111">
        <v>0</v>
      </c>
      <c r="DM13" s="114">
        <v>306898</v>
      </c>
      <c r="DN13" s="114">
        <v>520471</v>
      </c>
      <c r="DO13" s="114">
        <v>815657</v>
      </c>
      <c r="DP13" s="114">
        <v>520371</v>
      </c>
      <c r="DQ13" s="114">
        <v>619750</v>
      </c>
      <c r="DR13" s="113">
        <v>2783147</v>
      </c>
      <c r="DS13" s="116">
        <v>2783147</v>
      </c>
      <c r="DT13" s="110">
        <v>0</v>
      </c>
      <c r="DU13" s="114">
        <v>0</v>
      </c>
      <c r="DV13" s="113">
        <v>0</v>
      </c>
      <c r="DW13" s="110">
        <v>0</v>
      </c>
      <c r="DX13" s="114">
        <v>306898</v>
      </c>
      <c r="DY13" s="114">
        <v>520471</v>
      </c>
      <c r="DZ13" s="114">
        <v>815657</v>
      </c>
      <c r="EA13" s="114">
        <v>520371</v>
      </c>
      <c r="EB13" s="114">
        <v>541634</v>
      </c>
      <c r="EC13" s="113">
        <v>2705031</v>
      </c>
      <c r="ED13" s="116">
        <v>2705031</v>
      </c>
      <c r="EE13" s="110">
        <v>0</v>
      </c>
      <c r="EF13" s="112">
        <v>0</v>
      </c>
      <c r="EG13" s="113">
        <v>0</v>
      </c>
      <c r="EH13" s="110">
        <v>0</v>
      </c>
      <c r="EI13" s="114">
        <v>0</v>
      </c>
      <c r="EJ13" s="114">
        <v>0</v>
      </c>
      <c r="EK13" s="114">
        <v>0</v>
      </c>
      <c r="EL13" s="114">
        <v>0</v>
      </c>
      <c r="EM13" s="114">
        <v>78116</v>
      </c>
      <c r="EN13" s="112">
        <v>78116</v>
      </c>
      <c r="EO13" s="116">
        <v>78116</v>
      </c>
      <c r="EP13" s="110">
        <v>0</v>
      </c>
      <c r="EQ13" s="114">
        <v>0</v>
      </c>
      <c r="ER13" s="112">
        <v>0</v>
      </c>
      <c r="ES13" s="111">
        <v>0</v>
      </c>
      <c r="ET13" s="114">
        <v>0</v>
      </c>
      <c r="EU13" s="114">
        <v>0</v>
      </c>
      <c r="EV13" s="114">
        <v>0</v>
      </c>
      <c r="EW13" s="114">
        <v>0</v>
      </c>
      <c r="EX13" s="114">
        <v>0</v>
      </c>
      <c r="EY13" s="113">
        <v>0</v>
      </c>
      <c r="EZ13" s="116">
        <v>0</v>
      </c>
      <c r="FA13" s="110">
        <v>0</v>
      </c>
      <c r="FB13" s="114">
        <v>0</v>
      </c>
      <c r="FC13" s="112">
        <v>0</v>
      </c>
      <c r="FD13" s="347"/>
      <c r="FE13" s="114">
        <v>0</v>
      </c>
      <c r="FF13" s="114">
        <v>0</v>
      </c>
      <c r="FG13" s="114">
        <v>0</v>
      </c>
      <c r="FH13" s="114">
        <v>0</v>
      </c>
      <c r="FI13" s="114">
        <v>0</v>
      </c>
      <c r="FJ13" s="113">
        <v>0</v>
      </c>
      <c r="FK13" s="116">
        <v>0</v>
      </c>
      <c r="FL13" s="110">
        <v>69741</v>
      </c>
      <c r="FM13" s="114">
        <v>99778</v>
      </c>
      <c r="FN13" s="113">
        <v>169519</v>
      </c>
      <c r="FO13" s="110">
        <v>0</v>
      </c>
      <c r="FP13" s="114">
        <v>740845</v>
      </c>
      <c r="FQ13" s="114">
        <v>1195376</v>
      </c>
      <c r="FR13" s="114">
        <v>600999</v>
      </c>
      <c r="FS13" s="114">
        <v>456932</v>
      </c>
      <c r="FT13" s="114">
        <v>452137</v>
      </c>
      <c r="FU13" s="113">
        <v>3446289</v>
      </c>
      <c r="FV13" s="116">
        <v>3615808</v>
      </c>
      <c r="FW13" s="115">
        <v>69741</v>
      </c>
      <c r="FX13" s="114">
        <v>77602</v>
      </c>
      <c r="FY13" s="112">
        <v>147343</v>
      </c>
      <c r="FZ13" s="111">
        <v>0</v>
      </c>
      <c r="GA13" s="114">
        <v>394240</v>
      </c>
      <c r="GB13" s="114">
        <v>986895</v>
      </c>
      <c r="GC13" s="114">
        <v>600999</v>
      </c>
      <c r="GD13" s="114">
        <v>305382</v>
      </c>
      <c r="GE13" s="114">
        <v>452137</v>
      </c>
      <c r="GF13" s="113">
        <v>2739653</v>
      </c>
      <c r="GG13" s="318">
        <v>2886996</v>
      </c>
      <c r="GH13" s="115">
        <v>0</v>
      </c>
      <c r="GI13" s="114">
        <v>22176</v>
      </c>
      <c r="GJ13" s="112">
        <v>22176</v>
      </c>
      <c r="GK13" s="111">
        <v>0</v>
      </c>
      <c r="GL13" s="114">
        <v>23905</v>
      </c>
      <c r="GM13" s="114">
        <v>34881</v>
      </c>
      <c r="GN13" s="114">
        <v>0</v>
      </c>
      <c r="GO13" s="114">
        <v>11550</v>
      </c>
      <c r="GP13" s="114">
        <v>0</v>
      </c>
      <c r="GQ13" s="113">
        <v>70336</v>
      </c>
      <c r="GR13" s="116">
        <v>92512</v>
      </c>
      <c r="GS13" s="110">
        <v>0</v>
      </c>
      <c r="GT13" s="114">
        <v>0</v>
      </c>
      <c r="GU13" s="113">
        <v>0</v>
      </c>
      <c r="GV13" s="110">
        <v>0</v>
      </c>
      <c r="GW13" s="114">
        <v>322700</v>
      </c>
      <c r="GX13" s="114">
        <v>173600</v>
      </c>
      <c r="GY13" s="114">
        <v>0</v>
      </c>
      <c r="GZ13" s="114">
        <v>140000</v>
      </c>
      <c r="HA13" s="114">
        <v>0</v>
      </c>
      <c r="HB13" s="112">
        <v>636300</v>
      </c>
      <c r="HC13" s="116">
        <v>636300</v>
      </c>
      <c r="HD13" s="110">
        <v>377697</v>
      </c>
      <c r="HE13" s="114">
        <v>324780</v>
      </c>
      <c r="HF13" s="112">
        <v>702477</v>
      </c>
      <c r="HG13" s="111">
        <v>0</v>
      </c>
      <c r="HH13" s="114">
        <v>3816303</v>
      </c>
      <c r="HI13" s="114">
        <v>2821712</v>
      </c>
      <c r="HJ13" s="114">
        <v>3313644</v>
      </c>
      <c r="HK13" s="114">
        <v>4287703</v>
      </c>
      <c r="HL13" s="114">
        <v>2408253</v>
      </c>
      <c r="HM13" s="113">
        <v>16647615</v>
      </c>
      <c r="HN13" s="109">
        <v>17350092</v>
      </c>
      <c r="HO13" s="328"/>
      <c r="HP13" s="329"/>
      <c r="HQ13" s="330"/>
      <c r="HR13" s="331"/>
      <c r="HS13" s="329"/>
      <c r="HT13" s="329"/>
      <c r="HU13" s="329"/>
      <c r="HV13" s="329"/>
      <c r="HW13" s="329"/>
      <c r="HX13" s="332"/>
      <c r="HY13" s="333"/>
      <c r="HZ13" s="131">
        <v>0</v>
      </c>
      <c r="IA13" s="132">
        <v>0</v>
      </c>
      <c r="IB13" s="133">
        <v>0</v>
      </c>
      <c r="IC13" s="146">
        <v>0</v>
      </c>
      <c r="ID13" s="132">
        <v>1778617</v>
      </c>
      <c r="IE13" s="147">
        <v>2262916</v>
      </c>
      <c r="IF13" s="133">
        <v>3287382</v>
      </c>
      <c r="IG13" s="132">
        <v>1517127</v>
      </c>
      <c r="IH13" s="133">
        <v>419818</v>
      </c>
      <c r="II13" s="148">
        <v>9265860</v>
      </c>
      <c r="IJ13" s="139">
        <v>9265860</v>
      </c>
      <c r="IK13" s="232">
        <v>0</v>
      </c>
      <c r="IL13" s="236">
        <v>0</v>
      </c>
      <c r="IM13" s="237">
        <v>0</v>
      </c>
      <c r="IN13" s="140"/>
      <c r="IO13" s="119">
        <v>0</v>
      </c>
      <c r="IP13" s="119">
        <v>96621</v>
      </c>
      <c r="IQ13" s="119">
        <v>325396</v>
      </c>
      <c r="IR13" s="119">
        <v>0</v>
      </c>
      <c r="IS13" s="119">
        <v>0</v>
      </c>
      <c r="IT13" s="141">
        <v>422017</v>
      </c>
      <c r="IU13" s="320">
        <v>422017</v>
      </c>
      <c r="IV13" s="142">
        <v>0</v>
      </c>
      <c r="IW13" s="119">
        <v>0</v>
      </c>
      <c r="IX13" s="120">
        <v>0</v>
      </c>
      <c r="IY13" s="144"/>
      <c r="IZ13" s="119">
        <v>0</v>
      </c>
      <c r="JA13" s="119">
        <v>0</v>
      </c>
      <c r="JB13" s="119">
        <v>0</v>
      </c>
      <c r="JC13" s="119">
        <v>0</v>
      </c>
      <c r="JD13" s="119">
        <v>0</v>
      </c>
      <c r="JE13" s="120">
        <v>0</v>
      </c>
      <c r="JF13" s="121">
        <v>0</v>
      </c>
      <c r="JG13" s="142">
        <v>0</v>
      </c>
      <c r="JH13" s="119">
        <v>0</v>
      </c>
      <c r="JI13" s="141">
        <v>0</v>
      </c>
      <c r="JJ13" s="118">
        <v>0</v>
      </c>
      <c r="JK13" s="119">
        <v>930352</v>
      </c>
      <c r="JL13" s="119">
        <v>865712</v>
      </c>
      <c r="JM13" s="119">
        <v>668009</v>
      </c>
      <c r="JN13" s="119">
        <v>469836</v>
      </c>
      <c r="JO13" s="119">
        <v>84875</v>
      </c>
      <c r="JP13" s="120">
        <v>3018784</v>
      </c>
      <c r="JQ13" s="320">
        <v>3018784</v>
      </c>
      <c r="JR13" s="142">
        <v>0</v>
      </c>
      <c r="JS13" s="119">
        <v>0</v>
      </c>
      <c r="JT13" s="141">
        <v>0</v>
      </c>
      <c r="JU13" s="118">
        <v>0</v>
      </c>
      <c r="JV13" s="119">
        <v>114636</v>
      </c>
      <c r="JW13" s="119">
        <v>402130</v>
      </c>
      <c r="JX13" s="119">
        <v>540453</v>
      </c>
      <c r="JY13" s="119">
        <v>357927</v>
      </c>
      <c r="JZ13" s="119">
        <v>107879</v>
      </c>
      <c r="KA13" s="120">
        <v>1523025</v>
      </c>
      <c r="KB13" s="320">
        <v>1523025</v>
      </c>
      <c r="KC13" s="234">
        <v>0</v>
      </c>
      <c r="KD13" s="230">
        <v>0</v>
      </c>
      <c r="KE13" s="120">
        <v>0</v>
      </c>
      <c r="KF13" s="118">
        <v>0</v>
      </c>
      <c r="KG13" s="119">
        <v>95406</v>
      </c>
      <c r="KH13" s="119">
        <v>277098</v>
      </c>
      <c r="KI13" s="119">
        <v>181345</v>
      </c>
      <c r="KJ13" s="119">
        <v>0</v>
      </c>
      <c r="KK13" s="119">
        <v>0</v>
      </c>
      <c r="KL13" s="120">
        <v>553849</v>
      </c>
      <c r="KM13" s="143">
        <v>553849</v>
      </c>
      <c r="KN13" s="232">
        <v>0</v>
      </c>
      <c r="KO13" s="236">
        <v>0</v>
      </c>
      <c r="KP13" s="237">
        <v>0</v>
      </c>
      <c r="KQ13" s="140"/>
      <c r="KR13" s="119">
        <v>638223</v>
      </c>
      <c r="KS13" s="119">
        <v>621355</v>
      </c>
      <c r="KT13" s="119">
        <v>1572179</v>
      </c>
      <c r="KU13" s="119">
        <v>689364</v>
      </c>
      <c r="KV13" s="119">
        <v>227064</v>
      </c>
      <c r="KW13" s="120">
        <v>3748185</v>
      </c>
      <c r="KX13" s="320">
        <v>3748185</v>
      </c>
      <c r="KY13" s="142">
        <v>0</v>
      </c>
      <c r="KZ13" s="119">
        <v>0</v>
      </c>
      <c r="LA13" s="120">
        <v>0</v>
      </c>
      <c r="LB13" s="145"/>
      <c r="LC13" s="119">
        <v>0</v>
      </c>
      <c r="LD13" s="119">
        <v>0</v>
      </c>
      <c r="LE13" s="119">
        <v>0</v>
      </c>
      <c r="LF13" s="119">
        <v>0</v>
      </c>
      <c r="LG13" s="119">
        <v>0</v>
      </c>
      <c r="LH13" s="120">
        <v>0</v>
      </c>
      <c r="LI13" s="121">
        <v>0</v>
      </c>
      <c r="LJ13" s="142">
        <v>0</v>
      </c>
      <c r="LK13" s="119">
        <v>0</v>
      </c>
      <c r="LL13" s="120">
        <v>0</v>
      </c>
      <c r="LM13" s="145"/>
      <c r="LN13" s="119">
        <v>0</v>
      </c>
      <c r="LO13" s="119">
        <v>0</v>
      </c>
      <c r="LP13" s="119">
        <v>0</v>
      </c>
      <c r="LQ13" s="119">
        <v>0</v>
      </c>
      <c r="LR13" s="119">
        <v>0</v>
      </c>
      <c r="LS13" s="120">
        <v>0</v>
      </c>
      <c r="LT13" s="320">
        <v>0</v>
      </c>
      <c r="LU13" s="142">
        <v>0</v>
      </c>
      <c r="LV13" s="119">
        <v>0</v>
      </c>
      <c r="LW13" s="120">
        <v>0</v>
      </c>
      <c r="LX13" s="145"/>
      <c r="LY13" s="119">
        <v>0</v>
      </c>
      <c r="LZ13" s="119">
        <v>0</v>
      </c>
      <c r="MA13" s="119">
        <v>0</v>
      </c>
      <c r="MB13" s="119">
        <v>0</v>
      </c>
      <c r="MC13" s="119">
        <v>0</v>
      </c>
      <c r="MD13" s="120">
        <v>0</v>
      </c>
      <c r="ME13" s="121">
        <v>0</v>
      </c>
      <c r="MF13" s="142">
        <v>0</v>
      </c>
      <c r="MG13" s="119">
        <v>0</v>
      </c>
      <c r="MH13" s="120">
        <v>0</v>
      </c>
      <c r="MI13" s="145"/>
      <c r="MJ13" s="119">
        <v>87750</v>
      </c>
      <c r="MK13" s="119">
        <v>757865</v>
      </c>
      <c r="ML13" s="119">
        <v>1480564</v>
      </c>
      <c r="MM13" s="119">
        <v>7018606</v>
      </c>
      <c r="MN13" s="119">
        <v>2889698</v>
      </c>
      <c r="MO13" s="120">
        <v>12234483</v>
      </c>
      <c r="MP13" s="143">
        <v>12234483</v>
      </c>
      <c r="MQ13" s="142">
        <v>0</v>
      </c>
      <c r="MR13" s="119">
        <v>0</v>
      </c>
      <c r="MS13" s="120">
        <v>0</v>
      </c>
      <c r="MT13" s="145"/>
      <c r="MU13" s="119">
        <v>0</v>
      </c>
      <c r="MV13" s="119">
        <v>0</v>
      </c>
      <c r="MW13" s="119">
        <v>659057</v>
      </c>
      <c r="MX13" s="119">
        <v>4925857</v>
      </c>
      <c r="MY13" s="119">
        <v>2343095</v>
      </c>
      <c r="MZ13" s="120">
        <v>7928009</v>
      </c>
      <c r="NA13" s="143">
        <v>7928009</v>
      </c>
      <c r="NB13" s="142">
        <v>0</v>
      </c>
      <c r="NC13" s="119">
        <v>0</v>
      </c>
      <c r="ND13" s="120">
        <v>0</v>
      </c>
      <c r="NE13" s="145"/>
      <c r="NF13" s="119">
        <v>87750</v>
      </c>
      <c r="NG13" s="119">
        <v>757865</v>
      </c>
      <c r="NH13" s="119">
        <v>821507</v>
      </c>
      <c r="NI13" s="119">
        <v>2092749</v>
      </c>
      <c r="NJ13" s="119">
        <v>546603</v>
      </c>
      <c r="NK13" s="120">
        <v>4306474</v>
      </c>
      <c r="NL13" s="320">
        <v>4306474</v>
      </c>
      <c r="NM13" s="142">
        <v>0</v>
      </c>
      <c r="NN13" s="119">
        <v>0</v>
      </c>
      <c r="NO13" s="120">
        <v>0</v>
      </c>
      <c r="NP13" s="145"/>
      <c r="NQ13" s="119">
        <v>0</v>
      </c>
      <c r="NR13" s="119">
        <v>0</v>
      </c>
      <c r="NS13" s="119">
        <v>0</v>
      </c>
      <c r="NT13" s="119">
        <v>0</v>
      </c>
      <c r="NU13" s="119">
        <v>0</v>
      </c>
      <c r="NV13" s="120">
        <v>0</v>
      </c>
      <c r="NW13" s="121">
        <v>0</v>
      </c>
      <c r="NX13" s="142">
        <v>0</v>
      </c>
      <c r="NY13" s="119">
        <v>0</v>
      </c>
      <c r="NZ13" s="120">
        <v>0</v>
      </c>
      <c r="OA13" s="145"/>
      <c r="OB13" s="119">
        <v>0</v>
      </c>
      <c r="OC13" s="119">
        <v>0</v>
      </c>
      <c r="OD13" s="119">
        <v>0</v>
      </c>
      <c r="OE13" s="119">
        <v>0</v>
      </c>
      <c r="OF13" s="119">
        <v>0</v>
      </c>
      <c r="OG13" s="120">
        <v>0</v>
      </c>
      <c r="OH13" s="121">
        <v>0</v>
      </c>
      <c r="OI13" s="142">
        <v>596358</v>
      </c>
      <c r="OJ13" s="119">
        <v>522542</v>
      </c>
      <c r="OK13" s="141">
        <v>1118900</v>
      </c>
      <c r="OL13" s="118">
        <v>0</v>
      </c>
      <c r="OM13" s="119">
        <v>14284379</v>
      </c>
      <c r="ON13" s="119">
        <v>13519466</v>
      </c>
      <c r="OO13" s="119">
        <v>14198622</v>
      </c>
      <c r="OP13" s="119">
        <v>15924235</v>
      </c>
      <c r="OQ13" s="119">
        <v>12141088</v>
      </c>
      <c r="OR13" s="120">
        <v>70067790</v>
      </c>
      <c r="OS13" s="143">
        <v>71186690</v>
      </c>
    </row>
    <row r="14" spans="1:409" ht="21" customHeight="1" x14ac:dyDescent="0.2">
      <c r="B14" s="126" t="s">
        <v>8</v>
      </c>
      <c r="C14" s="110">
        <v>557744</v>
      </c>
      <c r="D14" s="114">
        <v>433627</v>
      </c>
      <c r="E14" s="113">
        <v>991371</v>
      </c>
      <c r="F14" s="109">
        <v>0</v>
      </c>
      <c r="G14" s="114">
        <v>5083850</v>
      </c>
      <c r="H14" s="114">
        <v>6113404</v>
      </c>
      <c r="I14" s="114">
        <v>4365207</v>
      </c>
      <c r="J14" s="114">
        <v>6249924</v>
      </c>
      <c r="K14" s="114">
        <v>4202495</v>
      </c>
      <c r="L14" s="109">
        <v>26014880</v>
      </c>
      <c r="M14" s="116">
        <v>27006251</v>
      </c>
      <c r="N14" s="110">
        <v>164612</v>
      </c>
      <c r="O14" s="114">
        <v>87307</v>
      </c>
      <c r="P14" s="113">
        <v>251919</v>
      </c>
      <c r="Q14" s="110">
        <v>0</v>
      </c>
      <c r="R14" s="114">
        <v>1623157</v>
      </c>
      <c r="S14" s="114">
        <v>1861207</v>
      </c>
      <c r="T14" s="114">
        <v>1294817</v>
      </c>
      <c r="U14" s="114">
        <v>2013833</v>
      </c>
      <c r="V14" s="114">
        <v>1358035</v>
      </c>
      <c r="W14" s="113">
        <v>8151049</v>
      </c>
      <c r="X14" s="116">
        <v>8402968</v>
      </c>
      <c r="Y14" s="110">
        <v>0</v>
      </c>
      <c r="Z14" s="114">
        <v>0</v>
      </c>
      <c r="AA14" s="113">
        <v>0</v>
      </c>
      <c r="AB14" s="110">
        <v>0</v>
      </c>
      <c r="AC14" s="114">
        <v>871749</v>
      </c>
      <c r="AD14" s="114">
        <v>838284</v>
      </c>
      <c r="AE14" s="114">
        <v>810559</v>
      </c>
      <c r="AF14" s="114">
        <v>605714</v>
      </c>
      <c r="AG14" s="114">
        <v>1283755</v>
      </c>
      <c r="AH14" s="113">
        <v>4410061</v>
      </c>
      <c r="AI14" s="116">
        <v>4410061</v>
      </c>
      <c r="AJ14" s="110">
        <v>0</v>
      </c>
      <c r="AK14" s="114">
        <v>0</v>
      </c>
      <c r="AL14" s="113">
        <v>0</v>
      </c>
      <c r="AM14" s="110">
        <v>0</v>
      </c>
      <c r="AN14" s="114">
        <v>0</v>
      </c>
      <c r="AO14" s="114">
        <v>11856</v>
      </c>
      <c r="AP14" s="114">
        <v>50437</v>
      </c>
      <c r="AQ14" s="114">
        <v>268032</v>
      </c>
      <c r="AR14" s="114">
        <v>-574984</v>
      </c>
      <c r="AS14" s="113">
        <v>-244659</v>
      </c>
      <c r="AT14" s="116">
        <v>-244659</v>
      </c>
      <c r="AU14" s="110">
        <v>78632</v>
      </c>
      <c r="AV14" s="114">
        <v>39111</v>
      </c>
      <c r="AW14" s="113">
        <v>117743</v>
      </c>
      <c r="AX14" s="110">
        <v>0</v>
      </c>
      <c r="AY14" s="114">
        <v>515484</v>
      </c>
      <c r="AZ14" s="114">
        <v>776787</v>
      </c>
      <c r="BA14" s="114">
        <v>257628</v>
      </c>
      <c r="BB14" s="114">
        <v>627490</v>
      </c>
      <c r="BC14" s="114">
        <v>349256</v>
      </c>
      <c r="BD14" s="113">
        <v>2526645</v>
      </c>
      <c r="BE14" s="116">
        <v>2644388</v>
      </c>
      <c r="BF14" s="110">
        <v>20803</v>
      </c>
      <c r="BG14" s="114">
        <v>13868</v>
      </c>
      <c r="BH14" s="112">
        <v>34671</v>
      </c>
      <c r="BI14" s="111">
        <v>0</v>
      </c>
      <c r="BJ14" s="114">
        <v>76191</v>
      </c>
      <c r="BK14" s="114">
        <v>6388</v>
      </c>
      <c r="BL14" s="114">
        <v>69380</v>
      </c>
      <c r="BM14" s="114">
        <v>240843</v>
      </c>
      <c r="BN14" s="114">
        <v>86361</v>
      </c>
      <c r="BO14" s="113">
        <v>479163</v>
      </c>
      <c r="BP14" s="116">
        <v>513834</v>
      </c>
      <c r="BQ14" s="110">
        <v>65177</v>
      </c>
      <c r="BR14" s="114">
        <v>34328</v>
      </c>
      <c r="BS14" s="113">
        <v>99505</v>
      </c>
      <c r="BT14" s="110">
        <v>0</v>
      </c>
      <c r="BU14" s="114">
        <v>159733</v>
      </c>
      <c r="BV14" s="114">
        <v>227892</v>
      </c>
      <c r="BW14" s="114">
        <v>106813</v>
      </c>
      <c r="BX14" s="114">
        <v>271754</v>
      </c>
      <c r="BY14" s="114">
        <v>213647</v>
      </c>
      <c r="BZ14" s="113">
        <v>979839</v>
      </c>
      <c r="CA14" s="116">
        <v>1079344</v>
      </c>
      <c r="CB14" s="110">
        <v>17805</v>
      </c>
      <c r="CC14" s="114">
        <v>131288</v>
      </c>
      <c r="CD14" s="113">
        <v>149093</v>
      </c>
      <c r="CE14" s="110">
        <v>0</v>
      </c>
      <c r="CF14" s="114">
        <v>1468840</v>
      </c>
      <c r="CG14" s="114">
        <v>1809900</v>
      </c>
      <c r="CH14" s="114">
        <v>818702</v>
      </c>
      <c r="CI14" s="114">
        <v>1185328</v>
      </c>
      <c r="CJ14" s="114">
        <v>597771</v>
      </c>
      <c r="CK14" s="113">
        <v>5880541</v>
      </c>
      <c r="CL14" s="116">
        <v>6029634</v>
      </c>
      <c r="CM14" s="110">
        <v>0</v>
      </c>
      <c r="CN14" s="114">
        <v>0</v>
      </c>
      <c r="CO14" s="113">
        <v>0</v>
      </c>
      <c r="CP14" s="111">
        <v>0</v>
      </c>
      <c r="CQ14" s="114">
        <v>1137009</v>
      </c>
      <c r="CR14" s="114">
        <v>1313193</v>
      </c>
      <c r="CS14" s="114">
        <v>369858</v>
      </c>
      <c r="CT14" s="114">
        <v>773172</v>
      </c>
      <c r="CU14" s="114">
        <v>376215</v>
      </c>
      <c r="CV14" s="113">
        <v>3969447</v>
      </c>
      <c r="CW14" s="116">
        <v>3969447</v>
      </c>
      <c r="CX14" s="110">
        <v>17805</v>
      </c>
      <c r="CY14" s="114">
        <v>131288</v>
      </c>
      <c r="CZ14" s="113">
        <v>149093</v>
      </c>
      <c r="DA14" s="110">
        <v>0</v>
      </c>
      <c r="DB14" s="114">
        <v>331831</v>
      </c>
      <c r="DC14" s="114">
        <v>496707</v>
      </c>
      <c r="DD14" s="114">
        <v>448844</v>
      </c>
      <c r="DE14" s="114">
        <v>412156</v>
      </c>
      <c r="DF14" s="114">
        <v>221556</v>
      </c>
      <c r="DG14" s="113">
        <v>1911094</v>
      </c>
      <c r="DH14" s="116">
        <v>2060187</v>
      </c>
      <c r="DI14" s="110">
        <v>0</v>
      </c>
      <c r="DJ14" s="114">
        <v>0</v>
      </c>
      <c r="DK14" s="112">
        <v>0</v>
      </c>
      <c r="DL14" s="111">
        <v>0</v>
      </c>
      <c r="DM14" s="114">
        <v>262123</v>
      </c>
      <c r="DN14" s="114">
        <v>462434</v>
      </c>
      <c r="DO14" s="114">
        <v>821818</v>
      </c>
      <c r="DP14" s="114">
        <v>399132</v>
      </c>
      <c r="DQ14" s="114">
        <v>79676</v>
      </c>
      <c r="DR14" s="113">
        <v>2025183</v>
      </c>
      <c r="DS14" s="116">
        <v>2025183</v>
      </c>
      <c r="DT14" s="110">
        <v>0</v>
      </c>
      <c r="DU14" s="114">
        <v>0</v>
      </c>
      <c r="DV14" s="113">
        <v>0</v>
      </c>
      <c r="DW14" s="110">
        <v>0</v>
      </c>
      <c r="DX14" s="114">
        <v>262123</v>
      </c>
      <c r="DY14" s="114">
        <v>462434</v>
      </c>
      <c r="DZ14" s="114">
        <v>821818</v>
      </c>
      <c r="EA14" s="114">
        <v>399132</v>
      </c>
      <c r="EB14" s="114">
        <v>79676</v>
      </c>
      <c r="EC14" s="113">
        <v>2025183</v>
      </c>
      <c r="ED14" s="116">
        <v>2025183</v>
      </c>
      <c r="EE14" s="110">
        <v>0</v>
      </c>
      <c r="EF14" s="112">
        <v>0</v>
      </c>
      <c r="EG14" s="113">
        <v>0</v>
      </c>
      <c r="EH14" s="110">
        <v>0</v>
      </c>
      <c r="EI14" s="114">
        <v>0</v>
      </c>
      <c r="EJ14" s="114">
        <v>0</v>
      </c>
      <c r="EK14" s="114">
        <v>0</v>
      </c>
      <c r="EL14" s="114">
        <v>0</v>
      </c>
      <c r="EM14" s="114">
        <v>0</v>
      </c>
      <c r="EN14" s="112">
        <v>0</v>
      </c>
      <c r="EO14" s="116">
        <v>0</v>
      </c>
      <c r="EP14" s="110">
        <v>0</v>
      </c>
      <c r="EQ14" s="114">
        <v>0</v>
      </c>
      <c r="ER14" s="112">
        <v>0</v>
      </c>
      <c r="ES14" s="111">
        <v>0</v>
      </c>
      <c r="ET14" s="114">
        <v>0</v>
      </c>
      <c r="EU14" s="114">
        <v>0</v>
      </c>
      <c r="EV14" s="114">
        <v>0</v>
      </c>
      <c r="EW14" s="114">
        <v>0</v>
      </c>
      <c r="EX14" s="114">
        <v>0</v>
      </c>
      <c r="EY14" s="113">
        <v>0</v>
      </c>
      <c r="EZ14" s="116">
        <v>0</v>
      </c>
      <c r="FA14" s="110">
        <v>0</v>
      </c>
      <c r="FB14" s="114">
        <v>0</v>
      </c>
      <c r="FC14" s="112">
        <v>0</v>
      </c>
      <c r="FD14" s="347"/>
      <c r="FE14" s="114">
        <v>0</v>
      </c>
      <c r="FF14" s="114">
        <v>0</v>
      </c>
      <c r="FG14" s="114">
        <v>0</v>
      </c>
      <c r="FH14" s="114">
        <v>0</v>
      </c>
      <c r="FI14" s="114">
        <v>0</v>
      </c>
      <c r="FJ14" s="113">
        <v>0</v>
      </c>
      <c r="FK14" s="116">
        <v>0</v>
      </c>
      <c r="FL14" s="110">
        <v>32403</v>
      </c>
      <c r="FM14" s="114">
        <v>56210</v>
      </c>
      <c r="FN14" s="113">
        <v>88613</v>
      </c>
      <c r="FO14" s="110">
        <v>0</v>
      </c>
      <c r="FP14" s="114">
        <v>283899</v>
      </c>
      <c r="FQ14" s="114">
        <v>422222</v>
      </c>
      <c r="FR14" s="114">
        <v>389698</v>
      </c>
      <c r="FS14" s="114">
        <v>597889</v>
      </c>
      <c r="FT14" s="114">
        <v>206167</v>
      </c>
      <c r="FU14" s="113">
        <v>1899875</v>
      </c>
      <c r="FV14" s="116">
        <v>1988488</v>
      </c>
      <c r="FW14" s="115">
        <v>32403</v>
      </c>
      <c r="FX14" s="114">
        <v>56210</v>
      </c>
      <c r="FY14" s="112">
        <v>88613</v>
      </c>
      <c r="FZ14" s="111">
        <v>0</v>
      </c>
      <c r="GA14" s="114">
        <v>210749</v>
      </c>
      <c r="GB14" s="114">
        <v>422222</v>
      </c>
      <c r="GC14" s="114">
        <v>249698</v>
      </c>
      <c r="GD14" s="114">
        <v>531592</v>
      </c>
      <c r="GE14" s="114">
        <v>206167</v>
      </c>
      <c r="GF14" s="113">
        <v>1620428</v>
      </c>
      <c r="GG14" s="318">
        <v>1709041</v>
      </c>
      <c r="GH14" s="115">
        <v>0</v>
      </c>
      <c r="GI14" s="114">
        <v>0</v>
      </c>
      <c r="GJ14" s="112">
        <v>0</v>
      </c>
      <c r="GK14" s="111">
        <v>0</v>
      </c>
      <c r="GL14" s="114">
        <v>0</v>
      </c>
      <c r="GM14" s="114">
        <v>0</v>
      </c>
      <c r="GN14" s="114">
        <v>0</v>
      </c>
      <c r="GO14" s="114">
        <v>45045</v>
      </c>
      <c r="GP14" s="114">
        <v>0</v>
      </c>
      <c r="GQ14" s="113">
        <v>45045</v>
      </c>
      <c r="GR14" s="116">
        <v>45045</v>
      </c>
      <c r="GS14" s="110">
        <v>0</v>
      </c>
      <c r="GT14" s="114">
        <v>0</v>
      </c>
      <c r="GU14" s="113">
        <v>0</v>
      </c>
      <c r="GV14" s="110">
        <v>0</v>
      </c>
      <c r="GW14" s="114">
        <v>73150</v>
      </c>
      <c r="GX14" s="114">
        <v>0</v>
      </c>
      <c r="GY14" s="114">
        <v>140000</v>
      </c>
      <c r="GZ14" s="114">
        <v>21252</v>
      </c>
      <c r="HA14" s="114">
        <v>0</v>
      </c>
      <c r="HB14" s="112">
        <v>234402</v>
      </c>
      <c r="HC14" s="116">
        <v>234402</v>
      </c>
      <c r="HD14" s="110">
        <v>342924</v>
      </c>
      <c r="HE14" s="114">
        <v>158822</v>
      </c>
      <c r="HF14" s="112">
        <v>501746</v>
      </c>
      <c r="HG14" s="111">
        <v>0</v>
      </c>
      <c r="HH14" s="114">
        <v>1445831</v>
      </c>
      <c r="HI14" s="114">
        <v>1557641</v>
      </c>
      <c r="HJ14" s="114">
        <v>1040172</v>
      </c>
      <c r="HK14" s="114">
        <v>2053742</v>
      </c>
      <c r="HL14" s="114">
        <v>1960846</v>
      </c>
      <c r="HM14" s="113">
        <v>8058232</v>
      </c>
      <c r="HN14" s="109">
        <v>8559978</v>
      </c>
      <c r="HO14" s="328"/>
      <c r="HP14" s="329"/>
      <c r="HQ14" s="330"/>
      <c r="HR14" s="331"/>
      <c r="HS14" s="329"/>
      <c r="HT14" s="329"/>
      <c r="HU14" s="329"/>
      <c r="HV14" s="329"/>
      <c r="HW14" s="329"/>
      <c r="HX14" s="332"/>
      <c r="HY14" s="333"/>
      <c r="HZ14" s="131">
        <v>0</v>
      </c>
      <c r="IA14" s="132">
        <v>0</v>
      </c>
      <c r="IB14" s="133">
        <v>0</v>
      </c>
      <c r="IC14" s="134">
        <v>0</v>
      </c>
      <c r="ID14" s="135">
        <v>1315679</v>
      </c>
      <c r="IE14" s="136">
        <v>1317825</v>
      </c>
      <c r="IF14" s="137">
        <v>683431</v>
      </c>
      <c r="IG14" s="135">
        <v>1809226</v>
      </c>
      <c r="IH14" s="137">
        <v>603141</v>
      </c>
      <c r="II14" s="138">
        <v>5729302</v>
      </c>
      <c r="IJ14" s="139">
        <v>5729302</v>
      </c>
      <c r="IK14" s="232">
        <v>0</v>
      </c>
      <c r="IL14" s="236">
        <v>0</v>
      </c>
      <c r="IM14" s="237">
        <v>0</v>
      </c>
      <c r="IN14" s="140"/>
      <c r="IO14" s="119">
        <v>0</v>
      </c>
      <c r="IP14" s="119">
        <v>0</v>
      </c>
      <c r="IQ14" s="119">
        <v>0</v>
      </c>
      <c r="IR14" s="119">
        <v>215000</v>
      </c>
      <c r="IS14" s="119">
        <v>0</v>
      </c>
      <c r="IT14" s="141">
        <v>215000</v>
      </c>
      <c r="IU14" s="320">
        <v>215000</v>
      </c>
      <c r="IV14" s="142">
        <v>0</v>
      </c>
      <c r="IW14" s="119">
        <v>0</v>
      </c>
      <c r="IX14" s="120">
        <v>0</v>
      </c>
      <c r="IY14" s="144"/>
      <c r="IZ14" s="119">
        <v>0</v>
      </c>
      <c r="JA14" s="119">
        <v>0</v>
      </c>
      <c r="JB14" s="119">
        <v>0</v>
      </c>
      <c r="JC14" s="119">
        <v>0</v>
      </c>
      <c r="JD14" s="119">
        <v>0</v>
      </c>
      <c r="JE14" s="120">
        <v>0</v>
      </c>
      <c r="JF14" s="121">
        <v>0</v>
      </c>
      <c r="JG14" s="142">
        <v>0</v>
      </c>
      <c r="JH14" s="119">
        <v>0</v>
      </c>
      <c r="JI14" s="141">
        <v>0</v>
      </c>
      <c r="JJ14" s="118">
        <v>0</v>
      </c>
      <c r="JK14" s="119">
        <v>1124187</v>
      </c>
      <c r="JL14" s="119">
        <v>786150</v>
      </c>
      <c r="JM14" s="119">
        <v>515785</v>
      </c>
      <c r="JN14" s="119">
        <v>289825</v>
      </c>
      <c r="JO14" s="119">
        <v>93982</v>
      </c>
      <c r="JP14" s="120">
        <v>2809929</v>
      </c>
      <c r="JQ14" s="320">
        <v>2809929</v>
      </c>
      <c r="JR14" s="142">
        <v>0</v>
      </c>
      <c r="JS14" s="119">
        <v>0</v>
      </c>
      <c r="JT14" s="141">
        <v>0</v>
      </c>
      <c r="JU14" s="118">
        <v>0</v>
      </c>
      <c r="JV14" s="119">
        <v>0</v>
      </c>
      <c r="JW14" s="119">
        <v>89792</v>
      </c>
      <c r="JX14" s="119">
        <v>0</v>
      </c>
      <c r="JY14" s="119">
        <v>0</v>
      </c>
      <c r="JZ14" s="119">
        <v>0</v>
      </c>
      <c r="KA14" s="120">
        <v>89792</v>
      </c>
      <c r="KB14" s="320">
        <v>89792</v>
      </c>
      <c r="KC14" s="234">
        <v>0</v>
      </c>
      <c r="KD14" s="230">
        <v>0</v>
      </c>
      <c r="KE14" s="120">
        <v>0</v>
      </c>
      <c r="KF14" s="118">
        <v>0</v>
      </c>
      <c r="KG14" s="119">
        <v>191492</v>
      </c>
      <c r="KH14" s="119">
        <v>0</v>
      </c>
      <c r="KI14" s="119">
        <v>167646</v>
      </c>
      <c r="KJ14" s="119">
        <v>214105</v>
      </c>
      <c r="KK14" s="119">
        <v>0</v>
      </c>
      <c r="KL14" s="120">
        <v>573243</v>
      </c>
      <c r="KM14" s="143">
        <v>573243</v>
      </c>
      <c r="KN14" s="232">
        <v>0</v>
      </c>
      <c r="KO14" s="236">
        <v>0</v>
      </c>
      <c r="KP14" s="237">
        <v>0</v>
      </c>
      <c r="KQ14" s="140"/>
      <c r="KR14" s="119">
        <v>0</v>
      </c>
      <c r="KS14" s="119">
        <v>441883</v>
      </c>
      <c r="KT14" s="119">
        <v>0</v>
      </c>
      <c r="KU14" s="119">
        <v>898198</v>
      </c>
      <c r="KV14" s="119">
        <v>244613</v>
      </c>
      <c r="KW14" s="120">
        <v>1584694</v>
      </c>
      <c r="KX14" s="320">
        <v>1584694</v>
      </c>
      <c r="KY14" s="142">
        <v>0</v>
      </c>
      <c r="KZ14" s="119">
        <v>0</v>
      </c>
      <c r="LA14" s="120">
        <v>0</v>
      </c>
      <c r="LB14" s="145"/>
      <c r="LC14" s="119">
        <v>0</v>
      </c>
      <c r="LD14" s="119">
        <v>0</v>
      </c>
      <c r="LE14" s="119">
        <v>0</v>
      </c>
      <c r="LF14" s="119">
        <v>192098</v>
      </c>
      <c r="LG14" s="119">
        <v>0</v>
      </c>
      <c r="LH14" s="120">
        <v>192098</v>
      </c>
      <c r="LI14" s="121">
        <v>192098</v>
      </c>
      <c r="LJ14" s="142">
        <v>0</v>
      </c>
      <c r="LK14" s="119">
        <v>0</v>
      </c>
      <c r="LL14" s="120">
        <v>0</v>
      </c>
      <c r="LM14" s="145"/>
      <c r="LN14" s="119">
        <v>0</v>
      </c>
      <c r="LO14" s="119">
        <v>0</v>
      </c>
      <c r="LP14" s="119">
        <v>0</v>
      </c>
      <c r="LQ14" s="119">
        <v>0</v>
      </c>
      <c r="LR14" s="119">
        <v>264546</v>
      </c>
      <c r="LS14" s="120">
        <v>264546</v>
      </c>
      <c r="LT14" s="320">
        <v>264546</v>
      </c>
      <c r="LU14" s="142">
        <v>0</v>
      </c>
      <c r="LV14" s="119">
        <v>0</v>
      </c>
      <c r="LW14" s="120">
        <v>0</v>
      </c>
      <c r="LX14" s="145"/>
      <c r="LY14" s="119">
        <v>0</v>
      </c>
      <c r="LZ14" s="119">
        <v>0</v>
      </c>
      <c r="MA14" s="119">
        <v>0</v>
      </c>
      <c r="MB14" s="119">
        <v>0</v>
      </c>
      <c r="MC14" s="119">
        <v>0</v>
      </c>
      <c r="MD14" s="120">
        <v>0</v>
      </c>
      <c r="ME14" s="121">
        <v>0</v>
      </c>
      <c r="MF14" s="142">
        <v>0</v>
      </c>
      <c r="MG14" s="119">
        <v>0</v>
      </c>
      <c r="MH14" s="120">
        <v>0</v>
      </c>
      <c r="MI14" s="145"/>
      <c r="MJ14" s="119">
        <v>200079</v>
      </c>
      <c r="MK14" s="119">
        <v>863564</v>
      </c>
      <c r="ML14" s="119">
        <v>2069497</v>
      </c>
      <c r="MM14" s="119">
        <v>3910906</v>
      </c>
      <c r="MN14" s="119">
        <v>1769266</v>
      </c>
      <c r="MO14" s="120">
        <v>8813312</v>
      </c>
      <c r="MP14" s="143">
        <v>8813312</v>
      </c>
      <c r="MQ14" s="142">
        <v>0</v>
      </c>
      <c r="MR14" s="119">
        <v>0</v>
      </c>
      <c r="MS14" s="120">
        <v>0</v>
      </c>
      <c r="MT14" s="145"/>
      <c r="MU14" s="119">
        <v>-234</v>
      </c>
      <c r="MV14" s="119">
        <v>207439</v>
      </c>
      <c r="MW14" s="119">
        <v>833914</v>
      </c>
      <c r="MX14" s="119">
        <v>1742500</v>
      </c>
      <c r="MY14" s="119">
        <v>1457773</v>
      </c>
      <c r="MZ14" s="120">
        <v>4241392</v>
      </c>
      <c r="NA14" s="143">
        <v>4241392</v>
      </c>
      <c r="NB14" s="142">
        <v>0</v>
      </c>
      <c r="NC14" s="119">
        <v>0</v>
      </c>
      <c r="ND14" s="120">
        <v>0</v>
      </c>
      <c r="NE14" s="145"/>
      <c r="NF14" s="119">
        <v>200313</v>
      </c>
      <c r="NG14" s="119">
        <v>656125</v>
      </c>
      <c r="NH14" s="119">
        <v>1235583</v>
      </c>
      <c r="NI14" s="119">
        <v>1821364</v>
      </c>
      <c r="NJ14" s="119">
        <v>311493</v>
      </c>
      <c r="NK14" s="120">
        <v>4224878</v>
      </c>
      <c r="NL14" s="320">
        <v>4224878</v>
      </c>
      <c r="NM14" s="142">
        <v>0</v>
      </c>
      <c r="NN14" s="119">
        <v>0</v>
      </c>
      <c r="NO14" s="120">
        <v>0</v>
      </c>
      <c r="NP14" s="145"/>
      <c r="NQ14" s="119">
        <v>0</v>
      </c>
      <c r="NR14" s="119">
        <v>0</v>
      </c>
      <c r="NS14" s="119">
        <v>0</v>
      </c>
      <c r="NT14" s="119">
        <v>0</v>
      </c>
      <c r="NU14" s="119">
        <v>0</v>
      </c>
      <c r="NV14" s="120">
        <v>0</v>
      </c>
      <c r="NW14" s="121">
        <v>0</v>
      </c>
      <c r="NX14" s="142">
        <v>0</v>
      </c>
      <c r="NY14" s="119">
        <v>0</v>
      </c>
      <c r="NZ14" s="120">
        <v>0</v>
      </c>
      <c r="OA14" s="145"/>
      <c r="OB14" s="119">
        <v>0</v>
      </c>
      <c r="OC14" s="119">
        <v>0</v>
      </c>
      <c r="OD14" s="119">
        <v>0</v>
      </c>
      <c r="OE14" s="119">
        <v>347042</v>
      </c>
      <c r="OF14" s="119">
        <v>0</v>
      </c>
      <c r="OG14" s="120">
        <v>347042</v>
      </c>
      <c r="OH14" s="121">
        <v>347042</v>
      </c>
      <c r="OI14" s="142">
        <v>557744</v>
      </c>
      <c r="OJ14" s="119">
        <v>433627</v>
      </c>
      <c r="OK14" s="141">
        <v>991371</v>
      </c>
      <c r="OL14" s="118">
        <v>0</v>
      </c>
      <c r="OM14" s="119">
        <v>6599608</v>
      </c>
      <c r="ON14" s="119">
        <v>8294793</v>
      </c>
      <c r="OO14" s="119">
        <v>7118135</v>
      </c>
      <c r="OP14" s="119">
        <v>11970056</v>
      </c>
      <c r="OQ14" s="119">
        <v>6574902</v>
      </c>
      <c r="OR14" s="120">
        <v>40557494</v>
      </c>
      <c r="OS14" s="143">
        <v>41548865</v>
      </c>
    </row>
    <row r="15" spans="1:409" ht="21" customHeight="1" x14ac:dyDescent="0.2">
      <c r="B15" s="126" t="s">
        <v>9</v>
      </c>
      <c r="C15" s="110">
        <v>1365111</v>
      </c>
      <c r="D15" s="114">
        <v>1107598</v>
      </c>
      <c r="E15" s="113">
        <v>2472709</v>
      </c>
      <c r="F15" s="111">
        <v>0</v>
      </c>
      <c r="G15" s="114">
        <v>13380846</v>
      </c>
      <c r="H15" s="114">
        <v>13493263</v>
      </c>
      <c r="I15" s="114">
        <v>10298529</v>
      </c>
      <c r="J15" s="114">
        <v>16180761</v>
      </c>
      <c r="K15" s="114">
        <v>12621974</v>
      </c>
      <c r="L15" s="109">
        <v>65975373</v>
      </c>
      <c r="M15" s="116">
        <v>68448082</v>
      </c>
      <c r="N15" s="110">
        <v>265464</v>
      </c>
      <c r="O15" s="114">
        <v>300805</v>
      </c>
      <c r="P15" s="113">
        <v>566269</v>
      </c>
      <c r="Q15" s="110">
        <v>0</v>
      </c>
      <c r="R15" s="114">
        <v>4510842</v>
      </c>
      <c r="S15" s="114">
        <v>4785027</v>
      </c>
      <c r="T15" s="114">
        <v>3891117</v>
      </c>
      <c r="U15" s="114">
        <v>6379612</v>
      </c>
      <c r="V15" s="114">
        <v>7874335</v>
      </c>
      <c r="W15" s="113">
        <v>27440933</v>
      </c>
      <c r="X15" s="116">
        <v>28007202</v>
      </c>
      <c r="Y15" s="110">
        <v>0</v>
      </c>
      <c r="Z15" s="114">
        <v>0</v>
      </c>
      <c r="AA15" s="113">
        <v>0</v>
      </c>
      <c r="AB15" s="110">
        <v>0</v>
      </c>
      <c r="AC15" s="114">
        <v>1494896</v>
      </c>
      <c r="AD15" s="114">
        <v>2410596</v>
      </c>
      <c r="AE15" s="114">
        <v>2292104</v>
      </c>
      <c r="AF15" s="114">
        <v>3516982</v>
      </c>
      <c r="AG15" s="114">
        <v>4847299</v>
      </c>
      <c r="AH15" s="113">
        <v>14561877</v>
      </c>
      <c r="AI15" s="116">
        <v>14561877</v>
      </c>
      <c r="AJ15" s="110">
        <v>0</v>
      </c>
      <c r="AK15" s="114">
        <v>0</v>
      </c>
      <c r="AL15" s="113">
        <v>0</v>
      </c>
      <c r="AM15" s="110">
        <v>0</v>
      </c>
      <c r="AN15" s="114">
        <v>105650</v>
      </c>
      <c r="AO15" s="114">
        <v>85856</v>
      </c>
      <c r="AP15" s="114">
        <v>0</v>
      </c>
      <c r="AQ15" s="114">
        <v>638471</v>
      </c>
      <c r="AR15" s="114">
        <v>956166</v>
      </c>
      <c r="AS15" s="113">
        <v>1786143</v>
      </c>
      <c r="AT15" s="116">
        <v>1786143</v>
      </c>
      <c r="AU15" s="110">
        <v>102882</v>
      </c>
      <c r="AV15" s="114">
        <v>209104</v>
      </c>
      <c r="AW15" s="113">
        <v>311986</v>
      </c>
      <c r="AX15" s="110">
        <v>0</v>
      </c>
      <c r="AY15" s="114">
        <v>2019151</v>
      </c>
      <c r="AZ15" s="114">
        <v>1290014</v>
      </c>
      <c r="BA15" s="114">
        <v>800591</v>
      </c>
      <c r="BB15" s="114">
        <v>1066133</v>
      </c>
      <c r="BC15" s="114">
        <v>1291379</v>
      </c>
      <c r="BD15" s="113">
        <v>6467268</v>
      </c>
      <c r="BE15" s="116">
        <v>6779254</v>
      </c>
      <c r="BF15" s="110">
        <v>0</v>
      </c>
      <c r="BG15" s="114">
        <v>58766</v>
      </c>
      <c r="BH15" s="112">
        <v>58766</v>
      </c>
      <c r="BI15" s="111">
        <v>0</v>
      </c>
      <c r="BJ15" s="114">
        <v>153730</v>
      </c>
      <c r="BK15" s="114">
        <v>252109</v>
      </c>
      <c r="BL15" s="114">
        <v>178936</v>
      </c>
      <c r="BM15" s="114">
        <v>363862</v>
      </c>
      <c r="BN15" s="114">
        <v>197959</v>
      </c>
      <c r="BO15" s="113">
        <v>1146596</v>
      </c>
      <c r="BP15" s="116">
        <v>1205362</v>
      </c>
      <c r="BQ15" s="110">
        <v>162582</v>
      </c>
      <c r="BR15" s="114">
        <v>32935</v>
      </c>
      <c r="BS15" s="113">
        <v>195517</v>
      </c>
      <c r="BT15" s="110">
        <v>0</v>
      </c>
      <c r="BU15" s="114">
        <v>737415</v>
      </c>
      <c r="BV15" s="114">
        <v>746452</v>
      </c>
      <c r="BW15" s="114">
        <v>619486</v>
      </c>
      <c r="BX15" s="114">
        <v>794164</v>
      </c>
      <c r="BY15" s="114">
        <v>581532</v>
      </c>
      <c r="BZ15" s="113">
        <v>3479049</v>
      </c>
      <c r="CA15" s="116">
        <v>3674566</v>
      </c>
      <c r="CB15" s="110">
        <v>36250</v>
      </c>
      <c r="CC15" s="114">
        <v>236664</v>
      </c>
      <c r="CD15" s="113">
        <v>272914</v>
      </c>
      <c r="CE15" s="110">
        <v>0</v>
      </c>
      <c r="CF15" s="114">
        <v>2238633</v>
      </c>
      <c r="CG15" s="114">
        <v>2482399</v>
      </c>
      <c r="CH15" s="114">
        <v>2116197</v>
      </c>
      <c r="CI15" s="114">
        <v>1904772</v>
      </c>
      <c r="CJ15" s="114">
        <v>478205</v>
      </c>
      <c r="CK15" s="113">
        <v>9220206</v>
      </c>
      <c r="CL15" s="116">
        <v>9493120</v>
      </c>
      <c r="CM15" s="110">
        <v>0</v>
      </c>
      <c r="CN15" s="114">
        <v>0</v>
      </c>
      <c r="CO15" s="113">
        <v>0</v>
      </c>
      <c r="CP15" s="111">
        <v>0</v>
      </c>
      <c r="CQ15" s="114">
        <v>1937595</v>
      </c>
      <c r="CR15" s="114">
        <v>1874679</v>
      </c>
      <c r="CS15" s="114">
        <v>1588421</v>
      </c>
      <c r="CT15" s="114">
        <v>1330379</v>
      </c>
      <c r="CU15" s="114">
        <v>478205</v>
      </c>
      <c r="CV15" s="113">
        <v>7209279</v>
      </c>
      <c r="CW15" s="116">
        <v>7209279</v>
      </c>
      <c r="CX15" s="110">
        <v>36250</v>
      </c>
      <c r="CY15" s="114">
        <v>236664</v>
      </c>
      <c r="CZ15" s="113">
        <v>272914</v>
      </c>
      <c r="DA15" s="110">
        <v>0</v>
      </c>
      <c r="DB15" s="114">
        <v>301038</v>
      </c>
      <c r="DC15" s="114">
        <v>607720</v>
      </c>
      <c r="DD15" s="114">
        <v>527776</v>
      </c>
      <c r="DE15" s="114">
        <v>574393</v>
      </c>
      <c r="DF15" s="114">
        <v>0</v>
      </c>
      <c r="DG15" s="113">
        <v>2010927</v>
      </c>
      <c r="DH15" s="116">
        <v>2283841</v>
      </c>
      <c r="DI15" s="110">
        <v>0</v>
      </c>
      <c r="DJ15" s="114">
        <v>0</v>
      </c>
      <c r="DK15" s="112">
        <v>0</v>
      </c>
      <c r="DL15" s="111">
        <v>0</v>
      </c>
      <c r="DM15" s="114">
        <v>353475</v>
      </c>
      <c r="DN15" s="114">
        <v>995665</v>
      </c>
      <c r="DO15" s="114">
        <v>903110</v>
      </c>
      <c r="DP15" s="114">
        <v>1197532</v>
      </c>
      <c r="DQ15" s="114">
        <v>260849</v>
      </c>
      <c r="DR15" s="113">
        <v>3710631</v>
      </c>
      <c r="DS15" s="116">
        <v>3710631</v>
      </c>
      <c r="DT15" s="110">
        <v>0</v>
      </c>
      <c r="DU15" s="114">
        <v>0</v>
      </c>
      <c r="DV15" s="113">
        <v>0</v>
      </c>
      <c r="DW15" s="110">
        <v>0</v>
      </c>
      <c r="DX15" s="114">
        <v>353475</v>
      </c>
      <c r="DY15" s="114">
        <v>770333</v>
      </c>
      <c r="DZ15" s="114">
        <v>709537</v>
      </c>
      <c r="EA15" s="114">
        <v>827010</v>
      </c>
      <c r="EB15" s="114">
        <v>229671</v>
      </c>
      <c r="EC15" s="113">
        <v>2890026</v>
      </c>
      <c r="ED15" s="116">
        <v>2890026</v>
      </c>
      <c r="EE15" s="110">
        <v>0</v>
      </c>
      <c r="EF15" s="112">
        <v>0</v>
      </c>
      <c r="EG15" s="113">
        <v>0</v>
      </c>
      <c r="EH15" s="110">
        <v>0</v>
      </c>
      <c r="EI15" s="114">
        <v>0</v>
      </c>
      <c r="EJ15" s="114">
        <v>225332</v>
      </c>
      <c r="EK15" s="114">
        <v>193573</v>
      </c>
      <c r="EL15" s="114">
        <v>370522</v>
      </c>
      <c r="EM15" s="114">
        <v>31178</v>
      </c>
      <c r="EN15" s="112">
        <v>820605</v>
      </c>
      <c r="EO15" s="116">
        <v>820605</v>
      </c>
      <c r="EP15" s="110">
        <v>0</v>
      </c>
      <c r="EQ15" s="114">
        <v>0</v>
      </c>
      <c r="ER15" s="112">
        <v>0</v>
      </c>
      <c r="ES15" s="111">
        <v>0</v>
      </c>
      <c r="ET15" s="114">
        <v>0</v>
      </c>
      <c r="EU15" s="114">
        <v>0</v>
      </c>
      <c r="EV15" s="114">
        <v>0</v>
      </c>
      <c r="EW15" s="114">
        <v>0</v>
      </c>
      <c r="EX15" s="114">
        <v>0</v>
      </c>
      <c r="EY15" s="113">
        <v>0</v>
      </c>
      <c r="EZ15" s="116">
        <v>0</v>
      </c>
      <c r="FA15" s="110">
        <v>0</v>
      </c>
      <c r="FB15" s="114">
        <v>0</v>
      </c>
      <c r="FC15" s="112">
        <v>0</v>
      </c>
      <c r="FD15" s="347"/>
      <c r="FE15" s="114">
        <v>0</v>
      </c>
      <c r="FF15" s="114">
        <v>0</v>
      </c>
      <c r="FG15" s="114">
        <v>0</v>
      </c>
      <c r="FH15" s="114">
        <v>0</v>
      </c>
      <c r="FI15" s="114">
        <v>0</v>
      </c>
      <c r="FJ15" s="113">
        <v>0</v>
      </c>
      <c r="FK15" s="116">
        <v>0</v>
      </c>
      <c r="FL15" s="110">
        <v>470008</v>
      </c>
      <c r="FM15" s="114">
        <v>153461</v>
      </c>
      <c r="FN15" s="113">
        <v>623469</v>
      </c>
      <c r="FO15" s="110">
        <v>0</v>
      </c>
      <c r="FP15" s="114">
        <v>797111</v>
      </c>
      <c r="FQ15" s="114">
        <v>1181129</v>
      </c>
      <c r="FR15" s="114">
        <v>835891</v>
      </c>
      <c r="FS15" s="114">
        <v>1032219</v>
      </c>
      <c r="FT15" s="114">
        <v>942851</v>
      </c>
      <c r="FU15" s="113">
        <v>4789201</v>
      </c>
      <c r="FV15" s="116">
        <v>5412670</v>
      </c>
      <c r="FW15" s="115">
        <v>133245</v>
      </c>
      <c r="FX15" s="114">
        <v>128051</v>
      </c>
      <c r="FY15" s="112">
        <v>261296</v>
      </c>
      <c r="FZ15" s="111">
        <v>0</v>
      </c>
      <c r="GA15" s="114">
        <v>595861</v>
      </c>
      <c r="GB15" s="114">
        <v>1041668</v>
      </c>
      <c r="GC15" s="114">
        <v>820491</v>
      </c>
      <c r="GD15" s="114">
        <v>1004387</v>
      </c>
      <c r="GE15" s="114">
        <v>934381</v>
      </c>
      <c r="GF15" s="113">
        <v>4396788</v>
      </c>
      <c r="GG15" s="318">
        <v>4658084</v>
      </c>
      <c r="GH15" s="115">
        <v>20020</v>
      </c>
      <c r="GI15" s="114">
        <v>25410</v>
      </c>
      <c r="GJ15" s="112">
        <v>45430</v>
      </c>
      <c r="GK15" s="111">
        <v>0</v>
      </c>
      <c r="GL15" s="114">
        <v>33250</v>
      </c>
      <c r="GM15" s="114">
        <v>72261</v>
      </c>
      <c r="GN15" s="114">
        <v>15400</v>
      </c>
      <c r="GO15" s="114">
        <v>16632</v>
      </c>
      <c r="GP15" s="114">
        <v>8470</v>
      </c>
      <c r="GQ15" s="113">
        <v>146013</v>
      </c>
      <c r="GR15" s="116">
        <v>191443</v>
      </c>
      <c r="GS15" s="110">
        <v>316743</v>
      </c>
      <c r="GT15" s="114">
        <v>0</v>
      </c>
      <c r="GU15" s="113">
        <v>316743</v>
      </c>
      <c r="GV15" s="110">
        <v>0</v>
      </c>
      <c r="GW15" s="114">
        <v>168000</v>
      </c>
      <c r="GX15" s="114">
        <v>67200</v>
      </c>
      <c r="GY15" s="114">
        <v>0</v>
      </c>
      <c r="GZ15" s="114">
        <v>11200</v>
      </c>
      <c r="HA15" s="114">
        <v>0</v>
      </c>
      <c r="HB15" s="112">
        <v>246400</v>
      </c>
      <c r="HC15" s="116">
        <v>563143</v>
      </c>
      <c r="HD15" s="110">
        <v>593389</v>
      </c>
      <c r="HE15" s="114">
        <v>416668</v>
      </c>
      <c r="HF15" s="112">
        <v>1010057</v>
      </c>
      <c r="HG15" s="111">
        <v>0</v>
      </c>
      <c r="HH15" s="114">
        <v>5480785</v>
      </c>
      <c r="HI15" s="114">
        <v>4049043</v>
      </c>
      <c r="HJ15" s="114">
        <v>2552214</v>
      </c>
      <c r="HK15" s="114">
        <v>5666626</v>
      </c>
      <c r="HL15" s="114">
        <v>3065734</v>
      </c>
      <c r="HM15" s="113">
        <v>20814402</v>
      </c>
      <c r="HN15" s="109">
        <v>21824459</v>
      </c>
      <c r="HO15" s="328"/>
      <c r="HP15" s="329"/>
      <c r="HQ15" s="330"/>
      <c r="HR15" s="331"/>
      <c r="HS15" s="329"/>
      <c r="HT15" s="329"/>
      <c r="HU15" s="329"/>
      <c r="HV15" s="329"/>
      <c r="HW15" s="329"/>
      <c r="HX15" s="332"/>
      <c r="HY15" s="333"/>
      <c r="HZ15" s="128">
        <v>38397</v>
      </c>
      <c r="IA15" s="149">
        <v>67121</v>
      </c>
      <c r="IB15" s="129">
        <v>105518</v>
      </c>
      <c r="IC15" s="146">
        <v>0</v>
      </c>
      <c r="ID15" s="132">
        <v>2149524</v>
      </c>
      <c r="IE15" s="147">
        <v>3765972</v>
      </c>
      <c r="IF15" s="133">
        <v>4027307</v>
      </c>
      <c r="IG15" s="132">
        <v>3206740</v>
      </c>
      <c r="IH15" s="133">
        <v>1939850</v>
      </c>
      <c r="II15" s="148">
        <v>15089393</v>
      </c>
      <c r="IJ15" s="130">
        <v>15194911</v>
      </c>
      <c r="IK15" s="232">
        <v>0</v>
      </c>
      <c r="IL15" s="236">
        <v>0</v>
      </c>
      <c r="IM15" s="237">
        <v>0</v>
      </c>
      <c r="IN15" s="140"/>
      <c r="IO15" s="119">
        <v>264350</v>
      </c>
      <c r="IP15" s="119">
        <v>101846</v>
      </c>
      <c r="IQ15" s="119">
        <v>175375</v>
      </c>
      <c r="IR15" s="119">
        <v>408995</v>
      </c>
      <c r="IS15" s="119">
        <v>0</v>
      </c>
      <c r="IT15" s="141">
        <v>950566</v>
      </c>
      <c r="IU15" s="320">
        <v>950566</v>
      </c>
      <c r="IV15" s="142">
        <v>0</v>
      </c>
      <c r="IW15" s="119">
        <v>0</v>
      </c>
      <c r="IX15" s="120">
        <v>0</v>
      </c>
      <c r="IY15" s="144"/>
      <c r="IZ15" s="119">
        <v>0</v>
      </c>
      <c r="JA15" s="119">
        <v>0</v>
      </c>
      <c r="JB15" s="119">
        <v>0</v>
      </c>
      <c r="JC15" s="119">
        <v>0</v>
      </c>
      <c r="JD15" s="119">
        <v>0</v>
      </c>
      <c r="JE15" s="120">
        <v>0</v>
      </c>
      <c r="JF15" s="121">
        <v>0</v>
      </c>
      <c r="JG15" s="142">
        <v>0</v>
      </c>
      <c r="JH15" s="119">
        <v>0</v>
      </c>
      <c r="JI15" s="141">
        <v>0</v>
      </c>
      <c r="JJ15" s="118">
        <v>0</v>
      </c>
      <c r="JK15" s="119">
        <v>1455199</v>
      </c>
      <c r="JL15" s="119">
        <v>1090865</v>
      </c>
      <c r="JM15" s="119">
        <v>1396196</v>
      </c>
      <c r="JN15" s="119">
        <v>370646</v>
      </c>
      <c r="JO15" s="119">
        <v>324038</v>
      </c>
      <c r="JP15" s="120">
        <v>4636944</v>
      </c>
      <c r="JQ15" s="320">
        <v>4636944</v>
      </c>
      <c r="JR15" s="142">
        <v>0</v>
      </c>
      <c r="JS15" s="119">
        <v>0</v>
      </c>
      <c r="JT15" s="141">
        <v>0</v>
      </c>
      <c r="JU15" s="118">
        <v>0</v>
      </c>
      <c r="JV15" s="119">
        <v>68554</v>
      </c>
      <c r="JW15" s="119">
        <v>0</v>
      </c>
      <c r="JX15" s="119">
        <v>181420</v>
      </c>
      <c r="JY15" s="119">
        <v>194391</v>
      </c>
      <c r="JZ15" s="119">
        <v>114965</v>
      </c>
      <c r="KA15" s="120">
        <v>559330</v>
      </c>
      <c r="KB15" s="320">
        <v>559330</v>
      </c>
      <c r="KC15" s="234">
        <v>38397</v>
      </c>
      <c r="KD15" s="230">
        <v>67121</v>
      </c>
      <c r="KE15" s="120">
        <v>105518</v>
      </c>
      <c r="KF15" s="118">
        <v>0</v>
      </c>
      <c r="KG15" s="119">
        <v>361421</v>
      </c>
      <c r="KH15" s="119">
        <v>140763</v>
      </c>
      <c r="KI15" s="119">
        <v>229218</v>
      </c>
      <c r="KJ15" s="119">
        <v>1303139</v>
      </c>
      <c r="KK15" s="119">
        <v>232941</v>
      </c>
      <c r="KL15" s="120">
        <v>2267482</v>
      </c>
      <c r="KM15" s="143">
        <v>2373000</v>
      </c>
      <c r="KN15" s="232">
        <v>0</v>
      </c>
      <c r="KO15" s="236">
        <v>0</v>
      </c>
      <c r="KP15" s="237">
        <v>0</v>
      </c>
      <c r="KQ15" s="140"/>
      <c r="KR15" s="119">
        <v>0</v>
      </c>
      <c r="KS15" s="119">
        <v>1758436</v>
      </c>
      <c r="KT15" s="119">
        <v>1333146</v>
      </c>
      <c r="KU15" s="119">
        <v>232817</v>
      </c>
      <c r="KV15" s="119">
        <v>694420</v>
      </c>
      <c r="KW15" s="120">
        <v>4018819</v>
      </c>
      <c r="KX15" s="320">
        <v>4018819</v>
      </c>
      <c r="KY15" s="142">
        <v>0</v>
      </c>
      <c r="KZ15" s="119">
        <v>0</v>
      </c>
      <c r="LA15" s="120">
        <v>0</v>
      </c>
      <c r="LB15" s="145"/>
      <c r="LC15" s="119">
        <v>0</v>
      </c>
      <c r="LD15" s="119">
        <v>480270</v>
      </c>
      <c r="LE15" s="119">
        <v>0</v>
      </c>
      <c r="LF15" s="119">
        <v>194786</v>
      </c>
      <c r="LG15" s="119">
        <v>0</v>
      </c>
      <c r="LH15" s="120">
        <v>675056</v>
      </c>
      <c r="LI15" s="121">
        <v>675056</v>
      </c>
      <c r="LJ15" s="142">
        <v>0</v>
      </c>
      <c r="LK15" s="119">
        <v>0</v>
      </c>
      <c r="LL15" s="120">
        <v>0</v>
      </c>
      <c r="LM15" s="145"/>
      <c r="LN15" s="119">
        <v>0</v>
      </c>
      <c r="LO15" s="119">
        <v>0</v>
      </c>
      <c r="LP15" s="119">
        <v>0</v>
      </c>
      <c r="LQ15" s="119">
        <v>0</v>
      </c>
      <c r="LR15" s="119">
        <v>0</v>
      </c>
      <c r="LS15" s="120">
        <v>0</v>
      </c>
      <c r="LT15" s="320">
        <v>0</v>
      </c>
      <c r="LU15" s="142">
        <v>0</v>
      </c>
      <c r="LV15" s="119">
        <v>0</v>
      </c>
      <c r="LW15" s="120">
        <v>0</v>
      </c>
      <c r="LX15" s="145"/>
      <c r="LY15" s="119">
        <v>0</v>
      </c>
      <c r="LZ15" s="119">
        <v>193792</v>
      </c>
      <c r="MA15" s="119">
        <v>711952</v>
      </c>
      <c r="MB15" s="119">
        <v>501966</v>
      </c>
      <c r="MC15" s="119">
        <v>573486</v>
      </c>
      <c r="MD15" s="120">
        <v>1981196</v>
      </c>
      <c r="ME15" s="121">
        <v>1981196</v>
      </c>
      <c r="MF15" s="142">
        <v>0</v>
      </c>
      <c r="MG15" s="119">
        <v>0</v>
      </c>
      <c r="MH15" s="120">
        <v>0</v>
      </c>
      <c r="MI15" s="145"/>
      <c r="MJ15" s="119">
        <v>193897</v>
      </c>
      <c r="MK15" s="119">
        <v>250834</v>
      </c>
      <c r="ML15" s="119">
        <v>2853163</v>
      </c>
      <c r="MM15" s="119">
        <v>4552707</v>
      </c>
      <c r="MN15" s="119">
        <v>4018334</v>
      </c>
      <c r="MO15" s="120">
        <v>11868935</v>
      </c>
      <c r="MP15" s="143">
        <v>11868935</v>
      </c>
      <c r="MQ15" s="142">
        <v>0</v>
      </c>
      <c r="MR15" s="119">
        <v>0</v>
      </c>
      <c r="MS15" s="120">
        <v>0</v>
      </c>
      <c r="MT15" s="145"/>
      <c r="MU15" s="119">
        <v>193897</v>
      </c>
      <c r="MV15" s="119">
        <v>0</v>
      </c>
      <c r="MW15" s="119">
        <v>629719</v>
      </c>
      <c r="MX15" s="119">
        <v>3514332</v>
      </c>
      <c r="MY15" s="119">
        <v>2292902</v>
      </c>
      <c r="MZ15" s="120">
        <v>6630850</v>
      </c>
      <c r="NA15" s="143">
        <v>6630850</v>
      </c>
      <c r="NB15" s="142">
        <v>0</v>
      </c>
      <c r="NC15" s="119">
        <v>0</v>
      </c>
      <c r="ND15" s="120">
        <v>0</v>
      </c>
      <c r="NE15" s="145"/>
      <c r="NF15" s="119">
        <v>0</v>
      </c>
      <c r="NG15" s="119">
        <v>250834</v>
      </c>
      <c r="NH15" s="119">
        <v>2223444</v>
      </c>
      <c r="NI15" s="119">
        <v>1038375</v>
      </c>
      <c r="NJ15" s="119">
        <v>1725432</v>
      </c>
      <c r="NK15" s="120">
        <v>5238085</v>
      </c>
      <c r="NL15" s="320">
        <v>5238085</v>
      </c>
      <c r="NM15" s="142">
        <v>0</v>
      </c>
      <c r="NN15" s="119">
        <v>0</v>
      </c>
      <c r="NO15" s="120">
        <v>0</v>
      </c>
      <c r="NP15" s="145"/>
      <c r="NQ15" s="119">
        <v>0</v>
      </c>
      <c r="NR15" s="119">
        <v>0</v>
      </c>
      <c r="NS15" s="119">
        <v>0</v>
      </c>
      <c r="NT15" s="119">
        <v>0</v>
      </c>
      <c r="NU15" s="119">
        <v>0</v>
      </c>
      <c r="NV15" s="120">
        <v>0</v>
      </c>
      <c r="NW15" s="121">
        <v>0</v>
      </c>
      <c r="NX15" s="142">
        <v>0</v>
      </c>
      <c r="NY15" s="119">
        <v>0</v>
      </c>
      <c r="NZ15" s="120">
        <v>0</v>
      </c>
      <c r="OA15" s="145"/>
      <c r="OB15" s="119">
        <v>0</v>
      </c>
      <c r="OC15" s="119">
        <v>0</v>
      </c>
      <c r="OD15" s="119">
        <v>0</v>
      </c>
      <c r="OE15" s="119">
        <v>0</v>
      </c>
      <c r="OF15" s="119">
        <v>0</v>
      </c>
      <c r="OG15" s="120">
        <v>0</v>
      </c>
      <c r="OH15" s="121">
        <v>0</v>
      </c>
      <c r="OI15" s="142">
        <v>1403508</v>
      </c>
      <c r="OJ15" s="119">
        <v>1174719</v>
      </c>
      <c r="OK15" s="141">
        <v>2578227</v>
      </c>
      <c r="OL15" s="118">
        <v>0</v>
      </c>
      <c r="OM15" s="119">
        <v>15724267</v>
      </c>
      <c r="ON15" s="119">
        <v>17510069</v>
      </c>
      <c r="OO15" s="119">
        <v>17178999</v>
      </c>
      <c r="OP15" s="119">
        <v>23940208</v>
      </c>
      <c r="OQ15" s="119">
        <v>18580158</v>
      </c>
      <c r="OR15" s="120">
        <v>92933701</v>
      </c>
      <c r="OS15" s="143">
        <v>95511928</v>
      </c>
    </row>
    <row r="16" spans="1:409" ht="21" customHeight="1" x14ac:dyDescent="0.2">
      <c r="B16" s="126" t="s">
        <v>10</v>
      </c>
      <c r="C16" s="110">
        <v>1487467</v>
      </c>
      <c r="D16" s="114">
        <v>2281508</v>
      </c>
      <c r="E16" s="113">
        <v>3768975</v>
      </c>
      <c r="F16" s="172">
        <v>0</v>
      </c>
      <c r="G16" s="114">
        <v>18237440</v>
      </c>
      <c r="H16" s="114">
        <v>14621405</v>
      </c>
      <c r="I16" s="114">
        <v>15920864</v>
      </c>
      <c r="J16" s="114">
        <v>15571892</v>
      </c>
      <c r="K16" s="114">
        <v>13248522</v>
      </c>
      <c r="L16" s="109">
        <v>77600123</v>
      </c>
      <c r="M16" s="116">
        <v>81369098</v>
      </c>
      <c r="N16" s="110">
        <v>547383</v>
      </c>
      <c r="O16" s="114">
        <v>764475</v>
      </c>
      <c r="P16" s="113">
        <v>1311858</v>
      </c>
      <c r="Q16" s="110">
        <v>0</v>
      </c>
      <c r="R16" s="114">
        <v>6271823</v>
      </c>
      <c r="S16" s="114">
        <v>4345312</v>
      </c>
      <c r="T16" s="114">
        <v>5921276</v>
      </c>
      <c r="U16" s="114">
        <v>6414520</v>
      </c>
      <c r="V16" s="114">
        <v>6636319</v>
      </c>
      <c r="W16" s="113">
        <v>29589250</v>
      </c>
      <c r="X16" s="116">
        <v>30901108</v>
      </c>
      <c r="Y16" s="110">
        <v>0</v>
      </c>
      <c r="Z16" s="114">
        <v>0</v>
      </c>
      <c r="AA16" s="113">
        <v>0</v>
      </c>
      <c r="AB16" s="110">
        <v>0</v>
      </c>
      <c r="AC16" s="114">
        <v>2867518</v>
      </c>
      <c r="AD16" s="114">
        <v>1827388</v>
      </c>
      <c r="AE16" s="114">
        <v>3644767</v>
      </c>
      <c r="AF16" s="114">
        <v>4192303</v>
      </c>
      <c r="AG16" s="114">
        <v>3897179</v>
      </c>
      <c r="AH16" s="113">
        <v>16429155</v>
      </c>
      <c r="AI16" s="116">
        <v>16429155</v>
      </c>
      <c r="AJ16" s="110">
        <v>0</v>
      </c>
      <c r="AK16" s="114">
        <v>0</v>
      </c>
      <c r="AL16" s="113">
        <v>0</v>
      </c>
      <c r="AM16" s="110">
        <v>0</v>
      </c>
      <c r="AN16" s="114">
        <v>81866</v>
      </c>
      <c r="AO16" s="114">
        <v>82328</v>
      </c>
      <c r="AP16" s="114">
        <v>184719</v>
      </c>
      <c r="AQ16" s="114">
        <v>428221</v>
      </c>
      <c r="AR16" s="114">
        <v>676013</v>
      </c>
      <c r="AS16" s="113">
        <v>1453147</v>
      </c>
      <c r="AT16" s="116">
        <v>1453147</v>
      </c>
      <c r="AU16" s="110">
        <v>293079</v>
      </c>
      <c r="AV16" s="114">
        <v>484855</v>
      </c>
      <c r="AW16" s="113">
        <v>777934</v>
      </c>
      <c r="AX16" s="110">
        <v>0</v>
      </c>
      <c r="AY16" s="114">
        <v>2094051</v>
      </c>
      <c r="AZ16" s="114">
        <v>1280733</v>
      </c>
      <c r="BA16" s="114">
        <v>1005888</v>
      </c>
      <c r="BB16" s="114">
        <v>844831</v>
      </c>
      <c r="BC16" s="114">
        <v>1140425</v>
      </c>
      <c r="BD16" s="113">
        <v>6365928</v>
      </c>
      <c r="BE16" s="116">
        <v>7143862</v>
      </c>
      <c r="BF16" s="110">
        <v>70057</v>
      </c>
      <c r="BG16" s="114">
        <v>97347</v>
      </c>
      <c r="BH16" s="112">
        <v>167404</v>
      </c>
      <c r="BI16" s="111">
        <v>0</v>
      </c>
      <c r="BJ16" s="114">
        <v>177737</v>
      </c>
      <c r="BK16" s="114">
        <v>319399</v>
      </c>
      <c r="BL16" s="114">
        <v>157023</v>
      </c>
      <c r="BM16" s="114">
        <v>86751</v>
      </c>
      <c r="BN16" s="114">
        <v>46918</v>
      </c>
      <c r="BO16" s="113">
        <v>787828</v>
      </c>
      <c r="BP16" s="116">
        <v>955232</v>
      </c>
      <c r="BQ16" s="110">
        <v>184247</v>
      </c>
      <c r="BR16" s="114">
        <v>182273</v>
      </c>
      <c r="BS16" s="113">
        <v>366520</v>
      </c>
      <c r="BT16" s="110">
        <v>0</v>
      </c>
      <c r="BU16" s="114">
        <v>1050651</v>
      </c>
      <c r="BV16" s="114">
        <v>835464</v>
      </c>
      <c r="BW16" s="114">
        <v>928879</v>
      </c>
      <c r="BX16" s="114">
        <v>862414</v>
      </c>
      <c r="BY16" s="114">
        <v>875784</v>
      </c>
      <c r="BZ16" s="113">
        <v>4553192</v>
      </c>
      <c r="CA16" s="116">
        <v>4919712</v>
      </c>
      <c r="CB16" s="110">
        <v>86539</v>
      </c>
      <c r="CC16" s="114">
        <v>167677</v>
      </c>
      <c r="CD16" s="113">
        <v>254216</v>
      </c>
      <c r="CE16" s="110">
        <v>0</v>
      </c>
      <c r="CF16" s="114">
        <v>5474365</v>
      </c>
      <c r="CG16" s="114">
        <v>3684300</v>
      </c>
      <c r="CH16" s="114">
        <v>3063590</v>
      </c>
      <c r="CI16" s="114">
        <v>1198196</v>
      </c>
      <c r="CJ16" s="114">
        <v>473371</v>
      </c>
      <c r="CK16" s="113">
        <v>13893822</v>
      </c>
      <c r="CL16" s="116">
        <v>14148038</v>
      </c>
      <c r="CM16" s="110">
        <v>0</v>
      </c>
      <c r="CN16" s="114">
        <v>0</v>
      </c>
      <c r="CO16" s="113">
        <v>0</v>
      </c>
      <c r="CP16" s="111">
        <v>0</v>
      </c>
      <c r="CQ16" s="114">
        <v>4709276</v>
      </c>
      <c r="CR16" s="114">
        <v>3060150</v>
      </c>
      <c r="CS16" s="114">
        <v>2758124</v>
      </c>
      <c r="CT16" s="114">
        <v>1038235</v>
      </c>
      <c r="CU16" s="114">
        <v>473371</v>
      </c>
      <c r="CV16" s="113">
        <v>12039156</v>
      </c>
      <c r="CW16" s="116">
        <v>12039156</v>
      </c>
      <c r="CX16" s="110">
        <v>86539</v>
      </c>
      <c r="CY16" s="114">
        <v>167677</v>
      </c>
      <c r="CZ16" s="113">
        <v>254216</v>
      </c>
      <c r="DA16" s="110">
        <v>0</v>
      </c>
      <c r="DB16" s="114">
        <v>765089</v>
      </c>
      <c r="DC16" s="114">
        <v>624150</v>
      </c>
      <c r="DD16" s="114">
        <v>305466</v>
      </c>
      <c r="DE16" s="114">
        <v>159961</v>
      </c>
      <c r="DF16" s="114">
        <v>0</v>
      </c>
      <c r="DG16" s="113">
        <v>1854666</v>
      </c>
      <c r="DH16" s="116">
        <v>2108882</v>
      </c>
      <c r="DI16" s="110">
        <v>0</v>
      </c>
      <c r="DJ16" s="114">
        <v>36779</v>
      </c>
      <c r="DK16" s="112">
        <v>36779</v>
      </c>
      <c r="DL16" s="111">
        <v>0</v>
      </c>
      <c r="DM16" s="114">
        <v>565026</v>
      </c>
      <c r="DN16" s="114">
        <v>384854</v>
      </c>
      <c r="DO16" s="114">
        <v>1506421</v>
      </c>
      <c r="DP16" s="114">
        <v>966152</v>
      </c>
      <c r="DQ16" s="114">
        <v>373118</v>
      </c>
      <c r="DR16" s="113">
        <v>3795571</v>
      </c>
      <c r="DS16" s="116">
        <v>3832350</v>
      </c>
      <c r="DT16" s="110">
        <v>0</v>
      </c>
      <c r="DU16" s="114">
        <v>36779</v>
      </c>
      <c r="DV16" s="113">
        <v>36779</v>
      </c>
      <c r="DW16" s="110">
        <v>0</v>
      </c>
      <c r="DX16" s="114">
        <v>537649</v>
      </c>
      <c r="DY16" s="114">
        <v>224936</v>
      </c>
      <c r="DZ16" s="114">
        <v>1506421</v>
      </c>
      <c r="EA16" s="114">
        <v>956435</v>
      </c>
      <c r="EB16" s="114">
        <v>373118</v>
      </c>
      <c r="EC16" s="113">
        <v>3598559</v>
      </c>
      <c r="ED16" s="116">
        <v>3635338</v>
      </c>
      <c r="EE16" s="110">
        <v>0</v>
      </c>
      <c r="EF16" s="112">
        <v>0</v>
      </c>
      <c r="EG16" s="113">
        <v>0</v>
      </c>
      <c r="EH16" s="110">
        <v>0</v>
      </c>
      <c r="EI16" s="114">
        <v>27377</v>
      </c>
      <c r="EJ16" s="114">
        <v>159918</v>
      </c>
      <c r="EK16" s="114">
        <v>0</v>
      </c>
      <c r="EL16" s="114">
        <v>9717</v>
      </c>
      <c r="EM16" s="114">
        <v>0</v>
      </c>
      <c r="EN16" s="112">
        <v>197012</v>
      </c>
      <c r="EO16" s="116">
        <v>197012</v>
      </c>
      <c r="EP16" s="110">
        <v>0</v>
      </c>
      <c r="EQ16" s="114">
        <v>0</v>
      </c>
      <c r="ER16" s="112">
        <v>0</v>
      </c>
      <c r="ES16" s="111">
        <v>0</v>
      </c>
      <c r="ET16" s="114">
        <v>0</v>
      </c>
      <c r="EU16" s="114">
        <v>0</v>
      </c>
      <c r="EV16" s="114">
        <v>0</v>
      </c>
      <c r="EW16" s="114">
        <v>0</v>
      </c>
      <c r="EX16" s="114">
        <v>0</v>
      </c>
      <c r="EY16" s="113">
        <v>0</v>
      </c>
      <c r="EZ16" s="116">
        <v>0</v>
      </c>
      <c r="FA16" s="110">
        <v>0</v>
      </c>
      <c r="FB16" s="114">
        <v>0</v>
      </c>
      <c r="FC16" s="112">
        <v>0</v>
      </c>
      <c r="FD16" s="347"/>
      <c r="FE16" s="114">
        <v>0</v>
      </c>
      <c r="FF16" s="114">
        <v>0</v>
      </c>
      <c r="FG16" s="114">
        <v>0</v>
      </c>
      <c r="FH16" s="114">
        <v>0</v>
      </c>
      <c r="FI16" s="114">
        <v>0</v>
      </c>
      <c r="FJ16" s="113">
        <v>0</v>
      </c>
      <c r="FK16" s="116">
        <v>0</v>
      </c>
      <c r="FL16" s="110">
        <v>397208</v>
      </c>
      <c r="FM16" s="114">
        <v>574910</v>
      </c>
      <c r="FN16" s="113">
        <v>972118</v>
      </c>
      <c r="FO16" s="110">
        <v>0</v>
      </c>
      <c r="FP16" s="114">
        <v>756791</v>
      </c>
      <c r="FQ16" s="114">
        <v>1267245</v>
      </c>
      <c r="FR16" s="114">
        <v>1211749</v>
      </c>
      <c r="FS16" s="114">
        <v>657265</v>
      </c>
      <c r="FT16" s="114">
        <v>923727</v>
      </c>
      <c r="FU16" s="113">
        <v>4816777</v>
      </c>
      <c r="FV16" s="116">
        <v>5788895</v>
      </c>
      <c r="FW16" s="115">
        <v>215243</v>
      </c>
      <c r="FX16" s="114">
        <v>469910</v>
      </c>
      <c r="FY16" s="112">
        <v>685153</v>
      </c>
      <c r="FZ16" s="111">
        <v>0</v>
      </c>
      <c r="GA16" s="114">
        <v>707763</v>
      </c>
      <c r="GB16" s="114">
        <v>1155595</v>
      </c>
      <c r="GC16" s="114">
        <v>1168629</v>
      </c>
      <c r="GD16" s="114">
        <v>657265</v>
      </c>
      <c r="GE16" s="114">
        <v>891177</v>
      </c>
      <c r="GF16" s="113">
        <v>4580429</v>
      </c>
      <c r="GG16" s="318">
        <v>5265582</v>
      </c>
      <c r="GH16" s="115">
        <v>41965</v>
      </c>
      <c r="GI16" s="114">
        <v>0</v>
      </c>
      <c r="GJ16" s="112">
        <v>41965</v>
      </c>
      <c r="GK16" s="111">
        <v>0</v>
      </c>
      <c r="GL16" s="114">
        <v>28028</v>
      </c>
      <c r="GM16" s="114">
        <v>8470</v>
      </c>
      <c r="GN16" s="114">
        <v>43120</v>
      </c>
      <c r="GO16" s="114">
        <v>0</v>
      </c>
      <c r="GP16" s="114">
        <v>32550</v>
      </c>
      <c r="GQ16" s="113">
        <v>112168</v>
      </c>
      <c r="GR16" s="116">
        <v>154133</v>
      </c>
      <c r="GS16" s="110">
        <v>140000</v>
      </c>
      <c r="GT16" s="114">
        <v>105000</v>
      </c>
      <c r="GU16" s="113">
        <v>245000</v>
      </c>
      <c r="GV16" s="110">
        <v>0</v>
      </c>
      <c r="GW16" s="114">
        <v>21000</v>
      </c>
      <c r="GX16" s="114">
        <v>103180</v>
      </c>
      <c r="GY16" s="114">
        <v>0</v>
      </c>
      <c r="GZ16" s="114">
        <v>0</v>
      </c>
      <c r="HA16" s="114">
        <v>0</v>
      </c>
      <c r="HB16" s="112">
        <v>124180</v>
      </c>
      <c r="HC16" s="116">
        <v>369180</v>
      </c>
      <c r="HD16" s="110">
        <v>456337</v>
      </c>
      <c r="HE16" s="114">
        <v>737667</v>
      </c>
      <c r="HF16" s="112">
        <v>1194004</v>
      </c>
      <c r="HG16" s="111">
        <v>0</v>
      </c>
      <c r="HH16" s="114">
        <v>5169435</v>
      </c>
      <c r="HI16" s="114">
        <v>4939694</v>
      </c>
      <c r="HJ16" s="114">
        <v>4217828</v>
      </c>
      <c r="HK16" s="114">
        <v>6335759</v>
      </c>
      <c r="HL16" s="114">
        <v>4841987</v>
      </c>
      <c r="HM16" s="113">
        <v>25504703</v>
      </c>
      <c r="HN16" s="109">
        <v>26698707</v>
      </c>
      <c r="HO16" s="328"/>
      <c r="HP16" s="329"/>
      <c r="HQ16" s="330"/>
      <c r="HR16" s="331"/>
      <c r="HS16" s="329"/>
      <c r="HT16" s="329"/>
      <c r="HU16" s="329"/>
      <c r="HV16" s="329"/>
      <c r="HW16" s="329"/>
      <c r="HX16" s="332"/>
      <c r="HY16" s="333"/>
      <c r="HZ16" s="150">
        <v>40399</v>
      </c>
      <c r="IA16" s="135">
        <v>140060</v>
      </c>
      <c r="IB16" s="150">
        <v>180459</v>
      </c>
      <c r="IC16" s="134">
        <v>0</v>
      </c>
      <c r="ID16" s="135">
        <v>2664163</v>
      </c>
      <c r="IE16" s="136">
        <v>2535202</v>
      </c>
      <c r="IF16" s="137">
        <v>3306660</v>
      </c>
      <c r="IG16" s="135">
        <v>4037885</v>
      </c>
      <c r="IH16" s="137">
        <v>3979522</v>
      </c>
      <c r="II16" s="138">
        <v>16523432</v>
      </c>
      <c r="IJ16" s="150">
        <v>16703891</v>
      </c>
      <c r="IK16" s="232">
        <v>0</v>
      </c>
      <c r="IL16" s="236">
        <v>0</v>
      </c>
      <c r="IM16" s="237">
        <v>0</v>
      </c>
      <c r="IN16" s="140"/>
      <c r="IO16" s="119">
        <v>146970</v>
      </c>
      <c r="IP16" s="119">
        <v>114350</v>
      </c>
      <c r="IQ16" s="119">
        <v>145939</v>
      </c>
      <c r="IR16" s="119">
        <v>200011</v>
      </c>
      <c r="IS16" s="119">
        <v>0</v>
      </c>
      <c r="IT16" s="141">
        <v>607270</v>
      </c>
      <c r="IU16" s="320">
        <v>607270</v>
      </c>
      <c r="IV16" s="142">
        <v>0</v>
      </c>
      <c r="IW16" s="119">
        <v>0</v>
      </c>
      <c r="IX16" s="120">
        <v>0</v>
      </c>
      <c r="IY16" s="144"/>
      <c r="IZ16" s="119">
        <v>14925</v>
      </c>
      <c r="JA16" s="119">
        <v>0</v>
      </c>
      <c r="JB16" s="119">
        <v>9355</v>
      </c>
      <c r="JC16" s="119">
        <v>0</v>
      </c>
      <c r="JD16" s="119">
        <v>0</v>
      </c>
      <c r="JE16" s="120">
        <v>24280</v>
      </c>
      <c r="JF16" s="121">
        <v>24280</v>
      </c>
      <c r="JG16" s="142">
        <v>0</v>
      </c>
      <c r="JH16" s="119">
        <v>0</v>
      </c>
      <c r="JI16" s="141">
        <v>0</v>
      </c>
      <c r="JJ16" s="118">
        <v>0</v>
      </c>
      <c r="JK16" s="119">
        <v>1024890</v>
      </c>
      <c r="JL16" s="119">
        <v>649501</v>
      </c>
      <c r="JM16" s="119">
        <v>353216</v>
      </c>
      <c r="JN16" s="119">
        <v>115060</v>
      </c>
      <c r="JO16" s="119">
        <v>0</v>
      </c>
      <c r="JP16" s="120">
        <v>2142667</v>
      </c>
      <c r="JQ16" s="320">
        <v>2142667</v>
      </c>
      <c r="JR16" s="142">
        <v>0</v>
      </c>
      <c r="JS16" s="119">
        <v>0</v>
      </c>
      <c r="JT16" s="141">
        <v>0</v>
      </c>
      <c r="JU16" s="118">
        <v>0</v>
      </c>
      <c r="JV16" s="119">
        <v>27124</v>
      </c>
      <c r="JW16" s="119">
        <v>365470</v>
      </c>
      <c r="JX16" s="119">
        <v>215225</v>
      </c>
      <c r="JY16" s="119">
        <v>0</v>
      </c>
      <c r="JZ16" s="119">
        <v>9811</v>
      </c>
      <c r="KA16" s="120">
        <v>617630</v>
      </c>
      <c r="KB16" s="320">
        <v>617630</v>
      </c>
      <c r="KC16" s="234">
        <v>40399</v>
      </c>
      <c r="KD16" s="230">
        <v>140060</v>
      </c>
      <c r="KE16" s="120">
        <v>180459</v>
      </c>
      <c r="KF16" s="118">
        <v>0</v>
      </c>
      <c r="KG16" s="119">
        <v>503866</v>
      </c>
      <c r="KH16" s="119">
        <v>148269</v>
      </c>
      <c r="KI16" s="119">
        <v>608516</v>
      </c>
      <c r="KJ16" s="119">
        <v>214308</v>
      </c>
      <c r="KK16" s="119">
        <v>749697</v>
      </c>
      <c r="KL16" s="120">
        <v>2224656</v>
      </c>
      <c r="KM16" s="143">
        <v>2405115</v>
      </c>
      <c r="KN16" s="232">
        <v>0</v>
      </c>
      <c r="KO16" s="236">
        <v>0</v>
      </c>
      <c r="KP16" s="237">
        <v>0</v>
      </c>
      <c r="KQ16" s="140"/>
      <c r="KR16" s="119">
        <v>211505</v>
      </c>
      <c r="KS16" s="119">
        <v>1102483</v>
      </c>
      <c r="KT16" s="119">
        <v>1436660</v>
      </c>
      <c r="KU16" s="119">
        <v>2361180</v>
      </c>
      <c r="KV16" s="119">
        <v>1646963</v>
      </c>
      <c r="KW16" s="120">
        <v>6758791</v>
      </c>
      <c r="KX16" s="320">
        <v>6758791</v>
      </c>
      <c r="KY16" s="142">
        <v>0</v>
      </c>
      <c r="KZ16" s="119">
        <v>0</v>
      </c>
      <c r="LA16" s="120">
        <v>0</v>
      </c>
      <c r="LB16" s="145"/>
      <c r="LC16" s="119">
        <v>219486</v>
      </c>
      <c r="LD16" s="119">
        <v>155129</v>
      </c>
      <c r="LE16" s="119">
        <v>537749</v>
      </c>
      <c r="LF16" s="119">
        <v>190890</v>
      </c>
      <c r="LG16" s="119">
        <v>878207</v>
      </c>
      <c r="LH16" s="120">
        <v>1981461</v>
      </c>
      <c r="LI16" s="121">
        <v>1981461</v>
      </c>
      <c r="LJ16" s="142">
        <v>0</v>
      </c>
      <c r="LK16" s="119">
        <v>0</v>
      </c>
      <c r="LL16" s="120">
        <v>0</v>
      </c>
      <c r="LM16" s="145"/>
      <c r="LN16" s="119">
        <v>0</v>
      </c>
      <c r="LO16" s="119">
        <v>0</v>
      </c>
      <c r="LP16" s="119">
        <v>0</v>
      </c>
      <c r="LQ16" s="119">
        <v>956436</v>
      </c>
      <c r="LR16" s="119">
        <v>0</v>
      </c>
      <c r="LS16" s="120">
        <v>956436</v>
      </c>
      <c r="LT16" s="320">
        <v>956436</v>
      </c>
      <c r="LU16" s="142">
        <v>0</v>
      </c>
      <c r="LV16" s="119">
        <v>0</v>
      </c>
      <c r="LW16" s="120">
        <v>0</v>
      </c>
      <c r="LX16" s="145"/>
      <c r="LY16" s="119">
        <v>515397</v>
      </c>
      <c r="LZ16" s="119">
        <v>0</v>
      </c>
      <c r="MA16" s="119">
        <v>0</v>
      </c>
      <c r="MB16" s="119">
        <v>0</v>
      </c>
      <c r="MC16" s="119">
        <v>694844</v>
      </c>
      <c r="MD16" s="120">
        <v>1210241</v>
      </c>
      <c r="ME16" s="121">
        <v>1210241</v>
      </c>
      <c r="MF16" s="142">
        <v>0</v>
      </c>
      <c r="MG16" s="119">
        <v>0</v>
      </c>
      <c r="MH16" s="120">
        <v>0</v>
      </c>
      <c r="MI16" s="145"/>
      <c r="MJ16" s="119">
        <v>0</v>
      </c>
      <c r="MK16" s="119">
        <v>709306</v>
      </c>
      <c r="ML16" s="119">
        <v>4876701</v>
      </c>
      <c r="MM16" s="119">
        <v>3613731</v>
      </c>
      <c r="MN16" s="119">
        <v>5239628</v>
      </c>
      <c r="MO16" s="120">
        <v>14439366</v>
      </c>
      <c r="MP16" s="143">
        <v>14439366</v>
      </c>
      <c r="MQ16" s="142">
        <v>0</v>
      </c>
      <c r="MR16" s="119">
        <v>0</v>
      </c>
      <c r="MS16" s="120">
        <v>0</v>
      </c>
      <c r="MT16" s="145"/>
      <c r="MU16" s="119">
        <v>0</v>
      </c>
      <c r="MV16" s="119">
        <v>210921</v>
      </c>
      <c r="MW16" s="119">
        <v>2795179</v>
      </c>
      <c r="MX16" s="119">
        <v>2373411</v>
      </c>
      <c r="MY16" s="119">
        <v>3899119</v>
      </c>
      <c r="MZ16" s="120">
        <v>9278630</v>
      </c>
      <c r="NA16" s="143">
        <v>9278630</v>
      </c>
      <c r="NB16" s="142">
        <v>0</v>
      </c>
      <c r="NC16" s="119">
        <v>0</v>
      </c>
      <c r="ND16" s="120">
        <v>0</v>
      </c>
      <c r="NE16" s="145"/>
      <c r="NF16" s="119">
        <v>0</v>
      </c>
      <c r="NG16" s="119">
        <v>498385</v>
      </c>
      <c r="NH16" s="119">
        <v>2081522</v>
      </c>
      <c r="NI16" s="119">
        <v>1240320</v>
      </c>
      <c r="NJ16" s="119">
        <v>1017042</v>
      </c>
      <c r="NK16" s="120">
        <v>4837269</v>
      </c>
      <c r="NL16" s="320">
        <v>4837269</v>
      </c>
      <c r="NM16" s="142">
        <v>0</v>
      </c>
      <c r="NN16" s="119">
        <v>0</v>
      </c>
      <c r="NO16" s="120">
        <v>0</v>
      </c>
      <c r="NP16" s="145"/>
      <c r="NQ16" s="119">
        <v>0</v>
      </c>
      <c r="NR16" s="119">
        <v>0</v>
      </c>
      <c r="NS16" s="119">
        <v>0</v>
      </c>
      <c r="NT16" s="119">
        <v>0</v>
      </c>
      <c r="NU16" s="119">
        <v>0</v>
      </c>
      <c r="NV16" s="120">
        <v>0</v>
      </c>
      <c r="NW16" s="121">
        <v>0</v>
      </c>
      <c r="NX16" s="142">
        <v>0</v>
      </c>
      <c r="NY16" s="119">
        <v>0</v>
      </c>
      <c r="NZ16" s="120">
        <v>0</v>
      </c>
      <c r="OA16" s="145"/>
      <c r="OB16" s="119">
        <v>0</v>
      </c>
      <c r="OC16" s="119">
        <v>0</v>
      </c>
      <c r="OD16" s="119">
        <v>0</v>
      </c>
      <c r="OE16" s="119">
        <v>0</v>
      </c>
      <c r="OF16" s="119">
        <v>323467</v>
      </c>
      <c r="OG16" s="120">
        <v>323467</v>
      </c>
      <c r="OH16" s="121">
        <v>323467</v>
      </c>
      <c r="OI16" s="142">
        <v>1527866</v>
      </c>
      <c r="OJ16" s="119">
        <v>2421568</v>
      </c>
      <c r="OK16" s="141">
        <v>3949434</v>
      </c>
      <c r="OL16" s="118">
        <v>0</v>
      </c>
      <c r="OM16" s="119">
        <v>20901603</v>
      </c>
      <c r="ON16" s="119">
        <v>17865913</v>
      </c>
      <c r="OO16" s="119">
        <v>24104225</v>
      </c>
      <c r="OP16" s="119">
        <v>23223508</v>
      </c>
      <c r="OQ16" s="119">
        <v>22467672</v>
      </c>
      <c r="OR16" s="120">
        <v>108562921</v>
      </c>
      <c r="OS16" s="143">
        <v>112512355</v>
      </c>
    </row>
    <row r="17" spans="2:409" ht="21" customHeight="1" x14ac:dyDescent="0.2">
      <c r="B17" s="126" t="s">
        <v>11</v>
      </c>
      <c r="C17" s="110">
        <v>291617</v>
      </c>
      <c r="D17" s="114">
        <v>545231</v>
      </c>
      <c r="E17" s="171">
        <v>836848</v>
      </c>
      <c r="F17" s="111">
        <v>0</v>
      </c>
      <c r="G17" s="114">
        <v>6134890</v>
      </c>
      <c r="H17" s="114">
        <v>3536156</v>
      </c>
      <c r="I17" s="114">
        <v>5542469</v>
      </c>
      <c r="J17" s="114">
        <v>6689953</v>
      </c>
      <c r="K17" s="114">
        <v>4421430</v>
      </c>
      <c r="L17" s="109">
        <v>26324898</v>
      </c>
      <c r="M17" s="116">
        <v>27161746</v>
      </c>
      <c r="N17" s="110">
        <v>83459</v>
      </c>
      <c r="O17" s="114">
        <v>71226</v>
      </c>
      <c r="P17" s="113">
        <v>154685</v>
      </c>
      <c r="Q17" s="110">
        <v>0</v>
      </c>
      <c r="R17" s="114">
        <v>1970997</v>
      </c>
      <c r="S17" s="114">
        <v>1072078</v>
      </c>
      <c r="T17" s="114">
        <v>1326252</v>
      </c>
      <c r="U17" s="114">
        <v>1743375</v>
      </c>
      <c r="V17" s="114">
        <v>1390046</v>
      </c>
      <c r="W17" s="113">
        <v>7502748</v>
      </c>
      <c r="X17" s="116">
        <v>7657433</v>
      </c>
      <c r="Y17" s="110">
        <v>0</v>
      </c>
      <c r="Z17" s="114">
        <v>0</v>
      </c>
      <c r="AA17" s="113">
        <v>0</v>
      </c>
      <c r="AB17" s="110">
        <v>0</v>
      </c>
      <c r="AC17" s="114">
        <v>866043</v>
      </c>
      <c r="AD17" s="114">
        <v>380950</v>
      </c>
      <c r="AE17" s="114">
        <v>690682</v>
      </c>
      <c r="AF17" s="114">
        <v>635968</v>
      </c>
      <c r="AG17" s="114">
        <v>672529</v>
      </c>
      <c r="AH17" s="113">
        <v>3246172</v>
      </c>
      <c r="AI17" s="116">
        <v>3246172</v>
      </c>
      <c r="AJ17" s="110">
        <v>0</v>
      </c>
      <c r="AK17" s="114">
        <v>0</v>
      </c>
      <c r="AL17" s="113">
        <v>0</v>
      </c>
      <c r="AM17" s="110">
        <v>0</v>
      </c>
      <c r="AN17" s="114">
        <v>11691</v>
      </c>
      <c r="AO17" s="114">
        <v>0</v>
      </c>
      <c r="AP17" s="114">
        <v>72509</v>
      </c>
      <c r="AQ17" s="114">
        <v>152978</v>
      </c>
      <c r="AR17" s="114">
        <v>206159</v>
      </c>
      <c r="AS17" s="113">
        <v>443337</v>
      </c>
      <c r="AT17" s="116">
        <v>443337</v>
      </c>
      <c r="AU17" s="110">
        <v>19724</v>
      </c>
      <c r="AV17" s="114">
        <v>71226</v>
      </c>
      <c r="AW17" s="113">
        <v>90950</v>
      </c>
      <c r="AX17" s="110">
        <v>0</v>
      </c>
      <c r="AY17" s="114">
        <v>700544</v>
      </c>
      <c r="AZ17" s="114">
        <v>471163</v>
      </c>
      <c r="BA17" s="114">
        <v>348546</v>
      </c>
      <c r="BB17" s="114">
        <v>661381</v>
      </c>
      <c r="BC17" s="114">
        <v>266877</v>
      </c>
      <c r="BD17" s="113">
        <v>2448511</v>
      </c>
      <c r="BE17" s="116">
        <v>2539461</v>
      </c>
      <c r="BF17" s="110">
        <v>0</v>
      </c>
      <c r="BG17" s="114">
        <v>0</v>
      </c>
      <c r="BH17" s="112">
        <v>0</v>
      </c>
      <c r="BI17" s="111">
        <v>0</v>
      </c>
      <c r="BJ17" s="114">
        <v>141510</v>
      </c>
      <c r="BK17" s="114">
        <v>19821</v>
      </c>
      <c r="BL17" s="114">
        <v>0</v>
      </c>
      <c r="BM17" s="114">
        <v>26768</v>
      </c>
      <c r="BN17" s="114">
        <v>74528</v>
      </c>
      <c r="BO17" s="113">
        <v>262627</v>
      </c>
      <c r="BP17" s="116">
        <v>262627</v>
      </c>
      <c r="BQ17" s="110">
        <v>63735</v>
      </c>
      <c r="BR17" s="114">
        <v>0</v>
      </c>
      <c r="BS17" s="113">
        <v>63735</v>
      </c>
      <c r="BT17" s="110">
        <v>0</v>
      </c>
      <c r="BU17" s="114">
        <v>251209</v>
      </c>
      <c r="BV17" s="114">
        <v>200144</v>
      </c>
      <c r="BW17" s="114">
        <v>214515</v>
      </c>
      <c r="BX17" s="114">
        <v>266280</v>
      </c>
      <c r="BY17" s="114">
        <v>169953</v>
      </c>
      <c r="BZ17" s="113">
        <v>1102101</v>
      </c>
      <c r="CA17" s="116">
        <v>1165836</v>
      </c>
      <c r="CB17" s="110">
        <v>53641</v>
      </c>
      <c r="CC17" s="114">
        <v>135031</v>
      </c>
      <c r="CD17" s="113">
        <v>188672</v>
      </c>
      <c r="CE17" s="110">
        <v>0</v>
      </c>
      <c r="CF17" s="114">
        <v>1137538</v>
      </c>
      <c r="CG17" s="114">
        <v>1040327</v>
      </c>
      <c r="CH17" s="114">
        <v>1002196</v>
      </c>
      <c r="CI17" s="114">
        <v>1022445</v>
      </c>
      <c r="CJ17" s="114">
        <v>229371</v>
      </c>
      <c r="CK17" s="113">
        <v>4431877</v>
      </c>
      <c r="CL17" s="116">
        <v>4620549</v>
      </c>
      <c r="CM17" s="110">
        <v>0</v>
      </c>
      <c r="CN17" s="114">
        <v>0</v>
      </c>
      <c r="CO17" s="113">
        <v>0</v>
      </c>
      <c r="CP17" s="111">
        <v>0</v>
      </c>
      <c r="CQ17" s="114">
        <v>716395</v>
      </c>
      <c r="CR17" s="114">
        <v>714049</v>
      </c>
      <c r="CS17" s="114">
        <v>668709</v>
      </c>
      <c r="CT17" s="114">
        <v>914346</v>
      </c>
      <c r="CU17" s="114">
        <v>122698</v>
      </c>
      <c r="CV17" s="113">
        <v>3136197</v>
      </c>
      <c r="CW17" s="116">
        <v>3136197</v>
      </c>
      <c r="CX17" s="110">
        <v>53641</v>
      </c>
      <c r="CY17" s="114">
        <v>135031</v>
      </c>
      <c r="CZ17" s="113">
        <v>188672</v>
      </c>
      <c r="DA17" s="110">
        <v>0</v>
      </c>
      <c r="DB17" s="114">
        <v>421143</v>
      </c>
      <c r="DC17" s="114">
        <v>326278</v>
      </c>
      <c r="DD17" s="114">
        <v>333487</v>
      </c>
      <c r="DE17" s="114">
        <v>108099</v>
      </c>
      <c r="DF17" s="114">
        <v>106673</v>
      </c>
      <c r="DG17" s="113">
        <v>1295680</v>
      </c>
      <c r="DH17" s="116">
        <v>1484352</v>
      </c>
      <c r="DI17" s="110">
        <v>0</v>
      </c>
      <c r="DJ17" s="114">
        <v>0</v>
      </c>
      <c r="DK17" s="112">
        <v>0</v>
      </c>
      <c r="DL17" s="111">
        <v>0</v>
      </c>
      <c r="DM17" s="114">
        <v>94403</v>
      </c>
      <c r="DN17" s="114">
        <v>79527</v>
      </c>
      <c r="DO17" s="114">
        <v>590960</v>
      </c>
      <c r="DP17" s="114">
        <v>261542</v>
      </c>
      <c r="DQ17" s="114">
        <v>507961</v>
      </c>
      <c r="DR17" s="113">
        <v>1534393</v>
      </c>
      <c r="DS17" s="116">
        <v>1534393</v>
      </c>
      <c r="DT17" s="110">
        <v>0</v>
      </c>
      <c r="DU17" s="114">
        <v>0</v>
      </c>
      <c r="DV17" s="113">
        <v>0</v>
      </c>
      <c r="DW17" s="110">
        <v>0</v>
      </c>
      <c r="DX17" s="114">
        <v>68406</v>
      </c>
      <c r="DY17" s="114">
        <v>79527</v>
      </c>
      <c r="DZ17" s="114">
        <v>393304</v>
      </c>
      <c r="EA17" s="114">
        <v>252890</v>
      </c>
      <c r="EB17" s="114">
        <v>342819</v>
      </c>
      <c r="EC17" s="113">
        <v>1136946</v>
      </c>
      <c r="ED17" s="116">
        <v>1136946</v>
      </c>
      <c r="EE17" s="110">
        <v>0</v>
      </c>
      <c r="EF17" s="112">
        <v>0</v>
      </c>
      <c r="EG17" s="113">
        <v>0</v>
      </c>
      <c r="EH17" s="110">
        <v>0</v>
      </c>
      <c r="EI17" s="114">
        <v>25997</v>
      </c>
      <c r="EJ17" s="114">
        <v>0</v>
      </c>
      <c r="EK17" s="114">
        <v>197656</v>
      </c>
      <c r="EL17" s="114">
        <v>8652</v>
      </c>
      <c r="EM17" s="114">
        <v>165142</v>
      </c>
      <c r="EN17" s="112">
        <v>397447</v>
      </c>
      <c r="EO17" s="116">
        <v>397447</v>
      </c>
      <c r="EP17" s="110">
        <v>0</v>
      </c>
      <c r="EQ17" s="114">
        <v>0</v>
      </c>
      <c r="ER17" s="112">
        <v>0</v>
      </c>
      <c r="ES17" s="111">
        <v>0</v>
      </c>
      <c r="ET17" s="114">
        <v>0</v>
      </c>
      <c r="EU17" s="114">
        <v>0</v>
      </c>
      <c r="EV17" s="114">
        <v>0</v>
      </c>
      <c r="EW17" s="114">
        <v>0</v>
      </c>
      <c r="EX17" s="114">
        <v>0</v>
      </c>
      <c r="EY17" s="113">
        <v>0</v>
      </c>
      <c r="EZ17" s="116">
        <v>0</v>
      </c>
      <c r="FA17" s="110">
        <v>0</v>
      </c>
      <c r="FB17" s="114">
        <v>0</v>
      </c>
      <c r="FC17" s="112">
        <v>0</v>
      </c>
      <c r="FD17" s="347"/>
      <c r="FE17" s="114">
        <v>0</v>
      </c>
      <c r="FF17" s="114">
        <v>0</v>
      </c>
      <c r="FG17" s="114">
        <v>0</v>
      </c>
      <c r="FH17" s="114">
        <v>0</v>
      </c>
      <c r="FI17" s="114">
        <v>0</v>
      </c>
      <c r="FJ17" s="113">
        <v>0</v>
      </c>
      <c r="FK17" s="116">
        <v>0</v>
      </c>
      <c r="FL17" s="110">
        <v>59928</v>
      </c>
      <c r="FM17" s="114">
        <v>88256</v>
      </c>
      <c r="FN17" s="113">
        <v>148184</v>
      </c>
      <c r="FO17" s="110">
        <v>0</v>
      </c>
      <c r="FP17" s="114">
        <v>239057</v>
      </c>
      <c r="FQ17" s="114">
        <v>288736</v>
      </c>
      <c r="FR17" s="114">
        <v>349440</v>
      </c>
      <c r="FS17" s="114">
        <v>350315</v>
      </c>
      <c r="FT17" s="114">
        <v>200781</v>
      </c>
      <c r="FU17" s="113">
        <v>1428329</v>
      </c>
      <c r="FV17" s="116">
        <v>1576513</v>
      </c>
      <c r="FW17" s="115">
        <v>59928</v>
      </c>
      <c r="FX17" s="114">
        <v>88256</v>
      </c>
      <c r="FY17" s="112">
        <v>148184</v>
      </c>
      <c r="FZ17" s="111">
        <v>0</v>
      </c>
      <c r="GA17" s="114">
        <v>239057</v>
      </c>
      <c r="GB17" s="114">
        <v>288736</v>
      </c>
      <c r="GC17" s="114">
        <v>349440</v>
      </c>
      <c r="GD17" s="114">
        <v>350315</v>
      </c>
      <c r="GE17" s="114">
        <v>200781</v>
      </c>
      <c r="GF17" s="113">
        <v>1428329</v>
      </c>
      <c r="GG17" s="318">
        <v>1576513</v>
      </c>
      <c r="GH17" s="115">
        <v>0</v>
      </c>
      <c r="GI17" s="114">
        <v>0</v>
      </c>
      <c r="GJ17" s="112">
        <v>0</v>
      </c>
      <c r="GK17" s="111">
        <v>0</v>
      </c>
      <c r="GL17" s="114">
        <v>0</v>
      </c>
      <c r="GM17" s="114">
        <v>0</v>
      </c>
      <c r="GN17" s="114">
        <v>0</v>
      </c>
      <c r="GO17" s="114">
        <v>0</v>
      </c>
      <c r="GP17" s="114">
        <v>0</v>
      </c>
      <c r="GQ17" s="113">
        <v>0</v>
      </c>
      <c r="GR17" s="116">
        <v>0</v>
      </c>
      <c r="GS17" s="110">
        <v>0</v>
      </c>
      <c r="GT17" s="114">
        <v>0</v>
      </c>
      <c r="GU17" s="113">
        <v>0</v>
      </c>
      <c r="GV17" s="110">
        <v>0</v>
      </c>
      <c r="GW17" s="114">
        <v>0</v>
      </c>
      <c r="GX17" s="114">
        <v>0</v>
      </c>
      <c r="GY17" s="114">
        <v>0</v>
      </c>
      <c r="GZ17" s="114">
        <v>0</v>
      </c>
      <c r="HA17" s="114">
        <v>0</v>
      </c>
      <c r="HB17" s="112">
        <v>0</v>
      </c>
      <c r="HC17" s="116">
        <v>0</v>
      </c>
      <c r="HD17" s="110">
        <v>94589</v>
      </c>
      <c r="HE17" s="114">
        <v>250718</v>
      </c>
      <c r="HF17" s="112">
        <v>345307</v>
      </c>
      <c r="HG17" s="111">
        <v>0</v>
      </c>
      <c r="HH17" s="114">
        <v>2692895</v>
      </c>
      <c r="HI17" s="114">
        <v>1055488</v>
      </c>
      <c r="HJ17" s="114">
        <v>2273621</v>
      </c>
      <c r="HK17" s="114">
        <v>3312276</v>
      </c>
      <c r="HL17" s="114">
        <v>2093271</v>
      </c>
      <c r="HM17" s="113">
        <v>11427551</v>
      </c>
      <c r="HN17" s="109">
        <v>11772858</v>
      </c>
      <c r="HO17" s="328"/>
      <c r="HP17" s="329"/>
      <c r="HQ17" s="330"/>
      <c r="HR17" s="331"/>
      <c r="HS17" s="329"/>
      <c r="HT17" s="329"/>
      <c r="HU17" s="329"/>
      <c r="HV17" s="329"/>
      <c r="HW17" s="329"/>
      <c r="HX17" s="332"/>
      <c r="HY17" s="333"/>
      <c r="HZ17" s="131">
        <v>0</v>
      </c>
      <c r="IA17" s="132">
        <v>59752</v>
      </c>
      <c r="IB17" s="133">
        <v>59752</v>
      </c>
      <c r="IC17" s="146">
        <v>0</v>
      </c>
      <c r="ID17" s="132">
        <v>826079</v>
      </c>
      <c r="IE17" s="147">
        <v>1359563</v>
      </c>
      <c r="IF17" s="133">
        <v>1169675</v>
      </c>
      <c r="IG17" s="132">
        <v>1383875</v>
      </c>
      <c r="IH17" s="133">
        <v>104231</v>
      </c>
      <c r="II17" s="148">
        <v>4843423</v>
      </c>
      <c r="IJ17" s="139">
        <v>4903175</v>
      </c>
      <c r="IK17" s="232">
        <v>0</v>
      </c>
      <c r="IL17" s="236">
        <v>0</v>
      </c>
      <c r="IM17" s="237">
        <v>0</v>
      </c>
      <c r="IN17" s="140"/>
      <c r="IO17" s="119">
        <v>68271</v>
      </c>
      <c r="IP17" s="119">
        <v>110554</v>
      </c>
      <c r="IQ17" s="119">
        <v>0</v>
      </c>
      <c r="IR17" s="119">
        <v>326200</v>
      </c>
      <c r="IS17" s="119">
        <v>0</v>
      </c>
      <c r="IT17" s="141">
        <v>505025</v>
      </c>
      <c r="IU17" s="320">
        <v>505025</v>
      </c>
      <c r="IV17" s="142">
        <v>0</v>
      </c>
      <c r="IW17" s="119">
        <v>0</v>
      </c>
      <c r="IX17" s="120">
        <v>0</v>
      </c>
      <c r="IY17" s="144"/>
      <c r="IZ17" s="119">
        <v>14732</v>
      </c>
      <c r="JA17" s="119">
        <v>14732</v>
      </c>
      <c r="JB17" s="119">
        <v>0</v>
      </c>
      <c r="JC17" s="119">
        <v>0</v>
      </c>
      <c r="JD17" s="119">
        <v>0</v>
      </c>
      <c r="JE17" s="120">
        <v>29464</v>
      </c>
      <c r="JF17" s="121">
        <v>29464</v>
      </c>
      <c r="JG17" s="142">
        <v>0</v>
      </c>
      <c r="JH17" s="119">
        <v>0</v>
      </c>
      <c r="JI17" s="141">
        <v>0</v>
      </c>
      <c r="JJ17" s="118">
        <v>0</v>
      </c>
      <c r="JK17" s="119">
        <v>743076</v>
      </c>
      <c r="JL17" s="119">
        <v>423183</v>
      </c>
      <c r="JM17" s="119">
        <v>407952</v>
      </c>
      <c r="JN17" s="119">
        <v>138615</v>
      </c>
      <c r="JO17" s="119">
        <v>104231</v>
      </c>
      <c r="JP17" s="120">
        <v>1817057</v>
      </c>
      <c r="JQ17" s="320">
        <v>1817057</v>
      </c>
      <c r="JR17" s="142">
        <v>0</v>
      </c>
      <c r="JS17" s="119">
        <v>0</v>
      </c>
      <c r="JT17" s="141">
        <v>0</v>
      </c>
      <c r="JU17" s="118">
        <v>0</v>
      </c>
      <c r="JV17" s="119">
        <v>0</v>
      </c>
      <c r="JW17" s="119">
        <v>0</v>
      </c>
      <c r="JX17" s="119">
        <v>123979</v>
      </c>
      <c r="JY17" s="119">
        <v>0</v>
      </c>
      <c r="JZ17" s="119">
        <v>0</v>
      </c>
      <c r="KA17" s="120">
        <v>123979</v>
      </c>
      <c r="KB17" s="320">
        <v>123979</v>
      </c>
      <c r="KC17" s="234">
        <v>0</v>
      </c>
      <c r="KD17" s="230">
        <v>59752</v>
      </c>
      <c r="KE17" s="120">
        <v>59752</v>
      </c>
      <c r="KF17" s="118">
        <v>0</v>
      </c>
      <c r="KG17" s="119">
        <v>0</v>
      </c>
      <c r="KH17" s="119">
        <v>154582</v>
      </c>
      <c r="KI17" s="119">
        <v>637744</v>
      </c>
      <c r="KJ17" s="119">
        <v>0</v>
      </c>
      <c r="KK17" s="119">
        <v>0</v>
      </c>
      <c r="KL17" s="120">
        <v>792326</v>
      </c>
      <c r="KM17" s="143">
        <v>852078</v>
      </c>
      <c r="KN17" s="232">
        <v>0</v>
      </c>
      <c r="KO17" s="236">
        <v>0</v>
      </c>
      <c r="KP17" s="237">
        <v>0</v>
      </c>
      <c r="KQ17" s="140"/>
      <c r="KR17" s="119">
        <v>0</v>
      </c>
      <c r="KS17" s="119">
        <v>656512</v>
      </c>
      <c r="KT17" s="119">
        <v>0</v>
      </c>
      <c r="KU17" s="119">
        <v>919060</v>
      </c>
      <c r="KV17" s="119">
        <v>0</v>
      </c>
      <c r="KW17" s="120">
        <v>1575572</v>
      </c>
      <c r="KX17" s="320">
        <v>1575572</v>
      </c>
      <c r="KY17" s="142">
        <v>0</v>
      </c>
      <c r="KZ17" s="119">
        <v>0</v>
      </c>
      <c r="LA17" s="120">
        <v>0</v>
      </c>
      <c r="LB17" s="145"/>
      <c r="LC17" s="119">
        <v>0</v>
      </c>
      <c r="LD17" s="119">
        <v>0</v>
      </c>
      <c r="LE17" s="119">
        <v>0</v>
      </c>
      <c r="LF17" s="119">
        <v>0</v>
      </c>
      <c r="LG17" s="119">
        <v>0</v>
      </c>
      <c r="LH17" s="120">
        <v>0</v>
      </c>
      <c r="LI17" s="121">
        <v>0</v>
      </c>
      <c r="LJ17" s="142">
        <v>0</v>
      </c>
      <c r="LK17" s="119">
        <v>0</v>
      </c>
      <c r="LL17" s="120">
        <v>0</v>
      </c>
      <c r="LM17" s="145"/>
      <c r="LN17" s="119">
        <v>0</v>
      </c>
      <c r="LO17" s="119">
        <v>0</v>
      </c>
      <c r="LP17" s="119">
        <v>0</v>
      </c>
      <c r="LQ17" s="119">
        <v>0</v>
      </c>
      <c r="LR17" s="119">
        <v>0</v>
      </c>
      <c r="LS17" s="120">
        <v>0</v>
      </c>
      <c r="LT17" s="320">
        <v>0</v>
      </c>
      <c r="LU17" s="142">
        <v>0</v>
      </c>
      <c r="LV17" s="119">
        <v>0</v>
      </c>
      <c r="LW17" s="120">
        <v>0</v>
      </c>
      <c r="LX17" s="145"/>
      <c r="LY17" s="119">
        <v>0</v>
      </c>
      <c r="LZ17" s="119">
        <v>0</v>
      </c>
      <c r="MA17" s="119">
        <v>0</v>
      </c>
      <c r="MB17" s="119">
        <v>0</v>
      </c>
      <c r="MC17" s="119">
        <v>0</v>
      </c>
      <c r="MD17" s="120">
        <v>0</v>
      </c>
      <c r="ME17" s="121">
        <v>0</v>
      </c>
      <c r="MF17" s="142">
        <v>0</v>
      </c>
      <c r="MG17" s="119">
        <v>0</v>
      </c>
      <c r="MH17" s="120">
        <v>0</v>
      </c>
      <c r="MI17" s="145"/>
      <c r="MJ17" s="119">
        <v>586770</v>
      </c>
      <c r="MK17" s="119">
        <v>257649</v>
      </c>
      <c r="ML17" s="119">
        <v>943584</v>
      </c>
      <c r="MM17" s="119">
        <v>3047041</v>
      </c>
      <c r="MN17" s="119">
        <v>2011691</v>
      </c>
      <c r="MO17" s="120">
        <v>6846735</v>
      </c>
      <c r="MP17" s="143">
        <v>6846735</v>
      </c>
      <c r="MQ17" s="142">
        <v>0</v>
      </c>
      <c r="MR17" s="119">
        <v>0</v>
      </c>
      <c r="MS17" s="120">
        <v>0</v>
      </c>
      <c r="MT17" s="145"/>
      <c r="MU17" s="119">
        <v>0</v>
      </c>
      <c r="MV17" s="119">
        <v>0</v>
      </c>
      <c r="MW17" s="119">
        <v>263693</v>
      </c>
      <c r="MX17" s="119">
        <v>1492743</v>
      </c>
      <c r="MY17" s="119">
        <v>1739471</v>
      </c>
      <c r="MZ17" s="120">
        <v>3495907</v>
      </c>
      <c r="NA17" s="143">
        <v>3495907</v>
      </c>
      <c r="NB17" s="142">
        <v>0</v>
      </c>
      <c r="NC17" s="119">
        <v>0</v>
      </c>
      <c r="ND17" s="120">
        <v>0</v>
      </c>
      <c r="NE17" s="145"/>
      <c r="NF17" s="119">
        <v>586770</v>
      </c>
      <c r="NG17" s="119">
        <v>257649</v>
      </c>
      <c r="NH17" s="119">
        <v>679891</v>
      </c>
      <c r="NI17" s="119">
        <v>1554298</v>
      </c>
      <c r="NJ17" s="119">
        <v>272220</v>
      </c>
      <c r="NK17" s="120">
        <v>3350828</v>
      </c>
      <c r="NL17" s="320">
        <v>3350828</v>
      </c>
      <c r="NM17" s="142">
        <v>0</v>
      </c>
      <c r="NN17" s="119">
        <v>0</v>
      </c>
      <c r="NO17" s="120">
        <v>0</v>
      </c>
      <c r="NP17" s="145"/>
      <c r="NQ17" s="119">
        <v>0</v>
      </c>
      <c r="NR17" s="119">
        <v>0</v>
      </c>
      <c r="NS17" s="119">
        <v>0</v>
      </c>
      <c r="NT17" s="119">
        <v>0</v>
      </c>
      <c r="NU17" s="119">
        <v>0</v>
      </c>
      <c r="NV17" s="120">
        <v>0</v>
      </c>
      <c r="NW17" s="121">
        <v>0</v>
      </c>
      <c r="NX17" s="142">
        <v>0</v>
      </c>
      <c r="NY17" s="119">
        <v>0</v>
      </c>
      <c r="NZ17" s="120">
        <v>0</v>
      </c>
      <c r="OA17" s="145"/>
      <c r="OB17" s="119">
        <v>0</v>
      </c>
      <c r="OC17" s="119">
        <v>0</v>
      </c>
      <c r="OD17" s="119">
        <v>0</v>
      </c>
      <c r="OE17" s="119">
        <v>0</v>
      </c>
      <c r="OF17" s="119">
        <v>0</v>
      </c>
      <c r="OG17" s="120">
        <v>0</v>
      </c>
      <c r="OH17" s="121">
        <v>0</v>
      </c>
      <c r="OI17" s="142">
        <v>291617</v>
      </c>
      <c r="OJ17" s="119">
        <v>604983</v>
      </c>
      <c r="OK17" s="141">
        <v>896600</v>
      </c>
      <c r="OL17" s="118">
        <v>0</v>
      </c>
      <c r="OM17" s="119">
        <v>7547739</v>
      </c>
      <c r="ON17" s="119">
        <v>5153368</v>
      </c>
      <c r="OO17" s="119">
        <v>7655728</v>
      </c>
      <c r="OP17" s="119">
        <v>11120869</v>
      </c>
      <c r="OQ17" s="119">
        <v>6537352</v>
      </c>
      <c r="OR17" s="120">
        <v>38015056</v>
      </c>
      <c r="OS17" s="143">
        <v>38911656</v>
      </c>
    </row>
    <row r="18" spans="2:409" ht="21" customHeight="1" x14ac:dyDescent="0.2">
      <c r="B18" s="126" t="s">
        <v>12</v>
      </c>
      <c r="C18" s="110">
        <v>892242</v>
      </c>
      <c r="D18" s="114">
        <v>1368628</v>
      </c>
      <c r="E18" s="113">
        <v>2260870</v>
      </c>
      <c r="F18" s="109">
        <v>0</v>
      </c>
      <c r="G18" s="114">
        <v>5416967</v>
      </c>
      <c r="H18" s="170">
        <v>5715767</v>
      </c>
      <c r="I18" s="170">
        <v>7510129</v>
      </c>
      <c r="J18" s="170">
        <v>8468574</v>
      </c>
      <c r="K18" s="170">
        <v>4125432</v>
      </c>
      <c r="L18" s="112">
        <v>31236869</v>
      </c>
      <c r="M18" s="116">
        <v>33497739</v>
      </c>
      <c r="N18" s="110">
        <v>190795</v>
      </c>
      <c r="O18" s="114">
        <v>394850</v>
      </c>
      <c r="P18" s="113">
        <v>585645</v>
      </c>
      <c r="Q18" s="110">
        <v>0</v>
      </c>
      <c r="R18" s="114">
        <v>1815833</v>
      </c>
      <c r="S18" s="114">
        <v>1582308</v>
      </c>
      <c r="T18" s="114">
        <v>2759712</v>
      </c>
      <c r="U18" s="114">
        <v>2865899</v>
      </c>
      <c r="V18" s="114">
        <v>1709890</v>
      </c>
      <c r="W18" s="113">
        <v>10733642</v>
      </c>
      <c r="X18" s="116">
        <v>11319287</v>
      </c>
      <c r="Y18" s="110">
        <v>0</v>
      </c>
      <c r="Z18" s="114">
        <v>0</v>
      </c>
      <c r="AA18" s="113">
        <v>0</v>
      </c>
      <c r="AB18" s="110">
        <v>0</v>
      </c>
      <c r="AC18" s="114">
        <v>1185903</v>
      </c>
      <c r="AD18" s="114">
        <v>740264</v>
      </c>
      <c r="AE18" s="114">
        <v>1858355</v>
      </c>
      <c r="AF18" s="114">
        <v>1849694</v>
      </c>
      <c r="AG18" s="114">
        <v>781366</v>
      </c>
      <c r="AH18" s="113">
        <v>6415582</v>
      </c>
      <c r="AI18" s="116">
        <v>6415582</v>
      </c>
      <c r="AJ18" s="110">
        <v>0</v>
      </c>
      <c r="AK18" s="114">
        <v>0</v>
      </c>
      <c r="AL18" s="113">
        <v>0</v>
      </c>
      <c r="AM18" s="110">
        <v>0</v>
      </c>
      <c r="AN18" s="114">
        <v>0</v>
      </c>
      <c r="AO18" s="114">
        <v>53703</v>
      </c>
      <c r="AP18" s="114">
        <v>22087</v>
      </c>
      <c r="AQ18" s="114">
        <v>135664</v>
      </c>
      <c r="AR18" s="114">
        <v>432430</v>
      </c>
      <c r="AS18" s="113">
        <v>643884</v>
      </c>
      <c r="AT18" s="116">
        <v>643884</v>
      </c>
      <c r="AU18" s="110">
        <v>101524</v>
      </c>
      <c r="AV18" s="114">
        <v>297476</v>
      </c>
      <c r="AW18" s="113">
        <v>399000</v>
      </c>
      <c r="AX18" s="110">
        <v>0</v>
      </c>
      <c r="AY18" s="114">
        <v>356674</v>
      </c>
      <c r="AZ18" s="114">
        <v>526250</v>
      </c>
      <c r="BA18" s="114">
        <v>580865</v>
      </c>
      <c r="BB18" s="114">
        <v>580493</v>
      </c>
      <c r="BC18" s="114">
        <v>369870</v>
      </c>
      <c r="BD18" s="113">
        <v>2414152</v>
      </c>
      <c r="BE18" s="116">
        <v>2813152</v>
      </c>
      <c r="BF18" s="110">
        <v>0</v>
      </c>
      <c r="BG18" s="114">
        <v>18491</v>
      </c>
      <c r="BH18" s="112">
        <v>18491</v>
      </c>
      <c r="BI18" s="111">
        <v>0</v>
      </c>
      <c r="BJ18" s="114">
        <v>100293</v>
      </c>
      <c r="BK18" s="114">
        <v>50852</v>
      </c>
      <c r="BL18" s="114">
        <v>18993</v>
      </c>
      <c r="BM18" s="114">
        <v>0</v>
      </c>
      <c r="BN18" s="114">
        <v>0</v>
      </c>
      <c r="BO18" s="113">
        <v>170138</v>
      </c>
      <c r="BP18" s="116">
        <v>188629</v>
      </c>
      <c r="BQ18" s="110">
        <v>89271</v>
      </c>
      <c r="BR18" s="114">
        <v>78883</v>
      </c>
      <c r="BS18" s="113">
        <v>168154</v>
      </c>
      <c r="BT18" s="110">
        <v>0</v>
      </c>
      <c r="BU18" s="114">
        <v>172963</v>
      </c>
      <c r="BV18" s="114">
        <v>211239</v>
      </c>
      <c r="BW18" s="114">
        <v>279412</v>
      </c>
      <c r="BX18" s="114">
        <v>300048</v>
      </c>
      <c r="BY18" s="114">
        <v>126224</v>
      </c>
      <c r="BZ18" s="113">
        <v>1089886</v>
      </c>
      <c r="CA18" s="116">
        <v>1258040</v>
      </c>
      <c r="CB18" s="110">
        <v>268790</v>
      </c>
      <c r="CC18" s="114">
        <v>241077</v>
      </c>
      <c r="CD18" s="113">
        <v>509867</v>
      </c>
      <c r="CE18" s="110">
        <v>0</v>
      </c>
      <c r="CF18" s="114">
        <v>2174927</v>
      </c>
      <c r="CG18" s="114">
        <v>2005548</v>
      </c>
      <c r="CH18" s="114">
        <v>1671507</v>
      </c>
      <c r="CI18" s="114">
        <v>1422336</v>
      </c>
      <c r="CJ18" s="114">
        <v>413960</v>
      </c>
      <c r="CK18" s="113">
        <v>7688278</v>
      </c>
      <c r="CL18" s="116">
        <v>8198145</v>
      </c>
      <c r="CM18" s="110">
        <v>0</v>
      </c>
      <c r="CN18" s="114">
        <v>0</v>
      </c>
      <c r="CO18" s="113">
        <v>0</v>
      </c>
      <c r="CP18" s="111">
        <v>0</v>
      </c>
      <c r="CQ18" s="114">
        <v>1694549</v>
      </c>
      <c r="CR18" s="114">
        <v>1303657</v>
      </c>
      <c r="CS18" s="114">
        <v>962652</v>
      </c>
      <c r="CT18" s="114">
        <v>884632</v>
      </c>
      <c r="CU18" s="114">
        <v>413960</v>
      </c>
      <c r="CV18" s="113">
        <v>5259450</v>
      </c>
      <c r="CW18" s="116">
        <v>5259450</v>
      </c>
      <c r="CX18" s="110">
        <v>268790</v>
      </c>
      <c r="CY18" s="114">
        <v>241077</v>
      </c>
      <c r="CZ18" s="113">
        <v>509867</v>
      </c>
      <c r="DA18" s="110">
        <v>0</v>
      </c>
      <c r="DB18" s="114">
        <v>480378</v>
      </c>
      <c r="DC18" s="114">
        <v>701891</v>
      </c>
      <c r="DD18" s="114">
        <v>708855</v>
      </c>
      <c r="DE18" s="114">
        <v>537704</v>
      </c>
      <c r="DF18" s="114">
        <v>0</v>
      </c>
      <c r="DG18" s="113">
        <v>2428828</v>
      </c>
      <c r="DH18" s="116">
        <v>2938695</v>
      </c>
      <c r="DI18" s="110">
        <v>0</v>
      </c>
      <c r="DJ18" s="114">
        <v>14356</v>
      </c>
      <c r="DK18" s="112">
        <v>14356</v>
      </c>
      <c r="DL18" s="111">
        <v>0</v>
      </c>
      <c r="DM18" s="114">
        <v>127741</v>
      </c>
      <c r="DN18" s="114">
        <v>101268</v>
      </c>
      <c r="DO18" s="114">
        <v>869085</v>
      </c>
      <c r="DP18" s="114">
        <v>588864</v>
      </c>
      <c r="DQ18" s="114">
        <v>290783</v>
      </c>
      <c r="DR18" s="113">
        <v>1977741</v>
      </c>
      <c r="DS18" s="116">
        <v>1992097</v>
      </c>
      <c r="DT18" s="110">
        <v>0</v>
      </c>
      <c r="DU18" s="114">
        <v>14356</v>
      </c>
      <c r="DV18" s="113">
        <v>14356</v>
      </c>
      <c r="DW18" s="110">
        <v>0</v>
      </c>
      <c r="DX18" s="114">
        <v>127741</v>
      </c>
      <c r="DY18" s="114">
        <v>101268</v>
      </c>
      <c r="DZ18" s="114">
        <v>869085</v>
      </c>
      <c r="EA18" s="114">
        <v>588864</v>
      </c>
      <c r="EB18" s="114">
        <v>290783</v>
      </c>
      <c r="EC18" s="113">
        <v>1977741</v>
      </c>
      <c r="ED18" s="116">
        <v>1992097</v>
      </c>
      <c r="EE18" s="110">
        <v>0</v>
      </c>
      <c r="EF18" s="112">
        <v>0</v>
      </c>
      <c r="EG18" s="113">
        <v>0</v>
      </c>
      <c r="EH18" s="110">
        <v>0</v>
      </c>
      <c r="EI18" s="114">
        <v>0</v>
      </c>
      <c r="EJ18" s="114">
        <v>0</v>
      </c>
      <c r="EK18" s="114">
        <v>0</v>
      </c>
      <c r="EL18" s="114">
        <v>0</v>
      </c>
      <c r="EM18" s="114">
        <v>0</v>
      </c>
      <c r="EN18" s="112">
        <v>0</v>
      </c>
      <c r="EO18" s="116">
        <v>0</v>
      </c>
      <c r="EP18" s="110">
        <v>0</v>
      </c>
      <c r="EQ18" s="114">
        <v>0</v>
      </c>
      <c r="ER18" s="112">
        <v>0</v>
      </c>
      <c r="ES18" s="111">
        <v>0</v>
      </c>
      <c r="ET18" s="114">
        <v>0</v>
      </c>
      <c r="EU18" s="114">
        <v>0</v>
      </c>
      <c r="EV18" s="114">
        <v>0</v>
      </c>
      <c r="EW18" s="114">
        <v>0</v>
      </c>
      <c r="EX18" s="114">
        <v>0</v>
      </c>
      <c r="EY18" s="113">
        <v>0</v>
      </c>
      <c r="EZ18" s="116">
        <v>0</v>
      </c>
      <c r="FA18" s="110">
        <v>0</v>
      </c>
      <c r="FB18" s="114">
        <v>0</v>
      </c>
      <c r="FC18" s="112">
        <v>0</v>
      </c>
      <c r="FD18" s="347"/>
      <c r="FE18" s="114">
        <v>0</v>
      </c>
      <c r="FF18" s="114">
        <v>0</v>
      </c>
      <c r="FG18" s="114">
        <v>0</v>
      </c>
      <c r="FH18" s="114">
        <v>0</v>
      </c>
      <c r="FI18" s="114">
        <v>0</v>
      </c>
      <c r="FJ18" s="113">
        <v>0</v>
      </c>
      <c r="FK18" s="116">
        <v>0</v>
      </c>
      <c r="FL18" s="110">
        <v>95263</v>
      </c>
      <c r="FM18" s="114">
        <v>212884</v>
      </c>
      <c r="FN18" s="113">
        <v>308147</v>
      </c>
      <c r="FO18" s="110">
        <v>0</v>
      </c>
      <c r="FP18" s="114">
        <v>296191</v>
      </c>
      <c r="FQ18" s="114">
        <v>753865</v>
      </c>
      <c r="FR18" s="114">
        <v>780229</v>
      </c>
      <c r="FS18" s="114">
        <v>618898</v>
      </c>
      <c r="FT18" s="114">
        <v>308350</v>
      </c>
      <c r="FU18" s="113">
        <v>2757533</v>
      </c>
      <c r="FV18" s="116">
        <v>3065680</v>
      </c>
      <c r="FW18" s="115">
        <v>95263</v>
      </c>
      <c r="FX18" s="114">
        <v>212884</v>
      </c>
      <c r="FY18" s="112">
        <v>308147</v>
      </c>
      <c r="FZ18" s="111">
        <v>0</v>
      </c>
      <c r="GA18" s="114">
        <v>158319</v>
      </c>
      <c r="GB18" s="114">
        <v>497665</v>
      </c>
      <c r="GC18" s="114">
        <v>626507</v>
      </c>
      <c r="GD18" s="114">
        <v>618898</v>
      </c>
      <c r="GE18" s="114">
        <v>284130</v>
      </c>
      <c r="GF18" s="113">
        <v>2185519</v>
      </c>
      <c r="GG18" s="318">
        <v>2493666</v>
      </c>
      <c r="GH18" s="115">
        <v>0</v>
      </c>
      <c r="GI18" s="114">
        <v>0</v>
      </c>
      <c r="GJ18" s="112">
        <v>0</v>
      </c>
      <c r="GK18" s="111">
        <v>0</v>
      </c>
      <c r="GL18" s="114">
        <v>16632</v>
      </c>
      <c r="GM18" s="114">
        <v>11200</v>
      </c>
      <c r="GN18" s="114">
        <v>6930</v>
      </c>
      <c r="GO18" s="114">
        <v>0</v>
      </c>
      <c r="GP18" s="114">
        <v>0</v>
      </c>
      <c r="GQ18" s="113">
        <v>34762</v>
      </c>
      <c r="GR18" s="116">
        <v>34762</v>
      </c>
      <c r="GS18" s="110">
        <v>0</v>
      </c>
      <c r="GT18" s="114">
        <v>0</v>
      </c>
      <c r="GU18" s="113">
        <v>0</v>
      </c>
      <c r="GV18" s="110">
        <v>0</v>
      </c>
      <c r="GW18" s="114">
        <v>121240</v>
      </c>
      <c r="GX18" s="114">
        <v>245000</v>
      </c>
      <c r="GY18" s="114">
        <v>146792</v>
      </c>
      <c r="GZ18" s="114">
        <v>0</v>
      </c>
      <c r="HA18" s="114">
        <v>24220</v>
      </c>
      <c r="HB18" s="112">
        <v>537252</v>
      </c>
      <c r="HC18" s="116">
        <v>537252</v>
      </c>
      <c r="HD18" s="110">
        <v>337394</v>
      </c>
      <c r="HE18" s="114">
        <v>505461</v>
      </c>
      <c r="HF18" s="112">
        <v>842855</v>
      </c>
      <c r="HG18" s="111">
        <v>0</v>
      </c>
      <c r="HH18" s="114">
        <v>1002275</v>
      </c>
      <c r="HI18" s="114">
        <v>1272778</v>
      </c>
      <c r="HJ18" s="114">
        <v>1429596</v>
      </c>
      <c r="HK18" s="114">
        <v>2972577</v>
      </c>
      <c r="HL18" s="114">
        <v>1402449</v>
      </c>
      <c r="HM18" s="113">
        <v>8079675</v>
      </c>
      <c r="HN18" s="109">
        <v>8922530</v>
      </c>
      <c r="HO18" s="328"/>
      <c r="HP18" s="329"/>
      <c r="HQ18" s="330"/>
      <c r="HR18" s="331"/>
      <c r="HS18" s="329"/>
      <c r="HT18" s="329"/>
      <c r="HU18" s="329"/>
      <c r="HV18" s="329"/>
      <c r="HW18" s="329"/>
      <c r="HX18" s="332"/>
      <c r="HY18" s="333"/>
      <c r="HZ18" s="150">
        <v>0</v>
      </c>
      <c r="IA18" s="135">
        <v>0</v>
      </c>
      <c r="IB18" s="150">
        <v>0</v>
      </c>
      <c r="IC18" s="134">
        <v>0</v>
      </c>
      <c r="ID18" s="135">
        <v>1095809</v>
      </c>
      <c r="IE18" s="136">
        <v>1570898</v>
      </c>
      <c r="IF18" s="137">
        <v>1805512</v>
      </c>
      <c r="IG18" s="135">
        <v>2687098</v>
      </c>
      <c r="IH18" s="137">
        <v>1849666</v>
      </c>
      <c r="II18" s="138">
        <v>9008983</v>
      </c>
      <c r="IJ18" s="150">
        <v>9008983</v>
      </c>
      <c r="IK18" s="232">
        <v>0</v>
      </c>
      <c r="IL18" s="236">
        <v>0</v>
      </c>
      <c r="IM18" s="237">
        <v>0</v>
      </c>
      <c r="IN18" s="140"/>
      <c r="IO18" s="119">
        <v>68271</v>
      </c>
      <c r="IP18" s="119">
        <v>0</v>
      </c>
      <c r="IQ18" s="119">
        <v>0</v>
      </c>
      <c r="IR18" s="119">
        <v>0</v>
      </c>
      <c r="IS18" s="119">
        <v>0</v>
      </c>
      <c r="IT18" s="141">
        <v>68271</v>
      </c>
      <c r="IU18" s="320">
        <v>68271</v>
      </c>
      <c r="IV18" s="142">
        <v>0</v>
      </c>
      <c r="IW18" s="119">
        <v>0</v>
      </c>
      <c r="IX18" s="120">
        <v>0</v>
      </c>
      <c r="IY18" s="144"/>
      <c r="IZ18" s="119">
        <v>0</v>
      </c>
      <c r="JA18" s="119">
        <v>0</v>
      </c>
      <c r="JB18" s="119">
        <v>0</v>
      </c>
      <c r="JC18" s="119">
        <v>0</v>
      </c>
      <c r="JD18" s="119">
        <v>0</v>
      </c>
      <c r="JE18" s="120">
        <v>0</v>
      </c>
      <c r="JF18" s="121">
        <v>0</v>
      </c>
      <c r="JG18" s="142">
        <v>0</v>
      </c>
      <c r="JH18" s="119">
        <v>0</v>
      </c>
      <c r="JI18" s="141">
        <v>0</v>
      </c>
      <c r="JJ18" s="118">
        <v>0</v>
      </c>
      <c r="JK18" s="119">
        <v>647304</v>
      </c>
      <c r="JL18" s="119">
        <v>609546</v>
      </c>
      <c r="JM18" s="119">
        <v>466187</v>
      </c>
      <c r="JN18" s="119">
        <v>349315</v>
      </c>
      <c r="JO18" s="119">
        <v>0</v>
      </c>
      <c r="JP18" s="120">
        <v>2072352</v>
      </c>
      <c r="JQ18" s="320">
        <v>2072352</v>
      </c>
      <c r="JR18" s="142">
        <v>0</v>
      </c>
      <c r="JS18" s="119">
        <v>0</v>
      </c>
      <c r="JT18" s="141">
        <v>0</v>
      </c>
      <c r="JU18" s="118">
        <v>0</v>
      </c>
      <c r="JV18" s="119">
        <v>0</v>
      </c>
      <c r="JW18" s="119">
        <v>37175</v>
      </c>
      <c r="JX18" s="119">
        <v>0</v>
      </c>
      <c r="JY18" s="119">
        <v>0</v>
      </c>
      <c r="JZ18" s="119">
        <v>0</v>
      </c>
      <c r="KA18" s="120">
        <v>37175</v>
      </c>
      <c r="KB18" s="320">
        <v>37175</v>
      </c>
      <c r="KC18" s="234">
        <v>0</v>
      </c>
      <c r="KD18" s="230">
        <v>0</v>
      </c>
      <c r="KE18" s="120">
        <v>0</v>
      </c>
      <c r="KF18" s="118">
        <v>0</v>
      </c>
      <c r="KG18" s="119">
        <v>165452</v>
      </c>
      <c r="KH18" s="119">
        <v>164958</v>
      </c>
      <c r="KI18" s="119">
        <v>0</v>
      </c>
      <c r="KJ18" s="119">
        <v>700789</v>
      </c>
      <c r="KK18" s="119">
        <v>132604</v>
      </c>
      <c r="KL18" s="120">
        <v>1163803</v>
      </c>
      <c r="KM18" s="143">
        <v>1163803</v>
      </c>
      <c r="KN18" s="232">
        <v>0</v>
      </c>
      <c r="KO18" s="236">
        <v>0</v>
      </c>
      <c r="KP18" s="237">
        <v>0</v>
      </c>
      <c r="KQ18" s="140"/>
      <c r="KR18" s="119">
        <v>214782</v>
      </c>
      <c r="KS18" s="119">
        <v>437537</v>
      </c>
      <c r="KT18" s="119">
        <v>447589</v>
      </c>
      <c r="KU18" s="119">
        <v>685120</v>
      </c>
      <c r="KV18" s="119">
        <v>239082</v>
      </c>
      <c r="KW18" s="120">
        <v>2024110</v>
      </c>
      <c r="KX18" s="320">
        <v>2024110</v>
      </c>
      <c r="KY18" s="142">
        <v>0</v>
      </c>
      <c r="KZ18" s="119">
        <v>0</v>
      </c>
      <c r="LA18" s="120">
        <v>0</v>
      </c>
      <c r="LB18" s="145"/>
      <c r="LC18" s="119">
        <v>0</v>
      </c>
      <c r="LD18" s="119">
        <v>321682</v>
      </c>
      <c r="LE18" s="119">
        <v>0</v>
      </c>
      <c r="LF18" s="119">
        <v>389582</v>
      </c>
      <c r="LG18" s="119">
        <v>0</v>
      </c>
      <c r="LH18" s="120">
        <v>711264</v>
      </c>
      <c r="LI18" s="121">
        <v>711264</v>
      </c>
      <c r="LJ18" s="142">
        <v>0</v>
      </c>
      <c r="LK18" s="119">
        <v>0</v>
      </c>
      <c r="LL18" s="120">
        <v>0</v>
      </c>
      <c r="LM18" s="145"/>
      <c r="LN18" s="119">
        <v>0</v>
      </c>
      <c r="LO18" s="119">
        <v>0</v>
      </c>
      <c r="LP18" s="119">
        <v>226150</v>
      </c>
      <c r="LQ18" s="119">
        <v>0</v>
      </c>
      <c r="LR18" s="119">
        <v>259916</v>
      </c>
      <c r="LS18" s="120">
        <v>486066</v>
      </c>
      <c r="LT18" s="320">
        <v>486066</v>
      </c>
      <c r="LU18" s="142">
        <v>0</v>
      </c>
      <c r="LV18" s="119">
        <v>0</v>
      </c>
      <c r="LW18" s="120">
        <v>0</v>
      </c>
      <c r="LX18" s="145"/>
      <c r="LY18" s="119">
        <v>0</v>
      </c>
      <c r="LZ18" s="119">
        <v>0</v>
      </c>
      <c r="MA18" s="119">
        <v>665586</v>
      </c>
      <c r="MB18" s="119">
        <v>562292</v>
      </c>
      <c r="MC18" s="119">
        <v>1218064</v>
      </c>
      <c r="MD18" s="120">
        <v>2445942</v>
      </c>
      <c r="ME18" s="121">
        <v>2445942</v>
      </c>
      <c r="MF18" s="142">
        <v>0</v>
      </c>
      <c r="MG18" s="119">
        <v>0</v>
      </c>
      <c r="MH18" s="120">
        <v>0</v>
      </c>
      <c r="MI18" s="145"/>
      <c r="MJ18" s="119">
        <v>0</v>
      </c>
      <c r="MK18" s="119">
        <v>827639</v>
      </c>
      <c r="ML18" s="119">
        <v>1893445</v>
      </c>
      <c r="MM18" s="119">
        <v>4584769</v>
      </c>
      <c r="MN18" s="119">
        <v>1559223</v>
      </c>
      <c r="MO18" s="120">
        <v>8865076</v>
      </c>
      <c r="MP18" s="143">
        <v>8865076</v>
      </c>
      <c r="MQ18" s="142">
        <v>0</v>
      </c>
      <c r="MR18" s="119">
        <v>0</v>
      </c>
      <c r="MS18" s="120">
        <v>0</v>
      </c>
      <c r="MT18" s="145"/>
      <c r="MU18" s="119">
        <v>0</v>
      </c>
      <c r="MV18" s="119">
        <v>160995</v>
      </c>
      <c r="MW18" s="119">
        <v>921962</v>
      </c>
      <c r="MX18" s="119">
        <v>2021653</v>
      </c>
      <c r="MY18" s="119">
        <v>992685</v>
      </c>
      <c r="MZ18" s="120">
        <v>4097295</v>
      </c>
      <c r="NA18" s="143">
        <v>4097295</v>
      </c>
      <c r="NB18" s="142">
        <v>0</v>
      </c>
      <c r="NC18" s="119">
        <v>0</v>
      </c>
      <c r="ND18" s="120">
        <v>0</v>
      </c>
      <c r="NE18" s="145"/>
      <c r="NF18" s="119">
        <v>0</v>
      </c>
      <c r="NG18" s="119">
        <v>666644</v>
      </c>
      <c r="NH18" s="119">
        <v>971483</v>
      </c>
      <c r="NI18" s="119">
        <v>2261459</v>
      </c>
      <c r="NJ18" s="119">
        <v>566538</v>
      </c>
      <c r="NK18" s="120">
        <v>4466124</v>
      </c>
      <c r="NL18" s="320">
        <v>4466124</v>
      </c>
      <c r="NM18" s="142">
        <v>0</v>
      </c>
      <c r="NN18" s="119">
        <v>0</v>
      </c>
      <c r="NO18" s="120">
        <v>0</v>
      </c>
      <c r="NP18" s="145"/>
      <c r="NQ18" s="119">
        <v>0</v>
      </c>
      <c r="NR18" s="119">
        <v>0</v>
      </c>
      <c r="NS18" s="119">
        <v>0</v>
      </c>
      <c r="NT18" s="119">
        <v>0</v>
      </c>
      <c r="NU18" s="119">
        <v>0</v>
      </c>
      <c r="NV18" s="120">
        <v>0</v>
      </c>
      <c r="NW18" s="121">
        <v>0</v>
      </c>
      <c r="NX18" s="142">
        <v>0</v>
      </c>
      <c r="NY18" s="119">
        <v>0</v>
      </c>
      <c r="NZ18" s="120">
        <v>0</v>
      </c>
      <c r="OA18" s="145"/>
      <c r="OB18" s="119">
        <v>0</v>
      </c>
      <c r="OC18" s="119">
        <v>0</v>
      </c>
      <c r="OD18" s="119">
        <v>0</v>
      </c>
      <c r="OE18" s="119">
        <v>301657</v>
      </c>
      <c r="OF18" s="119">
        <v>0</v>
      </c>
      <c r="OG18" s="120">
        <v>301657</v>
      </c>
      <c r="OH18" s="121">
        <v>301657</v>
      </c>
      <c r="OI18" s="142">
        <v>892242</v>
      </c>
      <c r="OJ18" s="119">
        <v>1368628</v>
      </c>
      <c r="OK18" s="141">
        <v>2260870</v>
      </c>
      <c r="OL18" s="118">
        <v>0</v>
      </c>
      <c r="OM18" s="119">
        <v>6512776</v>
      </c>
      <c r="ON18" s="119">
        <v>8114304</v>
      </c>
      <c r="OO18" s="119">
        <v>11209086</v>
      </c>
      <c r="OP18" s="119">
        <v>15740441</v>
      </c>
      <c r="OQ18" s="119">
        <v>7534321</v>
      </c>
      <c r="OR18" s="120">
        <v>49110928</v>
      </c>
      <c r="OS18" s="143">
        <v>51371798</v>
      </c>
    </row>
    <row r="19" spans="2:409" ht="21" customHeight="1" x14ac:dyDescent="0.2">
      <c r="B19" s="126" t="s">
        <v>13</v>
      </c>
      <c r="C19" s="110">
        <v>429948</v>
      </c>
      <c r="D19" s="114">
        <v>663595</v>
      </c>
      <c r="E19" s="113">
        <v>1093543</v>
      </c>
      <c r="F19" s="110">
        <v>0</v>
      </c>
      <c r="G19" s="170">
        <v>3913205</v>
      </c>
      <c r="H19" s="114">
        <v>5076555</v>
      </c>
      <c r="I19" s="114">
        <v>5080633</v>
      </c>
      <c r="J19" s="114">
        <v>3978547</v>
      </c>
      <c r="K19" s="114">
        <v>4275339</v>
      </c>
      <c r="L19" s="112">
        <v>22324279</v>
      </c>
      <c r="M19" s="116">
        <v>23417822</v>
      </c>
      <c r="N19" s="110">
        <v>106897</v>
      </c>
      <c r="O19" s="114">
        <v>185511</v>
      </c>
      <c r="P19" s="113">
        <v>292408</v>
      </c>
      <c r="Q19" s="110">
        <v>0</v>
      </c>
      <c r="R19" s="114">
        <v>1253398</v>
      </c>
      <c r="S19" s="114">
        <v>1755493</v>
      </c>
      <c r="T19" s="114">
        <v>1892870</v>
      </c>
      <c r="U19" s="114">
        <v>1937338</v>
      </c>
      <c r="V19" s="114">
        <v>2709623</v>
      </c>
      <c r="W19" s="113">
        <v>9548722</v>
      </c>
      <c r="X19" s="116">
        <v>9841130</v>
      </c>
      <c r="Y19" s="110">
        <v>0</v>
      </c>
      <c r="Z19" s="114">
        <v>0</v>
      </c>
      <c r="AA19" s="113">
        <v>0</v>
      </c>
      <c r="AB19" s="110">
        <v>0</v>
      </c>
      <c r="AC19" s="114">
        <v>487298</v>
      </c>
      <c r="AD19" s="114">
        <v>957626</v>
      </c>
      <c r="AE19" s="114">
        <v>1134278</v>
      </c>
      <c r="AF19" s="114">
        <v>1265408</v>
      </c>
      <c r="AG19" s="114">
        <v>2006989</v>
      </c>
      <c r="AH19" s="113">
        <v>5851599</v>
      </c>
      <c r="AI19" s="116">
        <v>5851599</v>
      </c>
      <c r="AJ19" s="110">
        <v>0</v>
      </c>
      <c r="AK19" s="114">
        <v>0</v>
      </c>
      <c r="AL19" s="113">
        <v>0</v>
      </c>
      <c r="AM19" s="110">
        <v>0</v>
      </c>
      <c r="AN19" s="114">
        <v>0</v>
      </c>
      <c r="AO19" s="114">
        <v>0</v>
      </c>
      <c r="AP19" s="114">
        <v>95078</v>
      </c>
      <c r="AQ19" s="114">
        <v>31697</v>
      </c>
      <c r="AR19" s="114">
        <v>42116</v>
      </c>
      <c r="AS19" s="113">
        <v>168891</v>
      </c>
      <c r="AT19" s="116">
        <v>168891</v>
      </c>
      <c r="AU19" s="110">
        <v>0</v>
      </c>
      <c r="AV19" s="114">
        <v>119130</v>
      </c>
      <c r="AW19" s="113">
        <v>119130</v>
      </c>
      <c r="AX19" s="110">
        <v>0</v>
      </c>
      <c r="AY19" s="114">
        <v>481655</v>
      </c>
      <c r="AZ19" s="114">
        <v>338605</v>
      </c>
      <c r="BA19" s="114">
        <v>453325</v>
      </c>
      <c r="BB19" s="114">
        <v>395056</v>
      </c>
      <c r="BC19" s="114">
        <v>455425</v>
      </c>
      <c r="BD19" s="113">
        <v>2124066</v>
      </c>
      <c r="BE19" s="116">
        <v>2243196</v>
      </c>
      <c r="BF19" s="110">
        <v>0</v>
      </c>
      <c r="BG19" s="114">
        <v>0</v>
      </c>
      <c r="BH19" s="112">
        <v>0</v>
      </c>
      <c r="BI19" s="111">
        <v>0</v>
      </c>
      <c r="BJ19" s="114">
        <v>109837</v>
      </c>
      <c r="BK19" s="114">
        <v>157079</v>
      </c>
      <c r="BL19" s="114">
        <v>0</v>
      </c>
      <c r="BM19" s="114">
        <v>21863</v>
      </c>
      <c r="BN19" s="114">
        <v>75047</v>
      </c>
      <c r="BO19" s="113">
        <v>363826</v>
      </c>
      <c r="BP19" s="116">
        <v>363826</v>
      </c>
      <c r="BQ19" s="110">
        <v>106897</v>
      </c>
      <c r="BR19" s="114">
        <v>66381</v>
      </c>
      <c r="BS19" s="113">
        <v>173278</v>
      </c>
      <c r="BT19" s="110">
        <v>0</v>
      </c>
      <c r="BU19" s="114">
        <v>174608</v>
      </c>
      <c r="BV19" s="114">
        <v>302183</v>
      </c>
      <c r="BW19" s="114">
        <v>210189</v>
      </c>
      <c r="BX19" s="114">
        <v>223314</v>
      </c>
      <c r="BY19" s="114">
        <v>130046</v>
      </c>
      <c r="BZ19" s="113">
        <v>1040340</v>
      </c>
      <c r="CA19" s="116">
        <v>1213618</v>
      </c>
      <c r="CB19" s="110">
        <v>0</v>
      </c>
      <c r="CC19" s="114">
        <v>32713</v>
      </c>
      <c r="CD19" s="113">
        <v>32713</v>
      </c>
      <c r="CE19" s="110">
        <v>0</v>
      </c>
      <c r="CF19" s="114">
        <v>622205</v>
      </c>
      <c r="CG19" s="114">
        <v>1229305</v>
      </c>
      <c r="CH19" s="114">
        <v>1583624</v>
      </c>
      <c r="CI19" s="114">
        <v>412979</v>
      </c>
      <c r="CJ19" s="114">
        <v>0</v>
      </c>
      <c r="CK19" s="113">
        <v>3848113</v>
      </c>
      <c r="CL19" s="116">
        <v>3880826</v>
      </c>
      <c r="CM19" s="110">
        <v>0</v>
      </c>
      <c r="CN19" s="114">
        <v>0</v>
      </c>
      <c r="CO19" s="113">
        <v>0</v>
      </c>
      <c r="CP19" s="111">
        <v>0</v>
      </c>
      <c r="CQ19" s="114">
        <v>604179</v>
      </c>
      <c r="CR19" s="114">
        <v>1110086</v>
      </c>
      <c r="CS19" s="114">
        <v>1276874</v>
      </c>
      <c r="CT19" s="114">
        <v>205598</v>
      </c>
      <c r="CU19" s="114">
        <v>0</v>
      </c>
      <c r="CV19" s="113">
        <v>3196737</v>
      </c>
      <c r="CW19" s="116">
        <v>3196737</v>
      </c>
      <c r="CX19" s="110">
        <v>0</v>
      </c>
      <c r="CY19" s="114">
        <v>32713</v>
      </c>
      <c r="CZ19" s="113">
        <v>32713</v>
      </c>
      <c r="DA19" s="110">
        <v>0</v>
      </c>
      <c r="DB19" s="114">
        <v>18026</v>
      </c>
      <c r="DC19" s="114">
        <v>119219</v>
      </c>
      <c r="DD19" s="114">
        <v>306750</v>
      </c>
      <c r="DE19" s="114">
        <v>207381</v>
      </c>
      <c r="DF19" s="114">
        <v>0</v>
      </c>
      <c r="DG19" s="113">
        <v>651376</v>
      </c>
      <c r="DH19" s="116">
        <v>684089</v>
      </c>
      <c r="DI19" s="110">
        <v>0</v>
      </c>
      <c r="DJ19" s="114">
        <v>20225</v>
      </c>
      <c r="DK19" s="112">
        <v>20225</v>
      </c>
      <c r="DL19" s="111">
        <v>0</v>
      </c>
      <c r="DM19" s="114">
        <v>95792</v>
      </c>
      <c r="DN19" s="114">
        <v>52662</v>
      </c>
      <c r="DO19" s="114">
        <v>215382</v>
      </c>
      <c r="DP19" s="114">
        <v>113474</v>
      </c>
      <c r="DQ19" s="114">
        <v>97946</v>
      </c>
      <c r="DR19" s="113">
        <v>575256</v>
      </c>
      <c r="DS19" s="116">
        <v>595481</v>
      </c>
      <c r="DT19" s="110">
        <v>0</v>
      </c>
      <c r="DU19" s="114">
        <v>20225</v>
      </c>
      <c r="DV19" s="113">
        <v>20225</v>
      </c>
      <c r="DW19" s="110">
        <v>0</v>
      </c>
      <c r="DX19" s="114">
        <v>95792</v>
      </c>
      <c r="DY19" s="114">
        <v>52662</v>
      </c>
      <c r="DZ19" s="114">
        <v>182396</v>
      </c>
      <c r="EA19" s="114">
        <v>113474</v>
      </c>
      <c r="EB19" s="114">
        <v>97946</v>
      </c>
      <c r="EC19" s="113">
        <v>542270</v>
      </c>
      <c r="ED19" s="116">
        <v>562495</v>
      </c>
      <c r="EE19" s="110">
        <v>0</v>
      </c>
      <c r="EF19" s="112">
        <v>0</v>
      </c>
      <c r="EG19" s="113">
        <v>0</v>
      </c>
      <c r="EH19" s="110">
        <v>0</v>
      </c>
      <c r="EI19" s="114">
        <v>0</v>
      </c>
      <c r="EJ19" s="114">
        <v>0</v>
      </c>
      <c r="EK19" s="114">
        <v>32986</v>
      </c>
      <c r="EL19" s="114">
        <v>0</v>
      </c>
      <c r="EM19" s="114">
        <v>0</v>
      </c>
      <c r="EN19" s="112">
        <v>32986</v>
      </c>
      <c r="EO19" s="116">
        <v>32986</v>
      </c>
      <c r="EP19" s="110">
        <v>0</v>
      </c>
      <c r="EQ19" s="114">
        <v>0</v>
      </c>
      <c r="ER19" s="112">
        <v>0</v>
      </c>
      <c r="ES19" s="111">
        <v>0</v>
      </c>
      <c r="ET19" s="114">
        <v>0</v>
      </c>
      <c r="EU19" s="114">
        <v>0</v>
      </c>
      <c r="EV19" s="114">
        <v>0</v>
      </c>
      <c r="EW19" s="114">
        <v>0</v>
      </c>
      <c r="EX19" s="114">
        <v>0</v>
      </c>
      <c r="EY19" s="113">
        <v>0</v>
      </c>
      <c r="EZ19" s="116">
        <v>0</v>
      </c>
      <c r="FA19" s="110">
        <v>0</v>
      </c>
      <c r="FB19" s="114">
        <v>0</v>
      </c>
      <c r="FC19" s="112">
        <v>0</v>
      </c>
      <c r="FD19" s="347"/>
      <c r="FE19" s="114">
        <v>0</v>
      </c>
      <c r="FF19" s="114">
        <v>0</v>
      </c>
      <c r="FG19" s="114">
        <v>0</v>
      </c>
      <c r="FH19" s="114">
        <v>0</v>
      </c>
      <c r="FI19" s="114">
        <v>0</v>
      </c>
      <c r="FJ19" s="113">
        <v>0</v>
      </c>
      <c r="FK19" s="116">
        <v>0</v>
      </c>
      <c r="FL19" s="110">
        <v>10430</v>
      </c>
      <c r="FM19" s="114">
        <v>92204</v>
      </c>
      <c r="FN19" s="113">
        <v>102634</v>
      </c>
      <c r="FO19" s="110">
        <v>0</v>
      </c>
      <c r="FP19" s="114">
        <v>245112</v>
      </c>
      <c r="FQ19" s="114">
        <v>460348</v>
      </c>
      <c r="FR19" s="114">
        <v>128402</v>
      </c>
      <c r="FS19" s="114">
        <v>204428</v>
      </c>
      <c r="FT19" s="114">
        <v>194145</v>
      </c>
      <c r="FU19" s="113">
        <v>1232435</v>
      </c>
      <c r="FV19" s="116">
        <v>1335069</v>
      </c>
      <c r="FW19" s="115">
        <v>10430</v>
      </c>
      <c r="FX19" s="114">
        <v>43876</v>
      </c>
      <c r="FY19" s="112">
        <v>54306</v>
      </c>
      <c r="FZ19" s="111">
        <v>0</v>
      </c>
      <c r="GA19" s="114">
        <v>105112</v>
      </c>
      <c r="GB19" s="114">
        <v>460348</v>
      </c>
      <c r="GC19" s="114">
        <v>52102</v>
      </c>
      <c r="GD19" s="114">
        <v>178598</v>
      </c>
      <c r="GE19" s="114">
        <v>194145</v>
      </c>
      <c r="GF19" s="113">
        <v>990305</v>
      </c>
      <c r="GG19" s="318">
        <v>1044611</v>
      </c>
      <c r="GH19" s="115">
        <v>0</v>
      </c>
      <c r="GI19" s="114">
        <v>20328</v>
      </c>
      <c r="GJ19" s="112">
        <v>20328</v>
      </c>
      <c r="GK19" s="111">
        <v>0</v>
      </c>
      <c r="GL19" s="114">
        <v>0</v>
      </c>
      <c r="GM19" s="114">
        <v>0</v>
      </c>
      <c r="GN19" s="114">
        <v>0</v>
      </c>
      <c r="GO19" s="114">
        <v>25830</v>
      </c>
      <c r="GP19" s="114">
        <v>0</v>
      </c>
      <c r="GQ19" s="113">
        <v>25830</v>
      </c>
      <c r="GR19" s="116">
        <v>46158</v>
      </c>
      <c r="GS19" s="110">
        <v>0</v>
      </c>
      <c r="GT19" s="114">
        <v>28000</v>
      </c>
      <c r="GU19" s="113">
        <v>28000</v>
      </c>
      <c r="GV19" s="110">
        <v>0</v>
      </c>
      <c r="GW19" s="114">
        <v>140000</v>
      </c>
      <c r="GX19" s="114">
        <v>0</v>
      </c>
      <c r="GY19" s="114">
        <v>76300</v>
      </c>
      <c r="GZ19" s="114">
        <v>0</v>
      </c>
      <c r="HA19" s="114">
        <v>0</v>
      </c>
      <c r="HB19" s="112">
        <v>216300</v>
      </c>
      <c r="HC19" s="116">
        <v>244300</v>
      </c>
      <c r="HD19" s="110">
        <v>312621</v>
      </c>
      <c r="HE19" s="114">
        <v>332942</v>
      </c>
      <c r="HF19" s="112">
        <v>645563</v>
      </c>
      <c r="HG19" s="111">
        <v>0</v>
      </c>
      <c r="HH19" s="114">
        <v>1696698</v>
      </c>
      <c r="HI19" s="114">
        <v>1578747</v>
      </c>
      <c r="HJ19" s="114">
        <v>1260355</v>
      </c>
      <c r="HK19" s="114">
        <v>1310328</v>
      </c>
      <c r="HL19" s="114">
        <v>1273625</v>
      </c>
      <c r="HM19" s="113">
        <v>7119753</v>
      </c>
      <c r="HN19" s="109">
        <v>7765316</v>
      </c>
      <c r="HO19" s="328"/>
      <c r="HP19" s="329"/>
      <c r="HQ19" s="330"/>
      <c r="HR19" s="331"/>
      <c r="HS19" s="329"/>
      <c r="HT19" s="329"/>
      <c r="HU19" s="329"/>
      <c r="HV19" s="329"/>
      <c r="HW19" s="329"/>
      <c r="HX19" s="332"/>
      <c r="HY19" s="333"/>
      <c r="HZ19" s="131">
        <v>0</v>
      </c>
      <c r="IA19" s="132">
        <v>0</v>
      </c>
      <c r="IB19" s="133">
        <v>0</v>
      </c>
      <c r="IC19" s="146">
        <v>0</v>
      </c>
      <c r="ID19" s="132">
        <v>370927</v>
      </c>
      <c r="IE19" s="147">
        <v>754554</v>
      </c>
      <c r="IF19" s="133">
        <v>1349797</v>
      </c>
      <c r="IG19" s="132">
        <v>80965</v>
      </c>
      <c r="IH19" s="133">
        <v>0</v>
      </c>
      <c r="II19" s="148">
        <v>2556243</v>
      </c>
      <c r="IJ19" s="139">
        <v>2556243</v>
      </c>
      <c r="IK19" s="232">
        <v>0</v>
      </c>
      <c r="IL19" s="236">
        <v>0</v>
      </c>
      <c r="IM19" s="237">
        <v>0</v>
      </c>
      <c r="IN19" s="140"/>
      <c r="IO19" s="119">
        <v>0</v>
      </c>
      <c r="IP19" s="119">
        <v>0</v>
      </c>
      <c r="IQ19" s="119">
        <v>0</v>
      </c>
      <c r="IR19" s="119">
        <v>0</v>
      </c>
      <c r="IS19" s="119">
        <v>0</v>
      </c>
      <c r="IT19" s="141">
        <v>0</v>
      </c>
      <c r="IU19" s="320">
        <v>0</v>
      </c>
      <c r="IV19" s="142">
        <v>0</v>
      </c>
      <c r="IW19" s="119">
        <v>0</v>
      </c>
      <c r="IX19" s="120">
        <v>0</v>
      </c>
      <c r="IY19" s="144"/>
      <c r="IZ19" s="119">
        <v>0</v>
      </c>
      <c r="JA19" s="119">
        <v>0</v>
      </c>
      <c r="JB19" s="119">
        <v>0</v>
      </c>
      <c r="JC19" s="119">
        <v>0</v>
      </c>
      <c r="JD19" s="119">
        <v>0</v>
      </c>
      <c r="JE19" s="120">
        <v>0</v>
      </c>
      <c r="JF19" s="121">
        <v>0</v>
      </c>
      <c r="JG19" s="142">
        <v>0</v>
      </c>
      <c r="JH19" s="119">
        <v>0</v>
      </c>
      <c r="JI19" s="141">
        <v>0</v>
      </c>
      <c r="JJ19" s="118">
        <v>0</v>
      </c>
      <c r="JK19" s="119">
        <v>370927</v>
      </c>
      <c r="JL19" s="119">
        <v>380270</v>
      </c>
      <c r="JM19" s="119">
        <v>333068</v>
      </c>
      <c r="JN19" s="119">
        <v>80965</v>
      </c>
      <c r="JO19" s="119">
        <v>0</v>
      </c>
      <c r="JP19" s="120">
        <v>1165230</v>
      </c>
      <c r="JQ19" s="320">
        <v>1165230</v>
      </c>
      <c r="JR19" s="142">
        <v>0</v>
      </c>
      <c r="JS19" s="119">
        <v>0</v>
      </c>
      <c r="JT19" s="141">
        <v>0</v>
      </c>
      <c r="JU19" s="118">
        <v>0</v>
      </c>
      <c r="JV19" s="119">
        <v>0</v>
      </c>
      <c r="JW19" s="119">
        <v>0</v>
      </c>
      <c r="JX19" s="119">
        <v>0</v>
      </c>
      <c r="JY19" s="119">
        <v>0</v>
      </c>
      <c r="JZ19" s="119">
        <v>0</v>
      </c>
      <c r="KA19" s="120">
        <v>0</v>
      </c>
      <c r="KB19" s="320">
        <v>0</v>
      </c>
      <c r="KC19" s="234">
        <v>0</v>
      </c>
      <c r="KD19" s="230">
        <v>0</v>
      </c>
      <c r="KE19" s="120">
        <v>0</v>
      </c>
      <c r="KF19" s="118">
        <v>0</v>
      </c>
      <c r="KG19" s="119">
        <v>0</v>
      </c>
      <c r="KH19" s="119">
        <v>149396</v>
      </c>
      <c r="KI19" s="119">
        <v>209136</v>
      </c>
      <c r="KJ19" s="119">
        <v>0</v>
      </c>
      <c r="KK19" s="119">
        <v>0</v>
      </c>
      <c r="KL19" s="120">
        <v>358532</v>
      </c>
      <c r="KM19" s="143">
        <v>358532</v>
      </c>
      <c r="KN19" s="232">
        <v>0</v>
      </c>
      <c r="KO19" s="236">
        <v>0</v>
      </c>
      <c r="KP19" s="237">
        <v>0</v>
      </c>
      <c r="KQ19" s="140"/>
      <c r="KR19" s="119">
        <v>0</v>
      </c>
      <c r="KS19" s="119">
        <v>224888</v>
      </c>
      <c r="KT19" s="119">
        <v>458777</v>
      </c>
      <c r="KU19" s="119">
        <v>0</v>
      </c>
      <c r="KV19" s="119">
        <v>0</v>
      </c>
      <c r="KW19" s="120">
        <v>683665</v>
      </c>
      <c r="KX19" s="320">
        <v>683665</v>
      </c>
      <c r="KY19" s="142">
        <v>0</v>
      </c>
      <c r="KZ19" s="119">
        <v>0</v>
      </c>
      <c r="LA19" s="120">
        <v>0</v>
      </c>
      <c r="LB19" s="145"/>
      <c r="LC19" s="119">
        <v>0</v>
      </c>
      <c r="LD19" s="119">
        <v>0</v>
      </c>
      <c r="LE19" s="119">
        <v>348816</v>
      </c>
      <c r="LF19" s="119">
        <v>0</v>
      </c>
      <c r="LG19" s="119">
        <v>0</v>
      </c>
      <c r="LH19" s="120">
        <v>348816</v>
      </c>
      <c r="LI19" s="121">
        <v>348816</v>
      </c>
      <c r="LJ19" s="142">
        <v>0</v>
      </c>
      <c r="LK19" s="119">
        <v>0</v>
      </c>
      <c r="LL19" s="120">
        <v>0</v>
      </c>
      <c r="LM19" s="145"/>
      <c r="LN19" s="119">
        <v>0</v>
      </c>
      <c r="LO19" s="119">
        <v>0</v>
      </c>
      <c r="LP19" s="119">
        <v>0</v>
      </c>
      <c r="LQ19" s="119">
        <v>0</v>
      </c>
      <c r="LR19" s="119">
        <v>0</v>
      </c>
      <c r="LS19" s="120">
        <v>0</v>
      </c>
      <c r="LT19" s="320">
        <v>0</v>
      </c>
      <c r="LU19" s="142">
        <v>0</v>
      </c>
      <c r="LV19" s="119">
        <v>0</v>
      </c>
      <c r="LW19" s="120">
        <v>0</v>
      </c>
      <c r="LX19" s="145"/>
      <c r="LY19" s="119">
        <v>0</v>
      </c>
      <c r="LZ19" s="119">
        <v>0</v>
      </c>
      <c r="MA19" s="119">
        <v>0</v>
      </c>
      <c r="MB19" s="119">
        <v>0</v>
      </c>
      <c r="MC19" s="119">
        <v>0</v>
      </c>
      <c r="MD19" s="120">
        <v>0</v>
      </c>
      <c r="ME19" s="121">
        <v>0</v>
      </c>
      <c r="MF19" s="142">
        <v>0</v>
      </c>
      <c r="MG19" s="119">
        <v>0</v>
      </c>
      <c r="MH19" s="120">
        <v>0</v>
      </c>
      <c r="MI19" s="145"/>
      <c r="MJ19" s="119">
        <v>0</v>
      </c>
      <c r="MK19" s="119">
        <v>305197</v>
      </c>
      <c r="ML19" s="119">
        <v>1012246</v>
      </c>
      <c r="MM19" s="119">
        <v>2170987</v>
      </c>
      <c r="MN19" s="119">
        <v>1044063</v>
      </c>
      <c r="MO19" s="120">
        <v>4532493</v>
      </c>
      <c r="MP19" s="143">
        <v>4532493</v>
      </c>
      <c r="MQ19" s="142">
        <v>0</v>
      </c>
      <c r="MR19" s="119">
        <v>0</v>
      </c>
      <c r="MS19" s="120">
        <v>0</v>
      </c>
      <c r="MT19" s="145"/>
      <c r="MU19" s="119">
        <v>0</v>
      </c>
      <c r="MV19" s="119">
        <v>0</v>
      </c>
      <c r="MW19" s="119">
        <v>759031</v>
      </c>
      <c r="MX19" s="119">
        <v>801728</v>
      </c>
      <c r="MY19" s="119">
        <v>773505</v>
      </c>
      <c r="MZ19" s="120">
        <v>2334264</v>
      </c>
      <c r="NA19" s="143">
        <v>2334264</v>
      </c>
      <c r="NB19" s="142">
        <v>0</v>
      </c>
      <c r="NC19" s="119">
        <v>0</v>
      </c>
      <c r="ND19" s="120">
        <v>0</v>
      </c>
      <c r="NE19" s="145"/>
      <c r="NF19" s="119">
        <v>0</v>
      </c>
      <c r="NG19" s="119">
        <v>305197</v>
      </c>
      <c r="NH19" s="119">
        <v>253215</v>
      </c>
      <c r="NI19" s="119">
        <v>1369259</v>
      </c>
      <c r="NJ19" s="119">
        <v>270558</v>
      </c>
      <c r="NK19" s="120">
        <v>2198229</v>
      </c>
      <c r="NL19" s="320">
        <v>2198229</v>
      </c>
      <c r="NM19" s="142">
        <v>0</v>
      </c>
      <c r="NN19" s="119">
        <v>0</v>
      </c>
      <c r="NO19" s="120">
        <v>0</v>
      </c>
      <c r="NP19" s="145"/>
      <c r="NQ19" s="119">
        <v>0</v>
      </c>
      <c r="NR19" s="119">
        <v>0</v>
      </c>
      <c r="NS19" s="119">
        <v>0</v>
      </c>
      <c r="NT19" s="119">
        <v>0</v>
      </c>
      <c r="NU19" s="119">
        <v>0</v>
      </c>
      <c r="NV19" s="120">
        <v>0</v>
      </c>
      <c r="NW19" s="121">
        <v>0</v>
      </c>
      <c r="NX19" s="142">
        <v>0</v>
      </c>
      <c r="NY19" s="119">
        <v>0</v>
      </c>
      <c r="NZ19" s="120">
        <v>0</v>
      </c>
      <c r="OA19" s="145"/>
      <c r="OB19" s="119">
        <v>0</v>
      </c>
      <c r="OC19" s="119">
        <v>0</v>
      </c>
      <c r="OD19" s="119">
        <v>0</v>
      </c>
      <c r="OE19" s="119">
        <v>0</v>
      </c>
      <c r="OF19" s="119">
        <v>0</v>
      </c>
      <c r="OG19" s="120">
        <v>0</v>
      </c>
      <c r="OH19" s="121">
        <v>0</v>
      </c>
      <c r="OI19" s="142">
        <v>429948</v>
      </c>
      <c r="OJ19" s="119">
        <v>663595</v>
      </c>
      <c r="OK19" s="141">
        <v>1093543</v>
      </c>
      <c r="OL19" s="118">
        <v>0</v>
      </c>
      <c r="OM19" s="119">
        <v>4284132</v>
      </c>
      <c r="ON19" s="119">
        <v>6136306</v>
      </c>
      <c r="OO19" s="119">
        <v>7442676</v>
      </c>
      <c r="OP19" s="119">
        <v>6230499</v>
      </c>
      <c r="OQ19" s="119">
        <v>5319402</v>
      </c>
      <c r="OR19" s="120">
        <v>29413015</v>
      </c>
      <c r="OS19" s="143">
        <v>30506558</v>
      </c>
    </row>
    <row r="20" spans="2:409" ht="21" customHeight="1" x14ac:dyDescent="0.2">
      <c r="B20" s="126" t="s">
        <v>15</v>
      </c>
      <c r="C20" s="110">
        <v>51897</v>
      </c>
      <c r="D20" s="114">
        <v>189193</v>
      </c>
      <c r="E20" s="113">
        <v>241090</v>
      </c>
      <c r="F20" s="109">
        <v>0</v>
      </c>
      <c r="G20" s="114">
        <v>1422484</v>
      </c>
      <c r="H20" s="114">
        <v>1264392</v>
      </c>
      <c r="I20" s="114">
        <v>756075</v>
      </c>
      <c r="J20" s="114">
        <v>940381</v>
      </c>
      <c r="K20" s="114">
        <v>1464660</v>
      </c>
      <c r="L20" s="109">
        <v>5847992</v>
      </c>
      <c r="M20" s="116">
        <v>6089082</v>
      </c>
      <c r="N20" s="110">
        <v>0</v>
      </c>
      <c r="O20" s="114">
        <v>35565</v>
      </c>
      <c r="P20" s="113">
        <v>35565</v>
      </c>
      <c r="Q20" s="110">
        <v>0</v>
      </c>
      <c r="R20" s="114">
        <v>120475</v>
      </c>
      <c r="S20" s="114">
        <v>471471</v>
      </c>
      <c r="T20" s="114">
        <v>135339</v>
      </c>
      <c r="U20" s="114">
        <v>195854</v>
      </c>
      <c r="V20" s="114">
        <v>891112</v>
      </c>
      <c r="W20" s="113">
        <v>1814251</v>
      </c>
      <c r="X20" s="116">
        <v>1849816</v>
      </c>
      <c r="Y20" s="110">
        <v>0</v>
      </c>
      <c r="Z20" s="114">
        <v>0</v>
      </c>
      <c r="AA20" s="113">
        <v>0</v>
      </c>
      <c r="AB20" s="110">
        <v>0</v>
      </c>
      <c r="AC20" s="114">
        <v>38606</v>
      </c>
      <c r="AD20" s="114">
        <v>198894</v>
      </c>
      <c r="AE20" s="114">
        <v>0</v>
      </c>
      <c r="AF20" s="114">
        <v>29412</v>
      </c>
      <c r="AG20" s="114">
        <v>528979</v>
      </c>
      <c r="AH20" s="113">
        <v>795891</v>
      </c>
      <c r="AI20" s="116">
        <v>795891</v>
      </c>
      <c r="AJ20" s="110">
        <v>0</v>
      </c>
      <c r="AK20" s="114">
        <v>0</v>
      </c>
      <c r="AL20" s="113">
        <v>0</v>
      </c>
      <c r="AM20" s="110">
        <v>0</v>
      </c>
      <c r="AN20" s="114">
        <v>0</v>
      </c>
      <c r="AO20" s="114">
        <v>0</v>
      </c>
      <c r="AP20" s="114">
        <v>0</v>
      </c>
      <c r="AQ20" s="114">
        <v>0</v>
      </c>
      <c r="AR20" s="114">
        <v>144586</v>
      </c>
      <c r="AS20" s="113">
        <v>144586</v>
      </c>
      <c r="AT20" s="116">
        <v>144586</v>
      </c>
      <c r="AU20" s="110">
        <v>0</v>
      </c>
      <c r="AV20" s="114">
        <v>20480</v>
      </c>
      <c r="AW20" s="113">
        <v>20480</v>
      </c>
      <c r="AX20" s="110">
        <v>0</v>
      </c>
      <c r="AY20" s="114">
        <v>63354</v>
      </c>
      <c r="AZ20" s="114">
        <v>131681</v>
      </c>
      <c r="BA20" s="114">
        <v>57972</v>
      </c>
      <c r="BB20" s="114">
        <v>85319</v>
      </c>
      <c r="BC20" s="114">
        <v>113598</v>
      </c>
      <c r="BD20" s="113">
        <v>451924</v>
      </c>
      <c r="BE20" s="116">
        <v>472404</v>
      </c>
      <c r="BF20" s="110">
        <v>0</v>
      </c>
      <c r="BG20" s="114">
        <v>0</v>
      </c>
      <c r="BH20" s="112">
        <v>0</v>
      </c>
      <c r="BI20" s="111">
        <v>0</v>
      </c>
      <c r="BJ20" s="114">
        <v>0</v>
      </c>
      <c r="BK20" s="114">
        <v>55475</v>
      </c>
      <c r="BL20" s="114">
        <v>27737</v>
      </c>
      <c r="BM20" s="114">
        <v>0</v>
      </c>
      <c r="BN20" s="114">
        <v>20803</v>
      </c>
      <c r="BO20" s="113">
        <v>104015</v>
      </c>
      <c r="BP20" s="116">
        <v>104015</v>
      </c>
      <c r="BQ20" s="110">
        <v>0</v>
      </c>
      <c r="BR20" s="114">
        <v>15085</v>
      </c>
      <c r="BS20" s="113">
        <v>15085</v>
      </c>
      <c r="BT20" s="110">
        <v>0</v>
      </c>
      <c r="BU20" s="114">
        <v>18515</v>
      </c>
      <c r="BV20" s="114">
        <v>85421</v>
      </c>
      <c r="BW20" s="114">
        <v>49630</v>
      </c>
      <c r="BX20" s="114">
        <v>81123</v>
      </c>
      <c r="BY20" s="114">
        <v>83146</v>
      </c>
      <c r="BZ20" s="113">
        <v>317835</v>
      </c>
      <c r="CA20" s="116">
        <v>332920</v>
      </c>
      <c r="CB20" s="110">
        <v>0</v>
      </c>
      <c r="CC20" s="114">
        <v>0</v>
      </c>
      <c r="CD20" s="113">
        <v>0</v>
      </c>
      <c r="CE20" s="110">
        <v>0</v>
      </c>
      <c r="CF20" s="114">
        <v>248970</v>
      </c>
      <c r="CG20" s="114">
        <v>125239</v>
      </c>
      <c r="CH20" s="114">
        <v>182625</v>
      </c>
      <c r="CI20" s="114">
        <v>181597</v>
      </c>
      <c r="CJ20" s="114">
        <v>57768</v>
      </c>
      <c r="CK20" s="113">
        <v>796199</v>
      </c>
      <c r="CL20" s="116">
        <v>796199</v>
      </c>
      <c r="CM20" s="110">
        <v>0</v>
      </c>
      <c r="CN20" s="114">
        <v>0</v>
      </c>
      <c r="CO20" s="113">
        <v>0</v>
      </c>
      <c r="CP20" s="111">
        <v>0</v>
      </c>
      <c r="CQ20" s="114">
        <v>162633</v>
      </c>
      <c r="CR20" s="114">
        <v>62764</v>
      </c>
      <c r="CS20" s="114">
        <v>122486</v>
      </c>
      <c r="CT20" s="114">
        <v>44498</v>
      </c>
      <c r="CU20" s="114">
        <v>0</v>
      </c>
      <c r="CV20" s="113">
        <v>392381</v>
      </c>
      <c r="CW20" s="116">
        <v>392381</v>
      </c>
      <c r="CX20" s="110">
        <v>0</v>
      </c>
      <c r="CY20" s="114">
        <v>0</v>
      </c>
      <c r="CZ20" s="113">
        <v>0</v>
      </c>
      <c r="DA20" s="110">
        <v>0</v>
      </c>
      <c r="DB20" s="114">
        <v>86337</v>
      </c>
      <c r="DC20" s="114">
        <v>62475</v>
      </c>
      <c r="DD20" s="114">
        <v>60139</v>
      </c>
      <c r="DE20" s="114">
        <v>137099</v>
      </c>
      <c r="DF20" s="114">
        <v>57768</v>
      </c>
      <c r="DG20" s="113">
        <v>403818</v>
      </c>
      <c r="DH20" s="116">
        <v>403818</v>
      </c>
      <c r="DI20" s="110">
        <v>0</v>
      </c>
      <c r="DJ20" s="114">
        <v>0</v>
      </c>
      <c r="DK20" s="112">
        <v>0</v>
      </c>
      <c r="DL20" s="111">
        <v>0</v>
      </c>
      <c r="DM20" s="114">
        <v>0</v>
      </c>
      <c r="DN20" s="114">
        <v>53312</v>
      </c>
      <c r="DO20" s="114">
        <v>58605</v>
      </c>
      <c r="DP20" s="114">
        <v>244036</v>
      </c>
      <c r="DQ20" s="114">
        <v>189480</v>
      </c>
      <c r="DR20" s="113">
        <v>545433</v>
      </c>
      <c r="DS20" s="116">
        <v>545433</v>
      </c>
      <c r="DT20" s="110">
        <v>0</v>
      </c>
      <c r="DU20" s="114">
        <v>0</v>
      </c>
      <c r="DV20" s="113">
        <v>0</v>
      </c>
      <c r="DW20" s="110">
        <v>0</v>
      </c>
      <c r="DX20" s="114">
        <v>0</v>
      </c>
      <c r="DY20" s="114">
        <v>53312</v>
      </c>
      <c r="DZ20" s="114">
        <v>58605</v>
      </c>
      <c r="EA20" s="114">
        <v>244036</v>
      </c>
      <c r="EB20" s="114">
        <v>189480</v>
      </c>
      <c r="EC20" s="113">
        <v>545433</v>
      </c>
      <c r="ED20" s="116">
        <v>545433</v>
      </c>
      <c r="EE20" s="110">
        <v>0</v>
      </c>
      <c r="EF20" s="112">
        <v>0</v>
      </c>
      <c r="EG20" s="113">
        <v>0</v>
      </c>
      <c r="EH20" s="110">
        <v>0</v>
      </c>
      <c r="EI20" s="114">
        <v>0</v>
      </c>
      <c r="EJ20" s="114">
        <v>0</v>
      </c>
      <c r="EK20" s="114">
        <v>0</v>
      </c>
      <c r="EL20" s="114">
        <v>0</v>
      </c>
      <c r="EM20" s="114">
        <v>0</v>
      </c>
      <c r="EN20" s="112">
        <v>0</v>
      </c>
      <c r="EO20" s="116">
        <v>0</v>
      </c>
      <c r="EP20" s="110">
        <v>0</v>
      </c>
      <c r="EQ20" s="114">
        <v>0</v>
      </c>
      <c r="ER20" s="112">
        <v>0</v>
      </c>
      <c r="ES20" s="111">
        <v>0</v>
      </c>
      <c r="ET20" s="114">
        <v>0</v>
      </c>
      <c r="EU20" s="114">
        <v>0</v>
      </c>
      <c r="EV20" s="114">
        <v>0</v>
      </c>
      <c r="EW20" s="114">
        <v>0</v>
      </c>
      <c r="EX20" s="114">
        <v>0</v>
      </c>
      <c r="EY20" s="113">
        <v>0</v>
      </c>
      <c r="EZ20" s="116">
        <v>0</v>
      </c>
      <c r="FA20" s="110">
        <v>0</v>
      </c>
      <c r="FB20" s="114">
        <v>0</v>
      </c>
      <c r="FC20" s="112">
        <v>0</v>
      </c>
      <c r="FD20" s="347"/>
      <c r="FE20" s="114">
        <v>0</v>
      </c>
      <c r="FF20" s="114">
        <v>0</v>
      </c>
      <c r="FG20" s="114">
        <v>0</v>
      </c>
      <c r="FH20" s="114">
        <v>0</v>
      </c>
      <c r="FI20" s="114">
        <v>0</v>
      </c>
      <c r="FJ20" s="113">
        <v>0</v>
      </c>
      <c r="FK20" s="116">
        <v>0</v>
      </c>
      <c r="FL20" s="110">
        <v>0</v>
      </c>
      <c r="FM20" s="114">
        <v>26950</v>
      </c>
      <c r="FN20" s="113">
        <v>26950</v>
      </c>
      <c r="FO20" s="110">
        <v>0</v>
      </c>
      <c r="FP20" s="114">
        <v>50876</v>
      </c>
      <c r="FQ20" s="114">
        <v>137202</v>
      </c>
      <c r="FR20" s="114">
        <v>12950</v>
      </c>
      <c r="FS20" s="114">
        <v>127099</v>
      </c>
      <c r="FT20" s="114">
        <v>112672</v>
      </c>
      <c r="FU20" s="113">
        <v>440799</v>
      </c>
      <c r="FV20" s="116">
        <v>467749</v>
      </c>
      <c r="FW20" s="115">
        <v>0</v>
      </c>
      <c r="FX20" s="114">
        <v>26950</v>
      </c>
      <c r="FY20" s="112">
        <v>26950</v>
      </c>
      <c r="FZ20" s="111">
        <v>0</v>
      </c>
      <c r="GA20" s="114">
        <v>50876</v>
      </c>
      <c r="GB20" s="114">
        <v>126842</v>
      </c>
      <c r="GC20" s="114">
        <v>12950</v>
      </c>
      <c r="GD20" s="114">
        <v>127099</v>
      </c>
      <c r="GE20" s="114">
        <v>112672</v>
      </c>
      <c r="GF20" s="113">
        <v>430439</v>
      </c>
      <c r="GG20" s="318">
        <v>457389</v>
      </c>
      <c r="GH20" s="115">
        <v>0</v>
      </c>
      <c r="GI20" s="114">
        <v>0</v>
      </c>
      <c r="GJ20" s="112">
        <v>0</v>
      </c>
      <c r="GK20" s="111">
        <v>0</v>
      </c>
      <c r="GL20" s="114">
        <v>0</v>
      </c>
      <c r="GM20" s="114">
        <v>10360</v>
      </c>
      <c r="GN20" s="114">
        <v>0</v>
      </c>
      <c r="GO20" s="114">
        <v>0</v>
      </c>
      <c r="GP20" s="114">
        <v>0</v>
      </c>
      <c r="GQ20" s="113">
        <v>10360</v>
      </c>
      <c r="GR20" s="116">
        <v>10360</v>
      </c>
      <c r="GS20" s="110">
        <v>0</v>
      </c>
      <c r="GT20" s="114">
        <v>0</v>
      </c>
      <c r="GU20" s="113">
        <v>0</v>
      </c>
      <c r="GV20" s="110">
        <v>0</v>
      </c>
      <c r="GW20" s="114">
        <v>0</v>
      </c>
      <c r="GX20" s="114">
        <v>0</v>
      </c>
      <c r="GY20" s="114">
        <v>0</v>
      </c>
      <c r="GZ20" s="114">
        <v>0</v>
      </c>
      <c r="HA20" s="114">
        <v>0</v>
      </c>
      <c r="HB20" s="112">
        <v>0</v>
      </c>
      <c r="HC20" s="116">
        <v>0</v>
      </c>
      <c r="HD20" s="110">
        <v>51897</v>
      </c>
      <c r="HE20" s="114">
        <v>126678</v>
      </c>
      <c r="HF20" s="112">
        <v>178575</v>
      </c>
      <c r="HG20" s="111">
        <v>0</v>
      </c>
      <c r="HH20" s="114">
        <v>1002163</v>
      </c>
      <c r="HI20" s="114">
        <v>477168</v>
      </c>
      <c r="HJ20" s="114">
        <v>366556</v>
      </c>
      <c r="HK20" s="114">
        <v>191795</v>
      </c>
      <c r="HL20" s="114">
        <v>213628</v>
      </c>
      <c r="HM20" s="113">
        <v>2251310</v>
      </c>
      <c r="HN20" s="109">
        <v>2429885</v>
      </c>
      <c r="HO20" s="328"/>
      <c r="HP20" s="329"/>
      <c r="HQ20" s="330"/>
      <c r="HR20" s="331"/>
      <c r="HS20" s="329"/>
      <c r="HT20" s="329"/>
      <c r="HU20" s="329"/>
      <c r="HV20" s="329"/>
      <c r="HW20" s="329"/>
      <c r="HX20" s="332"/>
      <c r="HY20" s="333"/>
      <c r="HZ20" s="150">
        <v>0</v>
      </c>
      <c r="IA20" s="135">
        <v>0</v>
      </c>
      <c r="IB20" s="150">
        <v>0</v>
      </c>
      <c r="IC20" s="134">
        <v>0</v>
      </c>
      <c r="ID20" s="135">
        <v>141345</v>
      </c>
      <c r="IE20" s="136">
        <v>1055391</v>
      </c>
      <c r="IF20" s="137">
        <v>95325</v>
      </c>
      <c r="IG20" s="135">
        <v>223879</v>
      </c>
      <c r="IH20" s="137">
        <v>148358</v>
      </c>
      <c r="II20" s="138">
        <v>1664298</v>
      </c>
      <c r="IJ20" s="150">
        <v>1664298</v>
      </c>
      <c r="IK20" s="232">
        <v>0</v>
      </c>
      <c r="IL20" s="236">
        <v>0</v>
      </c>
      <c r="IM20" s="237">
        <v>0</v>
      </c>
      <c r="IN20" s="140"/>
      <c r="IO20" s="119">
        <v>0</v>
      </c>
      <c r="IP20" s="119">
        <v>273777</v>
      </c>
      <c r="IQ20" s="119">
        <v>0</v>
      </c>
      <c r="IR20" s="119">
        <v>0</v>
      </c>
      <c r="IS20" s="119">
        <v>0</v>
      </c>
      <c r="IT20" s="141">
        <v>273777</v>
      </c>
      <c r="IU20" s="320">
        <v>273777</v>
      </c>
      <c r="IV20" s="142">
        <v>0</v>
      </c>
      <c r="IW20" s="119">
        <v>0</v>
      </c>
      <c r="IX20" s="120">
        <v>0</v>
      </c>
      <c r="IY20" s="144"/>
      <c r="IZ20" s="119">
        <v>0</v>
      </c>
      <c r="JA20" s="119">
        <v>0</v>
      </c>
      <c r="JB20" s="119">
        <v>0</v>
      </c>
      <c r="JC20" s="119">
        <v>0</v>
      </c>
      <c r="JD20" s="119">
        <v>0</v>
      </c>
      <c r="JE20" s="120">
        <v>0</v>
      </c>
      <c r="JF20" s="121">
        <v>0</v>
      </c>
      <c r="JG20" s="142">
        <v>0</v>
      </c>
      <c r="JH20" s="119">
        <v>0</v>
      </c>
      <c r="JI20" s="141">
        <v>0</v>
      </c>
      <c r="JJ20" s="118">
        <v>0</v>
      </c>
      <c r="JK20" s="119">
        <v>141345</v>
      </c>
      <c r="JL20" s="119">
        <v>356207</v>
      </c>
      <c r="JM20" s="119">
        <v>38698</v>
      </c>
      <c r="JN20" s="119">
        <v>0</v>
      </c>
      <c r="JO20" s="119">
        <v>23170</v>
      </c>
      <c r="JP20" s="120">
        <v>559420</v>
      </c>
      <c r="JQ20" s="320">
        <v>559420</v>
      </c>
      <c r="JR20" s="142">
        <v>0</v>
      </c>
      <c r="JS20" s="119">
        <v>0</v>
      </c>
      <c r="JT20" s="141">
        <v>0</v>
      </c>
      <c r="JU20" s="118">
        <v>0</v>
      </c>
      <c r="JV20" s="119">
        <v>0</v>
      </c>
      <c r="JW20" s="119">
        <v>0</v>
      </c>
      <c r="JX20" s="119">
        <v>0</v>
      </c>
      <c r="JY20" s="119">
        <v>0</v>
      </c>
      <c r="JZ20" s="119">
        <v>0</v>
      </c>
      <c r="KA20" s="120">
        <v>0</v>
      </c>
      <c r="KB20" s="320">
        <v>0</v>
      </c>
      <c r="KC20" s="234">
        <v>0</v>
      </c>
      <c r="KD20" s="230">
        <v>0</v>
      </c>
      <c r="KE20" s="120">
        <v>0</v>
      </c>
      <c r="KF20" s="118">
        <v>0</v>
      </c>
      <c r="KG20" s="119">
        <v>0</v>
      </c>
      <c r="KH20" s="119">
        <v>0</v>
      </c>
      <c r="KI20" s="119">
        <v>0</v>
      </c>
      <c r="KJ20" s="119">
        <v>0</v>
      </c>
      <c r="KK20" s="119">
        <v>0</v>
      </c>
      <c r="KL20" s="120">
        <v>0</v>
      </c>
      <c r="KM20" s="143">
        <v>0</v>
      </c>
      <c r="KN20" s="232">
        <v>0</v>
      </c>
      <c r="KO20" s="236">
        <v>0</v>
      </c>
      <c r="KP20" s="237">
        <v>0</v>
      </c>
      <c r="KQ20" s="140"/>
      <c r="KR20" s="119">
        <v>0</v>
      </c>
      <c r="KS20" s="119">
        <v>425407</v>
      </c>
      <c r="KT20" s="119">
        <v>0</v>
      </c>
      <c r="KU20" s="119">
        <v>223879</v>
      </c>
      <c r="KV20" s="119">
        <v>125188</v>
      </c>
      <c r="KW20" s="120">
        <v>774474</v>
      </c>
      <c r="KX20" s="320">
        <v>774474</v>
      </c>
      <c r="KY20" s="142">
        <v>0</v>
      </c>
      <c r="KZ20" s="119">
        <v>0</v>
      </c>
      <c r="LA20" s="120">
        <v>0</v>
      </c>
      <c r="LB20" s="145"/>
      <c r="LC20" s="119">
        <v>0</v>
      </c>
      <c r="LD20" s="119">
        <v>0</v>
      </c>
      <c r="LE20" s="119">
        <v>0</v>
      </c>
      <c r="LF20" s="119">
        <v>0</v>
      </c>
      <c r="LG20" s="119">
        <v>0</v>
      </c>
      <c r="LH20" s="120">
        <v>0</v>
      </c>
      <c r="LI20" s="121">
        <v>0</v>
      </c>
      <c r="LJ20" s="142">
        <v>0</v>
      </c>
      <c r="LK20" s="119">
        <v>0</v>
      </c>
      <c r="LL20" s="120">
        <v>0</v>
      </c>
      <c r="LM20" s="145"/>
      <c r="LN20" s="119">
        <v>0</v>
      </c>
      <c r="LO20" s="119">
        <v>0</v>
      </c>
      <c r="LP20" s="119">
        <v>56627</v>
      </c>
      <c r="LQ20" s="119">
        <v>0</v>
      </c>
      <c r="LR20" s="119">
        <v>0</v>
      </c>
      <c r="LS20" s="120">
        <v>56627</v>
      </c>
      <c r="LT20" s="320">
        <v>56627</v>
      </c>
      <c r="LU20" s="142">
        <v>0</v>
      </c>
      <c r="LV20" s="119">
        <v>0</v>
      </c>
      <c r="LW20" s="120">
        <v>0</v>
      </c>
      <c r="LX20" s="145"/>
      <c r="LY20" s="119">
        <v>0</v>
      </c>
      <c r="LZ20" s="119">
        <v>0</v>
      </c>
      <c r="MA20" s="119">
        <v>0</v>
      </c>
      <c r="MB20" s="119">
        <v>0</v>
      </c>
      <c r="MC20" s="119">
        <v>0</v>
      </c>
      <c r="MD20" s="120">
        <v>0</v>
      </c>
      <c r="ME20" s="121">
        <v>0</v>
      </c>
      <c r="MF20" s="142">
        <v>0</v>
      </c>
      <c r="MG20" s="119">
        <v>0</v>
      </c>
      <c r="MH20" s="120">
        <v>0</v>
      </c>
      <c r="MI20" s="145"/>
      <c r="MJ20" s="119">
        <v>0</v>
      </c>
      <c r="MK20" s="119">
        <v>0</v>
      </c>
      <c r="ML20" s="119">
        <v>432315</v>
      </c>
      <c r="MM20" s="119">
        <v>534680</v>
      </c>
      <c r="MN20" s="119">
        <v>286868</v>
      </c>
      <c r="MO20" s="120">
        <v>1253863</v>
      </c>
      <c r="MP20" s="143">
        <v>1253863</v>
      </c>
      <c r="MQ20" s="142">
        <v>0</v>
      </c>
      <c r="MR20" s="119">
        <v>0</v>
      </c>
      <c r="MS20" s="120">
        <v>0</v>
      </c>
      <c r="MT20" s="145"/>
      <c r="MU20" s="119">
        <v>0</v>
      </c>
      <c r="MV20" s="119">
        <v>0</v>
      </c>
      <c r="MW20" s="119">
        <v>197372</v>
      </c>
      <c r="MX20" s="119">
        <v>0</v>
      </c>
      <c r="MY20" s="119">
        <v>286868</v>
      </c>
      <c r="MZ20" s="120">
        <v>484240</v>
      </c>
      <c r="NA20" s="143">
        <v>484240</v>
      </c>
      <c r="NB20" s="142">
        <v>0</v>
      </c>
      <c r="NC20" s="119">
        <v>0</v>
      </c>
      <c r="ND20" s="120">
        <v>0</v>
      </c>
      <c r="NE20" s="145"/>
      <c r="NF20" s="119">
        <v>0</v>
      </c>
      <c r="NG20" s="119">
        <v>0</v>
      </c>
      <c r="NH20" s="119">
        <v>234943</v>
      </c>
      <c r="NI20" s="119">
        <v>534680</v>
      </c>
      <c r="NJ20" s="119">
        <v>0</v>
      </c>
      <c r="NK20" s="120">
        <v>769623</v>
      </c>
      <c r="NL20" s="320">
        <v>769623</v>
      </c>
      <c r="NM20" s="142">
        <v>0</v>
      </c>
      <c r="NN20" s="119">
        <v>0</v>
      </c>
      <c r="NO20" s="120">
        <v>0</v>
      </c>
      <c r="NP20" s="145"/>
      <c r="NQ20" s="119">
        <v>0</v>
      </c>
      <c r="NR20" s="119">
        <v>0</v>
      </c>
      <c r="NS20" s="119">
        <v>0</v>
      </c>
      <c r="NT20" s="119">
        <v>0</v>
      </c>
      <c r="NU20" s="119">
        <v>0</v>
      </c>
      <c r="NV20" s="120">
        <v>0</v>
      </c>
      <c r="NW20" s="121">
        <v>0</v>
      </c>
      <c r="NX20" s="142">
        <v>0</v>
      </c>
      <c r="NY20" s="119">
        <v>0</v>
      </c>
      <c r="NZ20" s="120">
        <v>0</v>
      </c>
      <c r="OA20" s="145"/>
      <c r="OB20" s="119">
        <v>0</v>
      </c>
      <c r="OC20" s="119">
        <v>0</v>
      </c>
      <c r="OD20" s="119">
        <v>0</v>
      </c>
      <c r="OE20" s="119">
        <v>0</v>
      </c>
      <c r="OF20" s="119">
        <v>0</v>
      </c>
      <c r="OG20" s="120">
        <v>0</v>
      </c>
      <c r="OH20" s="121">
        <v>0</v>
      </c>
      <c r="OI20" s="142">
        <v>51897</v>
      </c>
      <c r="OJ20" s="119">
        <v>189193</v>
      </c>
      <c r="OK20" s="141">
        <v>241090</v>
      </c>
      <c r="OL20" s="118">
        <v>0</v>
      </c>
      <c r="OM20" s="119">
        <v>1563829</v>
      </c>
      <c r="ON20" s="119">
        <v>2319783</v>
      </c>
      <c r="OO20" s="119">
        <v>1283715</v>
      </c>
      <c r="OP20" s="119">
        <v>1698940</v>
      </c>
      <c r="OQ20" s="119">
        <v>1899886</v>
      </c>
      <c r="OR20" s="120">
        <v>8766153</v>
      </c>
      <c r="OS20" s="143">
        <v>9007243</v>
      </c>
    </row>
    <row r="21" spans="2:409" ht="21" customHeight="1" x14ac:dyDescent="0.2">
      <c r="B21" s="126" t="s">
        <v>16</v>
      </c>
      <c r="C21" s="110">
        <v>175429</v>
      </c>
      <c r="D21" s="114">
        <v>447294</v>
      </c>
      <c r="E21" s="113">
        <v>622723</v>
      </c>
      <c r="F21" s="109">
        <v>0</v>
      </c>
      <c r="G21" s="114">
        <v>3482418</v>
      </c>
      <c r="H21" s="114">
        <v>4949744</v>
      </c>
      <c r="I21" s="114">
        <v>4706461</v>
      </c>
      <c r="J21" s="114">
        <v>3882589</v>
      </c>
      <c r="K21" s="114">
        <v>2793120</v>
      </c>
      <c r="L21" s="109">
        <v>19814332</v>
      </c>
      <c r="M21" s="116">
        <v>20437055</v>
      </c>
      <c r="N21" s="110">
        <v>25802</v>
      </c>
      <c r="O21" s="114">
        <v>79128</v>
      </c>
      <c r="P21" s="113">
        <v>104930</v>
      </c>
      <c r="Q21" s="110">
        <v>0</v>
      </c>
      <c r="R21" s="114">
        <v>583275</v>
      </c>
      <c r="S21" s="114">
        <v>1276007</v>
      </c>
      <c r="T21" s="114">
        <v>1108443</v>
      </c>
      <c r="U21" s="114">
        <v>903635</v>
      </c>
      <c r="V21" s="114">
        <v>412917</v>
      </c>
      <c r="W21" s="113">
        <v>4284277</v>
      </c>
      <c r="X21" s="116">
        <v>4389207</v>
      </c>
      <c r="Y21" s="110">
        <v>0</v>
      </c>
      <c r="Z21" s="114">
        <v>0</v>
      </c>
      <c r="AA21" s="113">
        <v>0</v>
      </c>
      <c r="AB21" s="110">
        <v>0</v>
      </c>
      <c r="AC21" s="114">
        <v>167275</v>
      </c>
      <c r="AD21" s="114">
        <v>557143</v>
      </c>
      <c r="AE21" s="114">
        <v>438340</v>
      </c>
      <c r="AF21" s="114">
        <v>445704</v>
      </c>
      <c r="AG21" s="114">
        <v>143717</v>
      </c>
      <c r="AH21" s="113">
        <v>1752179</v>
      </c>
      <c r="AI21" s="116">
        <v>1752179</v>
      </c>
      <c r="AJ21" s="110">
        <v>0</v>
      </c>
      <c r="AK21" s="114">
        <v>0</v>
      </c>
      <c r="AL21" s="113">
        <v>0</v>
      </c>
      <c r="AM21" s="110">
        <v>0</v>
      </c>
      <c r="AN21" s="114">
        <v>0</v>
      </c>
      <c r="AO21" s="114">
        <v>59772</v>
      </c>
      <c r="AP21" s="114">
        <v>19926</v>
      </c>
      <c r="AQ21" s="114">
        <v>0</v>
      </c>
      <c r="AR21" s="114">
        <v>59474</v>
      </c>
      <c r="AS21" s="113">
        <v>139172</v>
      </c>
      <c r="AT21" s="116">
        <v>139172</v>
      </c>
      <c r="AU21" s="110">
        <v>7490</v>
      </c>
      <c r="AV21" s="114">
        <v>58730</v>
      </c>
      <c r="AW21" s="113">
        <v>66220</v>
      </c>
      <c r="AX21" s="110">
        <v>0</v>
      </c>
      <c r="AY21" s="114">
        <v>185057</v>
      </c>
      <c r="AZ21" s="114">
        <v>521836</v>
      </c>
      <c r="BA21" s="114">
        <v>337645</v>
      </c>
      <c r="BB21" s="114">
        <v>212973</v>
      </c>
      <c r="BC21" s="114">
        <v>68102</v>
      </c>
      <c r="BD21" s="113">
        <v>1325613</v>
      </c>
      <c r="BE21" s="116">
        <v>1391833</v>
      </c>
      <c r="BF21" s="110">
        <v>0</v>
      </c>
      <c r="BG21" s="114">
        <v>0</v>
      </c>
      <c r="BH21" s="112">
        <v>0</v>
      </c>
      <c r="BI21" s="111">
        <v>0</v>
      </c>
      <c r="BJ21" s="114">
        <v>62215</v>
      </c>
      <c r="BK21" s="114">
        <v>0</v>
      </c>
      <c r="BL21" s="114">
        <v>89372</v>
      </c>
      <c r="BM21" s="114">
        <v>27650</v>
      </c>
      <c r="BN21" s="114">
        <v>0</v>
      </c>
      <c r="BO21" s="113">
        <v>179237</v>
      </c>
      <c r="BP21" s="116">
        <v>179237</v>
      </c>
      <c r="BQ21" s="110">
        <v>18312</v>
      </c>
      <c r="BR21" s="114">
        <v>20398</v>
      </c>
      <c r="BS21" s="113">
        <v>38710</v>
      </c>
      <c r="BT21" s="110">
        <v>0</v>
      </c>
      <c r="BU21" s="114">
        <v>168728</v>
      </c>
      <c r="BV21" s="114">
        <v>137256</v>
      </c>
      <c r="BW21" s="114">
        <v>223160</v>
      </c>
      <c r="BX21" s="114">
        <v>217308</v>
      </c>
      <c r="BY21" s="114">
        <v>141624</v>
      </c>
      <c r="BZ21" s="113">
        <v>888076</v>
      </c>
      <c r="CA21" s="116">
        <v>926786</v>
      </c>
      <c r="CB21" s="110">
        <v>18583</v>
      </c>
      <c r="CC21" s="114">
        <v>169116</v>
      </c>
      <c r="CD21" s="113">
        <v>187699</v>
      </c>
      <c r="CE21" s="110">
        <v>0</v>
      </c>
      <c r="CF21" s="114">
        <v>1225708</v>
      </c>
      <c r="CG21" s="114">
        <v>2019300</v>
      </c>
      <c r="CH21" s="114">
        <v>1289523</v>
      </c>
      <c r="CI21" s="114">
        <v>185332</v>
      </c>
      <c r="CJ21" s="114">
        <v>418576</v>
      </c>
      <c r="CK21" s="113">
        <v>5138439</v>
      </c>
      <c r="CL21" s="116">
        <v>5326138</v>
      </c>
      <c r="CM21" s="110">
        <v>0</v>
      </c>
      <c r="CN21" s="114">
        <v>0</v>
      </c>
      <c r="CO21" s="113">
        <v>0</v>
      </c>
      <c r="CP21" s="111">
        <v>0</v>
      </c>
      <c r="CQ21" s="114">
        <v>792110</v>
      </c>
      <c r="CR21" s="114">
        <v>995525</v>
      </c>
      <c r="CS21" s="114">
        <v>800489</v>
      </c>
      <c r="CT21" s="114">
        <v>115453</v>
      </c>
      <c r="CU21" s="114">
        <v>232878</v>
      </c>
      <c r="CV21" s="113">
        <v>2936455</v>
      </c>
      <c r="CW21" s="116">
        <v>2936455</v>
      </c>
      <c r="CX21" s="110">
        <v>18583</v>
      </c>
      <c r="CY21" s="114">
        <v>169116</v>
      </c>
      <c r="CZ21" s="113">
        <v>187699</v>
      </c>
      <c r="DA21" s="110">
        <v>0</v>
      </c>
      <c r="DB21" s="114">
        <v>433598</v>
      </c>
      <c r="DC21" s="114">
        <v>1023775</v>
      </c>
      <c r="DD21" s="114">
        <v>489034</v>
      </c>
      <c r="DE21" s="114">
        <v>69879</v>
      </c>
      <c r="DF21" s="114">
        <v>185698</v>
      </c>
      <c r="DG21" s="113">
        <v>2201984</v>
      </c>
      <c r="DH21" s="116">
        <v>2389683</v>
      </c>
      <c r="DI21" s="110">
        <v>0</v>
      </c>
      <c r="DJ21" s="114">
        <v>0</v>
      </c>
      <c r="DK21" s="112">
        <v>0</v>
      </c>
      <c r="DL21" s="111">
        <v>0</v>
      </c>
      <c r="DM21" s="114">
        <v>41955</v>
      </c>
      <c r="DN21" s="114">
        <v>111021</v>
      </c>
      <c r="DO21" s="114">
        <v>257069</v>
      </c>
      <c r="DP21" s="114">
        <v>0</v>
      </c>
      <c r="DQ21" s="114">
        <v>0</v>
      </c>
      <c r="DR21" s="113">
        <v>410045</v>
      </c>
      <c r="DS21" s="116">
        <v>410045</v>
      </c>
      <c r="DT21" s="110">
        <v>0</v>
      </c>
      <c r="DU21" s="114">
        <v>0</v>
      </c>
      <c r="DV21" s="113">
        <v>0</v>
      </c>
      <c r="DW21" s="110">
        <v>0</v>
      </c>
      <c r="DX21" s="114">
        <v>20976</v>
      </c>
      <c r="DY21" s="114">
        <v>111021</v>
      </c>
      <c r="DZ21" s="114">
        <v>200201</v>
      </c>
      <c r="EA21" s="114">
        <v>0</v>
      </c>
      <c r="EB21" s="114">
        <v>0</v>
      </c>
      <c r="EC21" s="113">
        <v>332198</v>
      </c>
      <c r="ED21" s="116">
        <v>332198</v>
      </c>
      <c r="EE21" s="110">
        <v>0</v>
      </c>
      <c r="EF21" s="112">
        <v>0</v>
      </c>
      <c r="EG21" s="113">
        <v>0</v>
      </c>
      <c r="EH21" s="110">
        <v>0</v>
      </c>
      <c r="EI21" s="114">
        <v>20979</v>
      </c>
      <c r="EJ21" s="114">
        <v>0</v>
      </c>
      <c r="EK21" s="114">
        <v>56868</v>
      </c>
      <c r="EL21" s="114">
        <v>0</v>
      </c>
      <c r="EM21" s="114">
        <v>0</v>
      </c>
      <c r="EN21" s="112">
        <v>77847</v>
      </c>
      <c r="EO21" s="116">
        <v>77847</v>
      </c>
      <c r="EP21" s="110">
        <v>0</v>
      </c>
      <c r="EQ21" s="114">
        <v>0</v>
      </c>
      <c r="ER21" s="112">
        <v>0</v>
      </c>
      <c r="ES21" s="111">
        <v>0</v>
      </c>
      <c r="ET21" s="114">
        <v>0</v>
      </c>
      <c r="EU21" s="114">
        <v>0</v>
      </c>
      <c r="EV21" s="114">
        <v>0</v>
      </c>
      <c r="EW21" s="114">
        <v>0</v>
      </c>
      <c r="EX21" s="114">
        <v>0</v>
      </c>
      <c r="EY21" s="113">
        <v>0</v>
      </c>
      <c r="EZ21" s="116">
        <v>0</v>
      </c>
      <c r="FA21" s="110">
        <v>0</v>
      </c>
      <c r="FB21" s="114">
        <v>0</v>
      </c>
      <c r="FC21" s="112">
        <v>0</v>
      </c>
      <c r="FD21" s="347"/>
      <c r="FE21" s="114">
        <v>0</v>
      </c>
      <c r="FF21" s="114">
        <v>0</v>
      </c>
      <c r="FG21" s="114">
        <v>0</v>
      </c>
      <c r="FH21" s="114">
        <v>0</v>
      </c>
      <c r="FI21" s="114">
        <v>0</v>
      </c>
      <c r="FJ21" s="113">
        <v>0</v>
      </c>
      <c r="FK21" s="116">
        <v>0</v>
      </c>
      <c r="FL21" s="110">
        <v>39256</v>
      </c>
      <c r="FM21" s="114">
        <v>114625</v>
      </c>
      <c r="FN21" s="113">
        <v>153881</v>
      </c>
      <c r="FO21" s="110">
        <v>0</v>
      </c>
      <c r="FP21" s="114">
        <v>180614</v>
      </c>
      <c r="FQ21" s="114">
        <v>398650</v>
      </c>
      <c r="FR21" s="114">
        <v>291963</v>
      </c>
      <c r="FS21" s="114">
        <v>139734</v>
      </c>
      <c r="FT21" s="114">
        <v>214354</v>
      </c>
      <c r="FU21" s="113">
        <v>1225315</v>
      </c>
      <c r="FV21" s="116">
        <v>1379196</v>
      </c>
      <c r="FW21" s="115">
        <v>39256</v>
      </c>
      <c r="FX21" s="114">
        <v>102025</v>
      </c>
      <c r="FY21" s="112">
        <v>141281</v>
      </c>
      <c r="FZ21" s="111">
        <v>0</v>
      </c>
      <c r="GA21" s="114">
        <v>81914</v>
      </c>
      <c r="GB21" s="114">
        <v>398650</v>
      </c>
      <c r="GC21" s="114">
        <v>263627</v>
      </c>
      <c r="GD21" s="114">
        <v>139734</v>
      </c>
      <c r="GE21" s="114">
        <v>202958</v>
      </c>
      <c r="GF21" s="113">
        <v>1086883</v>
      </c>
      <c r="GG21" s="318">
        <v>1228164</v>
      </c>
      <c r="GH21" s="115">
        <v>0</v>
      </c>
      <c r="GI21" s="114">
        <v>0</v>
      </c>
      <c r="GJ21" s="112">
        <v>0</v>
      </c>
      <c r="GK21" s="111">
        <v>0</v>
      </c>
      <c r="GL21" s="114">
        <v>0</v>
      </c>
      <c r="GM21" s="114">
        <v>0</v>
      </c>
      <c r="GN21" s="114">
        <v>28336</v>
      </c>
      <c r="GO21" s="114">
        <v>0</v>
      </c>
      <c r="GP21" s="114">
        <v>11396</v>
      </c>
      <c r="GQ21" s="113">
        <v>39732</v>
      </c>
      <c r="GR21" s="116">
        <v>39732</v>
      </c>
      <c r="GS21" s="110">
        <v>0</v>
      </c>
      <c r="GT21" s="114">
        <v>12600</v>
      </c>
      <c r="GU21" s="113">
        <v>12600</v>
      </c>
      <c r="GV21" s="110">
        <v>0</v>
      </c>
      <c r="GW21" s="114">
        <v>98700</v>
      </c>
      <c r="GX21" s="114">
        <v>0</v>
      </c>
      <c r="GY21" s="114">
        <v>0</v>
      </c>
      <c r="GZ21" s="114">
        <v>0</v>
      </c>
      <c r="HA21" s="114">
        <v>0</v>
      </c>
      <c r="HB21" s="112">
        <v>98700</v>
      </c>
      <c r="HC21" s="116">
        <v>111300</v>
      </c>
      <c r="HD21" s="110">
        <v>91788</v>
      </c>
      <c r="HE21" s="114">
        <v>84425</v>
      </c>
      <c r="HF21" s="112">
        <v>176213</v>
      </c>
      <c r="HG21" s="111">
        <v>0</v>
      </c>
      <c r="HH21" s="114">
        <v>1450866</v>
      </c>
      <c r="HI21" s="114">
        <v>1144766</v>
      </c>
      <c r="HJ21" s="114">
        <v>1759463</v>
      </c>
      <c r="HK21" s="114">
        <v>2653888</v>
      </c>
      <c r="HL21" s="114">
        <v>1747273</v>
      </c>
      <c r="HM21" s="113">
        <v>8756256</v>
      </c>
      <c r="HN21" s="109">
        <v>8932469</v>
      </c>
      <c r="HO21" s="328"/>
      <c r="HP21" s="329"/>
      <c r="HQ21" s="330"/>
      <c r="HR21" s="331"/>
      <c r="HS21" s="329"/>
      <c r="HT21" s="329"/>
      <c r="HU21" s="329"/>
      <c r="HV21" s="329"/>
      <c r="HW21" s="329"/>
      <c r="HX21" s="332"/>
      <c r="HY21" s="333"/>
      <c r="HZ21" s="131">
        <v>0</v>
      </c>
      <c r="IA21" s="132">
        <v>0</v>
      </c>
      <c r="IB21" s="133">
        <v>0</v>
      </c>
      <c r="IC21" s="146">
        <v>0</v>
      </c>
      <c r="ID21" s="132">
        <v>631278</v>
      </c>
      <c r="IE21" s="147">
        <v>379294</v>
      </c>
      <c r="IF21" s="133">
        <v>969357</v>
      </c>
      <c r="IG21" s="132">
        <v>449311</v>
      </c>
      <c r="IH21" s="133">
        <v>970571</v>
      </c>
      <c r="II21" s="148">
        <v>3399811</v>
      </c>
      <c r="IJ21" s="139">
        <v>3399811</v>
      </c>
      <c r="IK21" s="232">
        <v>0</v>
      </c>
      <c r="IL21" s="236">
        <v>0</v>
      </c>
      <c r="IM21" s="237">
        <v>0</v>
      </c>
      <c r="IN21" s="140"/>
      <c r="IO21" s="119">
        <v>0</v>
      </c>
      <c r="IP21" s="119">
        <v>0</v>
      </c>
      <c r="IQ21" s="119">
        <v>0</v>
      </c>
      <c r="IR21" s="119">
        <v>0</v>
      </c>
      <c r="IS21" s="119">
        <v>444442</v>
      </c>
      <c r="IT21" s="141">
        <v>444442</v>
      </c>
      <c r="IU21" s="320">
        <v>444442</v>
      </c>
      <c r="IV21" s="142">
        <v>0</v>
      </c>
      <c r="IW21" s="119">
        <v>0</v>
      </c>
      <c r="IX21" s="120">
        <v>0</v>
      </c>
      <c r="IY21" s="144"/>
      <c r="IZ21" s="119">
        <v>0</v>
      </c>
      <c r="JA21" s="119">
        <v>0</v>
      </c>
      <c r="JB21" s="119">
        <v>14347</v>
      </c>
      <c r="JC21" s="119">
        <v>0</v>
      </c>
      <c r="JD21" s="119">
        <v>0</v>
      </c>
      <c r="JE21" s="120">
        <v>14347</v>
      </c>
      <c r="JF21" s="121">
        <v>14347</v>
      </c>
      <c r="JG21" s="142">
        <v>0</v>
      </c>
      <c r="JH21" s="119">
        <v>0</v>
      </c>
      <c r="JI21" s="141">
        <v>0</v>
      </c>
      <c r="JJ21" s="118">
        <v>0</v>
      </c>
      <c r="JK21" s="119">
        <v>332090</v>
      </c>
      <c r="JL21" s="119">
        <v>173407</v>
      </c>
      <c r="JM21" s="119">
        <v>305356</v>
      </c>
      <c r="JN21" s="119">
        <v>0</v>
      </c>
      <c r="JO21" s="119">
        <v>46899</v>
      </c>
      <c r="JP21" s="120">
        <v>857752</v>
      </c>
      <c r="JQ21" s="320">
        <v>857752</v>
      </c>
      <c r="JR21" s="142">
        <v>0</v>
      </c>
      <c r="JS21" s="119">
        <v>0</v>
      </c>
      <c r="JT21" s="141">
        <v>0</v>
      </c>
      <c r="JU21" s="118">
        <v>0</v>
      </c>
      <c r="JV21" s="119">
        <v>94899</v>
      </c>
      <c r="JW21" s="119">
        <v>37319</v>
      </c>
      <c r="JX21" s="119">
        <v>4063</v>
      </c>
      <c r="JY21" s="119">
        <v>0</v>
      </c>
      <c r="JZ21" s="119">
        <v>0</v>
      </c>
      <c r="KA21" s="120">
        <v>136281</v>
      </c>
      <c r="KB21" s="320">
        <v>136281</v>
      </c>
      <c r="KC21" s="234">
        <v>0</v>
      </c>
      <c r="KD21" s="230">
        <v>0</v>
      </c>
      <c r="KE21" s="120">
        <v>0</v>
      </c>
      <c r="KF21" s="118">
        <v>0</v>
      </c>
      <c r="KG21" s="119">
        <v>0</v>
      </c>
      <c r="KH21" s="119">
        <v>168568</v>
      </c>
      <c r="KI21" s="119">
        <v>0</v>
      </c>
      <c r="KJ21" s="119">
        <v>0</v>
      </c>
      <c r="KK21" s="119">
        <v>250973</v>
      </c>
      <c r="KL21" s="120">
        <v>419541</v>
      </c>
      <c r="KM21" s="143">
        <v>419541</v>
      </c>
      <c r="KN21" s="232">
        <v>0</v>
      </c>
      <c r="KO21" s="236">
        <v>0</v>
      </c>
      <c r="KP21" s="237">
        <v>0</v>
      </c>
      <c r="KQ21" s="140"/>
      <c r="KR21" s="119">
        <v>204289</v>
      </c>
      <c r="KS21" s="119">
        <v>0</v>
      </c>
      <c r="KT21" s="119">
        <v>645591</v>
      </c>
      <c r="KU21" s="119">
        <v>449311</v>
      </c>
      <c r="KV21" s="119">
        <v>228257</v>
      </c>
      <c r="KW21" s="120">
        <v>1527448</v>
      </c>
      <c r="KX21" s="320">
        <v>1527448</v>
      </c>
      <c r="KY21" s="142">
        <v>0</v>
      </c>
      <c r="KZ21" s="119">
        <v>0</v>
      </c>
      <c r="LA21" s="120">
        <v>0</v>
      </c>
      <c r="LB21" s="145"/>
      <c r="LC21" s="119">
        <v>0</v>
      </c>
      <c r="LD21" s="119">
        <v>0</v>
      </c>
      <c r="LE21" s="119">
        <v>0</v>
      </c>
      <c r="LF21" s="119">
        <v>0</v>
      </c>
      <c r="LG21" s="119">
        <v>0</v>
      </c>
      <c r="LH21" s="120">
        <v>0</v>
      </c>
      <c r="LI21" s="121">
        <v>0</v>
      </c>
      <c r="LJ21" s="142">
        <v>0</v>
      </c>
      <c r="LK21" s="119">
        <v>0</v>
      </c>
      <c r="LL21" s="120">
        <v>0</v>
      </c>
      <c r="LM21" s="145"/>
      <c r="LN21" s="119">
        <v>0</v>
      </c>
      <c r="LO21" s="119">
        <v>0</v>
      </c>
      <c r="LP21" s="119">
        <v>0</v>
      </c>
      <c r="LQ21" s="119">
        <v>0</v>
      </c>
      <c r="LR21" s="119">
        <v>0</v>
      </c>
      <c r="LS21" s="120">
        <v>0</v>
      </c>
      <c r="LT21" s="320">
        <v>0</v>
      </c>
      <c r="LU21" s="142">
        <v>0</v>
      </c>
      <c r="LV21" s="119">
        <v>0</v>
      </c>
      <c r="LW21" s="120">
        <v>0</v>
      </c>
      <c r="LX21" s="145"/>
      <c r="LY21" s="119">
        <v>0</v>
      </c>
      <c r="LZ21" s="119">
        <v>0</v>
      </c>
      <c r="MA21" s="119">
        <v>0</v>
      </c>
      <c r="MB21" s="119">
        <v>0</v>
      </c>
      <c r="MC21" s="119">
        <v>0</v>
      </c>
      <c r="MD21" s="120">
        <v>0</v>
      </c>
      <c r="ME21" s="121">
        <v>0</v>
      </c>
      <c r="MF21" s="142">
        <v>0</v>
      </c>
      <c r="MG21" s="119">
        <v>0</v>
      </c>
      <c r="MH21" s="120">
        <v>0</v>
      </c>
      <c r="MI21" s="145"/>
      <c r="MJ21" s="119">
        <v>209925</v>
      </c>
      <c r="MK21" s="119">
        <v>367608</v>
      </c>
      <c r="ML21" s="119">
        <v>2201873</v>
      </c>
      <c r="MM21" s="119">
        <v>3842368</v>
      </c>
      <c r="MN21" s="119">
        <v>2347563</v>
      </c>
      <c r="MO21" s="120">
        <v>8969337</v>
      </c>
      <c r="MP21" s="143">
        <v>8969337</v>
      </c>
      <c r="MQ21" s="142">
        <v>0</v>
      </c>
      <c r="MR21" s="119">
        <v>0</v>
      </c>
      <c r="MS21" s="120">
        <v>0</v>
      </c>
      <c r="MT21" s="145"/>
      <c r="MU21" s="119">
        <v>0</v>
      </c>
      <c r="MV21" s="119">
        <v>0</v>
      </c>
      <c r="MW21" s="119">
        <v>1201278</v>
      </c>
      <c r="MX21" s="119">
        <v>1611530</v>
      </c>
      <c r="MY21" s="119">
        <v>1574115</v>
      </c>
      <c r="MZ21" s="120">
        <v>4386923</v>
      </c>
      <c r="NA21" s="143">
        <v>4386923</v>
      </c>
      <c r="NB21" s="142">
        <v>0</v>
      </c>
      <c r="NC21" s="119">
        <v>0</v>
      </c>
      <c r="ND21" s="120">
        <v>0</v>
      </c>
      <c r="NE21" s="145"/>
      <c r="NF21" s="119">
        <v>209925</v>
      </c>
      <c r="NG21" s="119">
        <v>367608</v>
      </c>
      <c r="NH21" s="119">
        <v>1000595</v>
      </c>
      <c r="NI21" s="119">
        <v>1571381</v>
      </c>
      <c r="NJ21" s="119">
        <v>773448</v>
      </c>
      <c r="NK21" s="120">
        <v>3922957</v>
      </c>
      <c r="NL21" s="320">
        <v>3922957</v>
      </c>
      <c r="NM21" s="142">
        <v>0</v>
      </c>
      <c r="NN21" s="119">
        <v>0</v>
      </c>
      <c r="NO21" s="120">
        <v>0</v>
      </c>
      <c r="NP21" s="145"/>
      <c r="NQ21" s="119">
        <v>0</v>
      </c>
      <c r="NR21" s="119">
        <v>0</v>
      </c>
      <c r="NS21" s="119">
        <v>0</v>
      </c>
      <c r="NT21" s="119">
        <v>0</v>
      </c>
      <c r="NU21" s="119">
        <v>0</v>
      </c>
      <c r="NV21" s="120">
        <v>0</v>
      </c>
      <c r="NW21" s="121">
        <v>0</v>
      </c>
      <c r="NX21" s="142">
        <v>0</v>
      </c>
      <c r="NY21" s="119">
        <v>0</v>
      </c>
      <c r="NZ21" s="120">
        <v>0</v>
      </c>
      <c r="OA21" s="145"/>
      <c r="OB21" s="119">
        <v>0</v>
      </c>
      <c r="OC21" s="119">
        <v>0</v>
      </c>
      <c r="OD21" s="119">
        <v>0</v>
      </c>
      <c r="OE21" s="119">
        <v>659457</v>
      </c>
      <c r="OF21" s="119">
        <v>0</v>
      </c>
      <c r="OG21" s="120">
        <v>659457</v>
      </c>
      <c r="OH21" s="121">
        <v>659457</v>
      </c>
      <c r="OI21" s="142">
        <v>175429</v>
      </c>
      <c r="OJ21" s="119">
        <v>447294</v>
      </c>
      <c r="OK21" s="141">
        <v>622723</v>
      </c>
      <c r="OL21" s="118">
        <v>0</v>
      </c>
      <c r="OM21" s="119">
        <v>4323621</v>
      </c>
      <c r="ON21" s="119">
        <v>5696646</v>
      </c>
      <c r="OO21" s="119">
        <v>7877691</v>
      </c>
      <c r="OP21" s="119">
        <v>8174268</v>
      </c>
      <c r="OQ21" s="119">
        <v>6111254</v>
      </c>
      <c r="OR21" s="120">
        <v>32183480</v>
      </c>
      <c r="OS21" s="143">
        <v>32806203</v>
      </c>
    </row>
    <row r="22" spans="2:409" ht="21" customHeight="1" x14ac:dyDescent="0.2">
      <c r="B22" s="126" t="s">
        <v>17</v>
      </c>
      <c r="C22" s="110">
        <v>529881</v>
      </c>
      <c r="D22" s="114">
        <v>590808</v>
      </c>
      <c r="E22" s="113">
        <v>1120689</v>
      </c>
      <c r="F22" s="109">
        <v>0</v>
      </c>
      <c r="G22" s="114">
        <v>3346376</v>
      </c>
      <c r="H22" s="114">
        <v>6241604</v>
      </c>
      <c r="I22" s="114">
        <v>5478505</v>
      </c>
      <c r="J22" s="114">
        <v>5958617</v>
      </c>
      <c r="K22" s="114">
        <v>4957433</v>
      </c>
      <c r="L22" s="109">
        <v>25982535</v>
      </c>
      <c r="M22" s="116">
        <v>27103224</v>
      </c>
      <c r="N22" s="110">
        <v>157812</v>
      </c>
      <c r="O22" s="114">
        <v>169256</v>
      </c>
      <c r="P22" s="113">
        <v>327068</v>
      </c>
      <c r="Q22" s="110">
        <v>0</v>
      </c>
      <c r="R22" s="114">
        <v>851961</v>
      </c>
      <c r="S22" s="114">
        <v>1686815</v>
      </c>
      <c r="T22" s="114">
        <v>1842017</v>
      </c>
      <c r="U22" s="114">
        <v>903407</v>
      </c>
      <c r="V22" s="114">
        <v>1872271</v>
      </c>
      <c r="W22" s="113">
        <v>7156471</v>
      </c>
      <c r="X22" s="116">
        <v>7483539</v>
      </c>
      <c r="Y22" s="110">
        <v>0</v>
      </c>
      <c r="Z22" s="114">
        <v>0</v>
      </c>
      <c r="AA22" s="113">
        <v>0</v>
      </c>
      <c r="AB22" s="110">
        <v>0</v>
      </c>
      <c r="AC22" s="114">
        <v>252245</v>
      </c>
      <c r="AD22" s="114">
        <v>679039</v>
      </c>
      <c r="AE22" s="114">
        <v>915334</v>
      </c>
      <c r="AF22" s="114">
        <v>241300</v>
      </c>
      <c r="AG22" s="114">
        <v>953046</v>
      </c>
      <c r="AH22" s="113">
        <v>3040964</v>
      </c>
      <c r="AI22" s="116">
        <v>3040964</v>
      </c>
      <c r="AJ22" s="110">
        <v>0</v>
      </c>
      <c r="AK22" s="114">
        <v>0</v>
      </c>
      <c r="AL22" s="113">
        <v>0</v>
      </c>
      <c r="AM22" s="110">
        <v>0</v>
      </c>
      <c r="AN22" s="114">
        <v>0</v>
      </c>
      <c r="AO22" s="114">
        <v>0</v>
      </c>
      <c r="AP22" s="114">
        <v>40917</v>
      </c>
      <c r="AQ22" s="114">
        <v>123789</v>
      </c>
      <c r="AR22" s="114">
        <v>194590</v>
      </c>
      <c r="AS22" s="113">
        <v>359296</v>
      </c>
      <c r="AT22" s="116">
        <v>359296</v>
      </c>
      <c r="AU22" s="110">
        <v>71431</v>
      </c>
      <c r="AV22" s="114">
        <v>120494</v>
      </c>
      <c r="AW22" s="113">
        <v>191925</v>
      </c>
      <c r="AX22" s="110">
        <v>0</v>
      </c>
      <c r="AY22" s="114">
        <v>420392</v>
      </c>
      <c r="AZ22" s="114">
        <v>670083</v>
      </c>
      <c r="BA22" s="114">
        <v>601854</v>
      </c>
      <c r="BB22" s="114">
        <v>116826</v>
      </c>
      <c r="BC22" s="114">
        <v>448968</v>
      </c>
      <c r="BD22" s="113">
        <v>2258123</v>
      </c>
      <c r="BE22" s="116">
        <v>2450048</v>
      </c>
      <c r="BF22" s="110">
        <v>32698</v>
      </c>
      <c r="BG22" s="114">
        <v>0</v>
      </c>
      <c r="BH22" s="112">
        <v>32698</v>
      </c>
      <c r="BI22" s="111">
        <v>0</v>
      </c>
      <c r="BJ22" s="114">
        <v>47598</v>
      </c>
      <c r="BK22" s="114">
        <v>71924</v>
      </c>
      <c r="BL22" s="114">
        <v>21020</v>
      </c>
      <c r="BM22" s="114">
        <v>102936</v>
      </c>
      <c r="BN22" s="114">
        <v>0</v>
      </c>
      <c r="BO22" s="113">
        <v>243478</v>
      </c>
      <c r="BP22" s="116">
        <v>276176</v>
      </c>
      <c r="BQ22" s="110">
        <v>53683</v>
      </c>
      <c r="BR22" s="114">
        <v>48762</v>
      </c>
      <c r="BS22" s="113">
        <v>102445</v>
      </c>
      <c r="BT22" s="110">
        <v>0</v>
      </c>
      <c r="BU22" s="114">
        <v>131726</v>
      </c>
      <c r="BV22" s="114">
        <v>265769</v>
      </c>
      <c r="BW22" s="114">
        <v>262892</v>
      </c>
      <c r="BX22" s="114">
        <v>318556</v>
      </c>
      <c r="BY22" s="114">
        <v>275667</v>
      </c>
      <c r="BZ22" s="113">
        <v>1254610</v>
      </c>
      <c r="CA22" s="116">
        <v>1357055</v>
      </c>
      <c r="CB22" s="110">
        <v>74383</v>
      </c>
      <c r="CC22" s="114">
        <v>154219</v>
      </c>
      <c r="CD22" s="113">
        <v>228602</v>
      </c>
      <c r="CE22" s="110">
        <v>0</v>
      </c>
      <c r="CF22" s="114">
        <v>1279988</v>
      </c>
      <c r="CG22" s="114">
        <v>2531036</v>
      </c>
      <c r="CH22" s="114">
        <v>1017124</v>
      </c>
      <c r="CI22" s="114">
        <v>1063290</v>
      </c>
      <c r="CJ22" s="114">
        <v>497345</v>
      </c>
      <c r="CK22" s="113">
        <v>6388783</v>
      </c>
      <c r="CL22" s="116">
        <v>6617385</v>
      </c>
      <c r="CM22" s="110">
        <v>0</v>
      </c>
      <c r="CN22" s="114">
        <v>0</v>
      </c>
      <c r="CO22" s="113">
        <v>0</v>
      </c>
      <c r="CP22" s="111">
        <v>0</v>
      </c>
      <c r="CQ22" s="114">
        <v>1074726</v>
      </c>
      <c r="CR22" s="114">
        <v>1982739</v>
      </c>
      <c r="CS22" s="114">
        <v>654529</v>
      </c>
      <c r="CT22" s="114">
        <v>913536</v>
      </c>
      <c r="CU22" s="114">
        <v>487881</v>
      </c>
      <c r="CV22" s="113">
        <v>5113411</v>
      </c>
      <c r="CW22" s="116">
        <v>5113411</v>
      </c>
      <c r="CX22" s="110">
        <v>74383</v>
      </c>
      <c r="CY22" s="114">
        <v>154219</v>
      </c>
      <c r="CZ22" s="113">
        <v>228602</v>
      </c>
      <c r="DA22" s="110">
        <v>0</v>
      </c>
      <c r="DB22" s="114">
        <v>205262</v>
      </c>
      <c r="DC22" s="114">
        <v>548297</v>
      </c>
      <c r="DD22" s="114">
        <v>362595</v>
      </c>
      <c r="DE22" s="114">
        <v>149754</v>
      </c>
      <c r="DF22" s="114">
        <v>9464</v>
      </c>
      <c r="DG22" s="113">
        <v>1275372</v>
      </c>
      <c r="DH22" s="116">
        <v>1503974</v>
      </c>
      <c r="DI22" s="110">
        <v>0</v>
      </c>
      <c r="DJ22" s="114">
        <v>0</v>
      </c>
      <c r="DK22" s="112">
        <v>0</v>
      </c>
      <c r="DL22" s="111">
        <v>0</v>
      </c>
      <c r="DM22" s="114">
        <v>191101</v>
      </c>
      <c r="DN22" s="114">
        <v>359986</v>
      </c>
      <c r="DO22" s="114">
        <v>693581</v>
      </c>
      <c r="DP22" s="114">
        <v>926725</v>
      </c>
      <c r="DQ22" s="114">
        <v>330937</v>
      </c>
      <c r="DR22" s="113">
        <v>2502330</v>
      </c>
      <c r="DS22" s="116">
        <v>2502330</v>
      </c>
      <c r="DT22" s="110">
        <v>0</v>
      </c>
      <c r="DU22" s="114">
        <v>0</v>
      </c>
      <c r="DV22" s="113">
        <v>0</v>
      </c>
      <c r="DW22" s="110">
        <v>0</v>
      </c>
      <c r="DX22" s="114">
        <v>144701</v>
      </c>
      <c r="DY22" s="114">
        <v>359986</v>
      </c>
      <c r="DZ22" s="114">
        <v>632921</v>
      </c>
      <c r="EA22" s="114">
        <v>836229</v>
      </c>
      <c r="EB22" s="114">
        <v>330937</v>
      </c>
      <c r="EC22" s="113">
        <v>2304774</v>
      </c>
      <c r="ED22" s="116">
        <v>2304774</v>
      </c>
      <c r="EE22" s="110">
        <v>0</v>
      </c>
      <c r="EF22" s="112">
        <v>0</v>
      </c>
      <c r="EG22" s="113">
        <v>0</v>
      </c>
      <c r="EH22" s="110">
        <v>0</v>
      </c>
      <c r="EI22" s="114">
        <v>46400</v>
      </c>
      <c r="EJ22" s="114">
        <v>0</v>
      </c>
      <c r="EK22" s="114">
        <v>60660</v>
      </c>
      <c r="EL22" s="114">
        <v>90496</v>
      </c>
      <c r="EM22" s="114">
        <v>0</v>
      </c>
      <c r="EN22" s="112">
        <v>197556</v>
      </c>
      <c r="EO22" s="116">
        <v>197556</v>
      </c>
      <c r="EP22" s="110">
        <v>0</v>
      </c>
      <c r="EQ22" s="114">
        <v>0</v>
      </c>
      <c r="ER22" s="112">
        <v>0</v>
      </c>
      <c r="ES22" s="111">
        <v>0</v>
      </c>
      <c r="ET22" s="114">
        <v>0</v>
      </c>
      <c r="EU22" s="114">
        <v>0</v>
      </c>
      <c r="EV22" s="114">
        <v>0</v>
      </c>
      <c r="EW22" s="114">
        <v>0</v>
      </c>
      <c r="EX22" s="114">
        <v>0</v>
      </c>
      <c r="EY22" s="113">
        <v>0</v>
      </c>
      <c r="EZ22" s="116">
        <v>0</v>
      </c>
      <c r="FA22" s="110">
        <v>0</v>
      </c>
      <c r="FB22" s="114">
        <v>0</v>
      </c>
      <c r="FC22" s="112">
        <v>0</v>
      </c>
      <c r="FD22" s="347"/>
      <c r="FE22" s="114">
        <v>0</v>
      </c>
      <c r="FF22" s="114">
        <v>0</v>
      </c>
      <c r="FG22" s="114">
        <v>0</v>
      </c>
      <c r="FH22" s="114">
        <v>0</v>
      </c>
      <c r="FI22" s="114">
        <v>0</v>
      </c>
      <c r="FJ22" s="113">
        <v>0</v>
      </c>
      <c r="FK22" s="116">
        <v>0</v>
      </c>
      <c r="FL22" s="110">
        <v>197708</v>
      </c>
      <c r="FM22" s="114">
        <v>106834</v>
      </c>
      <c r="FN22" s="113">
        <v>304542</v>
      </c>
      <c r="FO22" s="110">
        <v>0</v>
      </c>
      <c r="FP22" s="114">
        <v>218603</v>
      </c>
      <c r="FQ22" s="114">
        <v>729792</v>
      </c>
      <c r="FR22" s="114">
        <v>509306</v>
      </c>
      <c r="FS22" s="114">
        <v>519274</v>
      </c>
      <c r="FT22" s="114">
        <v>434623</v>
      </c>
      <c r="FU22" s="113">
        <v>2411598</v>
      </c>
      <c r="FV22" s="116">
        <v>2716140</v>
      </c>
      <c r="FW22" s="115">
        <v>52598</v>
      </c>
      <c r="FX22" s="114">
        <v>106834</v>
      </c>
      <c r="FY22" s="112">
        <v>159432</v>
      </c>
      <c r="FZ22" s="111">
        <v>0</v>
      </c>
      <c r="GA22" s="114">
        <v>136843</v>
      </c>
      <c r="GB22" s="114">
        <v>689598</v>
      </c>
      <c r="GC22" s="114">
        <v>473606</v>
      </c>
      <c r="GD22" s="114">
        <v>519274</v>
      </c>
      <c r="GE22" s="114">
        <v>294623</v>
      </c>
      <c r="GF22" s="113">
        <v>2113944</v>
      </c>
      <c r="GG22" s="318">
        <v>2273376</v>
      </c>
      <c r="GH22" s="115">
        <v>31010</v>
      </c>
      <c r="GI22" s="114">
        <v>0</v>
      </c>
      <c r="GJ22" s="112">
        <v>31010</v>
      </c>
      <c r="GK22" s="111">
        <v>0</v>
      </c>
      <c r="GL22" s="114">
        <v>13860</v>
      </c>
      <c r="GM22" s="114">
        <v>0</v>
      </c>
      <c r="GN22" s="114">
        <v>0</v>
      </c>
      <c r="GO22" s="114">
        <v>0</v>
      </c>
      <c r="GP22" s="114">
        <v>0</v>
      </c>
      <c r="GQ22" s="113">
        <v>13860</v>
      </c>
      <c r="GR22" s="116">
        <v>44870</v>
      </c>
      <c r="GS22" s="110">
        <v>114100</v>
      </c>
      <c r="GT22" s="114">
        <v>0</v>
      </c>
      <c r="GU22" s="113">
        <v>114100</v>
      </c>
      <c r="GV22" s="110">
        <v>0</v>
      </c>
      <c r="GW22" s="114">
        <v>67900</v>
      </c>
      <c r="GX22" s="114">
        <v>40194</v>
      </c>
      <c r="GY22" s="114">
        <v>35700</v>
      </c>
      <c r="GZ22" s="114">
        <v>0</v>
      </c>
      <c r="HA22" s="114">
        <v>140000</v>
      </c>
      <c r="HB22" s="112">
        <v>283794</v>
      </c>
      <c r="HC22" s="116">
        <v>397894</v>
      </c>
      <c r="HD22" s="110">
        <v>99978</v>
      </c>
      <c r="HE22" s="114">
        <v>160499</v>
      </c>
      <c r="HF22" s="112">
        <v>260477</v>
      </c>
      <c r="HG22" s="111">
        <v>0</v>
      </c>
      <c r="HH22" s="114">
        <v>804723</v>
      </c>
      <c r="HI22" s="114">
        <v>933975</v>
      </c>
      <c r="HJ22" s="114">
        <v>1416477</v>
      </c>
      <c r="HK22" s="114">
        <v>2545921</v>
      </c>
      <c r="HL22" s="114">
        <v>1822257</v>
      </c>
      <c r="HM22" s="113">
        <v>7523353</v>
      </c>
      <c r="HN22" s="109">
        <v>7783830</v>
      </c>
      <c r="HO22" s="328"/>
      <c r="HP22" s="329"/>
      <c r="HQ22" s="330"/>
      <c r="HR22" s="331"/>
      <c r="HS22" s="329"/>
      <c r="HT22" s="329"/>
      <c r="HU22" s="329"/>
      <c r="HV22" s="329"/>
      <c r="HW22" s="329"/>
      <c r="HX22" s="332"/>
      <c r="HY22" s="333"/>
      <c r="HZ22" s="150">
        <v>0</v>
      </c>
      <c r="IA22" s="135">
        <v>0</v>
      </c>
      <c r="IB22" s="150">
        <v>0</v>
      </c>
      <c r="IC22" s="134">
        <v>0</v>
      </c>
      <c r="ID22" s="135">
        <v>868247</v>
      </c>
      <c r="IE22" s="136">
        <v>1604352</v>
      </c>
      <c r="IF22" s="137">
        <v>1422830</v>
      </c>
      <c r="IG22" s="135">
        <v>2638203</v>
      </c>
      <c r="IH22" s="137">
        <v>2281363</v>
      </c>
      <c r="II22" s="138">
        <v>8814995</v>
      </c>
      <c r="IJ22" s="150">
        <v>8814995</v>
      </c>
      <c r="IK22" s="232">
        <v>0</v>
      </c>
      <c r="IL22" s="236">
        <v>0</v>
      </c>
      <c r="IM22" s="237">
        <v>0</v>
      </c>
      <c r="IN22" s="140"/>
      <c r="IO22" s="119">
        <v>41192</v>
      </c>
      <c r="IP22" s="119">
        <v>0</v>
      </c>
      <c r="IQ22" s="119">
        <v>0</v>
      </c>
      <c r="IR22" s="119">
        <v>0</v>
      </c>
      <c r="IS22" s="119">
        <v>0</v>
      </c>
      <c r="IT22" s="141">
        <v>41192</v>
      </c>
      <c r="IU22" s="320">
        <v>41192</v>
      </c>
      <c r="IV22" s="142">
        <v>0</v>
      </c>
      <c r="IW22" s="119">
        <v>0</v>
      </c>
      <c r="IX22" s="120">
        <v>0</v>
      </c>
      <c r="IY22" s="144"/>
      <c r="IZ22" s="119">
        <v>0</v>
      </c>
      <c r="JA22" s="119">
        <v>0</v>
      </c>
      <c r="JB22" s="119">
        <v>0</v>
      </c>
      <c r="JC22" s="119">
        <v>0</v>
      </c>
      <c r="JD22" s="119">
        <v>0</v>
      </c>
      <c r="JE22" s="120">
        <v>0</v>
      </c>
      <c r="JF22" s="121">
        <v>0</v>
      </c>
      <c r="JG22" s="142">
        <v>0</v>
      </c>
      <c r="JH22" s="119">
        <v>0</v>
      </c>
      <c r="JI22" s="141">
        <v>0</v>
      </c>
      <c r="JJ22" s="118">
        <v>0</v>
      </c>
      <c r="JK22" s="119">
        <v>298846</v>
      </c>
      <c r="JL22" s="119">
        <v>560899</v>
      </c>
      <c r="JM22" s="119">
        <v>548052</v>
      </c>
      <c r="JN22" s="119">
        <v>1240122</v>
      </c>
      <c r="JO22" s="119">
        <v>135505</v>
      </c>
      <c r="JP22" s="120">
        <v>2783424</v>
      </c>
      <c r="JQ22" s="320">
        <v>2783424</v>
      </c>
      <c r="JR22" s="142">
        <v>0</v>
      </c>
      <c r="JS22" s="119">
        <v>0</v>
      </c>
      <c r="JT22" s="141">
        <v>0</v>
      </c>
      <c r="JU22" s="118">
        <v>0</v>
      </c>
      <c r="JV22" s="119">
        <v>0</v>
      </c>
      <c r="JW22" s="119">
        <v>0</v>
      </c>
      <c r="JX22" s="119">
        <v>0</v>
      </c>
      <c r="JY22" s="119">
        <v>0</v>
      </c>
      <c r="JZ22" s="119">
        <v>0</v>
      </c>
      <c r="KA22" s="120">
        <v>0</v>
      </c>
      <c r="KB22" s="320">
        <v>0</v>
      </c>
      <c r="KC22" s="234">
        <v>0</v>
      </c>
      <c r="KD22" s="230">
        <v>0</v>
      </c>
      <c r="KE22" s="120">
        <v>0</v>
      </c>
      <c r="KF22" s="118">
        <v>0</v>
      </c>
      <c r="KG22" s="119">
        <v>109228</v>
      </c>
      <c r="KH22" s="119">
        <v>162111</v>
      </c>
      <c r="KI22" s="119">
        <v>223583</v>
      </c>
      <c r="KJ22" s="119">
        <v>237769</v>
      </c>
      <c r="KK22" s="119">
        <v>510273</v>
      </c>
      <c r="KL22" s="120">
        <v>1242964</v>
      </c>
      <c r="KM22" s="143">
        <v>1242964</v>
      </c>
      <c r="KN22" s="232">
        <v>0</v>
      </c>
      <c r="KO22" s="236">
        <v>0</v>
      </c>
      <c r="KP22" s="237">
        <v>0</v>
      </c>
      <c r="KQ22" s="140"/>
      <c r="KR22" s="119">
        <v>418981</v>
      </c>
      <c r="KS22" s="119">
        <v>881342</v>
      </c>
      <c r="KT22" s="119">
        <v>436001</v>
      </c>
      <c r="KU22" s="119">
        <v>927087</v>
      </c>
      <c r="KV22" s="119">
        <v>1186444</v>
      </c>
      <c r="KW22" s="120">
        <v>3849855</v>
      </c>
      <c r="KX22" s="320">
        <v>3849855</v>
      </c>
      <c r="KY22" s="142">
        <v>0</v>
      </c>
      <c r="KZ22" s="119">
        <v>0</v>
      </c>
      <c r="LA22" s="120">
        <v>0</v>
      </c>
      <c r="LB22" s="145"/>
      <c r="LC22" s="119">
        <v>0</v>
      </c>
      <c r="LD22" s="119">
        <v>0</v>
      </c>
      <c r="LE22" s="119">
        <v>0</v>
      </c>
      <c r="LF22" s="119">
        <v>0</v>
      </c>
      <c r="LG22" s="119">
        <v>0</v>
      </c>
      <c r="LH22" s="120">
        <v>0</v>
      </c>
      <c r="LI22" s="121">
        <v>0</v>
      </c>
      <c r="LJ22" s="142">
        <v>0</v>
      </c>
      <c r="LK22" s="119">
        <v>0</v>
      </c>
      <c r="LL22" s="120">
        <v>0</v>
      </c>
      <c r="LM22" s="145"/>
      <c r="LN22" s="119">
        <v>0</v>
      </c>
      <c r="LO22" s="119">
        <v>0</v>
      </c>
      <c r="LP22" s="119">
        <v>215194</v>
      </c>
      <c r="LQ22" s="119">
        <v>233225</v>
      </c>
      <c r="LR22" s="119">
        <v>449141</v>
      </c>
      <c r="LS22" s="120">
        <v>897560</v>
      </c>
      <c r="LT22" s="320">
        <v>897560</v>
      </c>
      <c r="LU22" s="142">
        <v>0</v>
      </c>
      <c r="LV22" s="119">
        <v>0</v>
      </c>
      <c r="LW22" s="120">
        <v>0</v>
      </c>
      <c r="LX22" s="145"/>
      <c r="LY22" s="119">
        <v>0</v>
      </c>
      <c r="LZ22" s="119">
        <v>0</v>
      </c>
      <c r="MA22" s="119">
        <v>0</v>
      </c>
      <c r="MB22" s="119">
        <v>0</v>
      </c>
      <c r="MC22" s="119">
        <v>0</v>
      </c>
      <c r="MD22" s="120">
        <v>0</v>
      </c>
      <c r="ME22" s="121">
        <v>0</v>
      </c>
      <c r="MF22" s="142">
        <v>0</v>
      </c>
      <c r="MG22" s="119">
        <v>0</v>
      </c>
      <c r="MH22" s="120">
        <v>0</v>
      </c>
      <c r="MI22" s="145"/>
      <c r="MJ22" s="119">
        <v>418633</v>
      </c>
      <c r="MK22" s="119">
        <v>1636012</v>
      </c>
      <c r="ML22" s="119">
        <v>3390448</v>
      </c>
      <c r="MM22" s="119">
        <v>3483517</v>
      </c>
      <c r="MN22" s="119">
        <v>2618555</v>
      </c>
      <c r="MO22" s="120">
        <v>11547165</v>
      </c>
      <c r="MP22" s="143">
        <v>11547165</v>
      </c>
      <c r="MQ22" s="142">
        <v>0</v>
      </c>
      <c r="MR22" s="119">
        <v>0</v>
      </c>
      <c r="MS22" s="120">
        <v>0</v>
      </c>
      <c r="MT22" s="145"/>
      <c r="MU22" s="119">
        <v>0</v>
      </c>
      <c r="MV22" s="119">
        <v>212478</v>
      </c>
      <c r="MW22" s="119">
        <v>1306464</v>
      </c>
      <c r="MX22" s="119">
        <v>1393112</v>
      </c>
      <c r="MY22" s="119">
        <v>1509512</v>
      </c>
      <c r="MZ22" s="120">
        <v>4421566</v>
      </c>
      <c r="NA22" s="143">
        <v>4421566</v>
      </c>
      <c r="NB22" s="142">
        <v>0</v>
      </c>
      <c r="NC22" s="119">
        <v>0</v>
      </c>
      <c r="ND22" s="120">
        <v>0</v>
      </c>
      <c r="NE22" s="145"/>
      <c r="NF22" s="119">
        <v>418633</v>
      </c>
      <c r="NG22" s="119">
        <v>1423534</v>
      </c>
      <c r="NH22" s="119">
        <v>2083984</v>
      </c>
      <c r="NI22" s="119">
        <v>2090405</v>
      </c>
      <c r="NJ22" s="119">
        <v>1109043</v>
      </c>
      <c r="NK22" s="120">
        <v>7125599</v>
      </c>
      <c r="NL22" s="320">
        <v>7125599</v>
      </c>
      <c r="NM22" s="142">
        <v>0</v>
      </c>
      <c r="NN22" s="119">
        <v>0</v>
      </c>
      <c r="NO22" s="120">
        <v>0</v>
      </c>
      <c r="NP22" s="145"/>
      <c r="NQ22" s="119">
        <v>0</v>
      </c>
      <c r="NR22" s="119">
        <v>0</v>
      </c>
      <c r="NS22" s="119">
        <v>0</v>
      </c>
      <c r="NT22" s="119">
        <v>0</v>
      </c>
      <c r="NU22" s="119">
        <v>0</v>
      </c>
      <c r="NV22" s="120">
        <v>0</v>
      </c>
      <c r="NW22" s="121">
        <v>0</v>
      </c>
      <c r="NX22" s="142">
        <v>0</v>
      </c>
      <c r="NY22" s="119">
        <v>0</v>
      </c>
      <c r="NZ22" s="120">
        <v>0</v>
      </c>
      <c r="OA22" s="145"/>
      <c r="OB22" s="119">
        <v>0</v>
      </c>
      <c r="OC22" s="119">
        <v>0</v>
      </c>
      <c r="OD22" s="119">
        <v>0</v>
      </c>
      <c r="OE22" s="119">
        <v>0</v>
      </c>
      <c r="OF22" s="119">
        <v>0</v>
      </c>
      <c r="OG22" s="120">
        <v>0</v>
      </c>
      <c r="OH22" s="121">
        <v>0</v>
      </c>
      <c r="OI22" s="142">
        <v>529881</v>
      </c>
      <c r="OJ22" s="119">
        <v>590808</v>
      </c>
      <c r="OK22" s="141">
        <v>1120689</v>
      </c>
      <c r="OL22" s="118">
        <v>0</v>
      </c>
      <c r="OM22" s="119">
        <v>4633256</v>
      </c>
      <c r="ON22" s="119">
        <v>9481968</v>
      </c>
      <c r="OO22" s="119">
        <v>10291783</v>
      </c>
      <c r="OP22" s="119">
        <v>12080337</v>
      </c>
      <c r="OQ22" s="119">
        <v>9857351</v>
      </c>
      <c r="OR22" s="120">
        <v>46344695</v>
      </c>
      <c r="OS22" s="143">
        <v>47465384</v>
      </c>
    </row>
    <row r="23" spans="2:409" ht="21" customHeight="1" x14ac:dyDescent="0.2">
      <c r="B23" s="126" t="s">
        <v>18</v>
      </c>
      <c r="C23" s="110">
        <v>574779</v>
      </c>
      <c r="D23" s="114">
        <v>573616</v>
      </c>
      <c r="E23" s="113">
        <v>1148395</v>
      </c>
      <c r="F23" s="109">
        <v>0</v>
      </c>
      <c r="G23" s="114">
        <v>6354807</v>
      </c>
      <c r="H23" s="114">
        <v>8235899</v>
      </c>
      <c r="I23" s="114">
        <v>6179590</v>
      </c>
      <c r="J23" s="114">
        <v>7944798</v>
      </c>
      <c r="K23" s="114">
        <v>7047816</v>
      </c>
      <c r="L23" s="109">
        <v>35762910</v>
      </c>
      <c r="M23" s="116">
        <v>36911305</v>
      </c>
      <c r="N23" s="110">
        <v>211533</v>
      </c>
      <c r="O23" s="114">
        <v>166877</v>
      </c>
      <c r="P23" s="113">
        <v>378410</v>
      </c>
      <c r="Q23" s="110">
        <v>0</v>
      </c>
      <c r="R23" s="114">
        <v>1853383</v>
      </c>
      <c r="S23" s="114">
        <v>2415328</v>
      </c>
      <c r="T23" s="114">
        <v>2565254</v>
      </c>
      <c r="U23" s="114">
        <v>3048150</v>
      </c>
      <c r="V23" s="114">
        <v>2789662</v>
      </c>
      <c r="W23" s="113">
        <v>12671777</v>
      </c>
      <c r="X23" s="116">
        <v>13050187</v>
      </c>
      <c r="Y23" s="110">
        <v>0</v>
      </c>
      <c r="Z23" s="114">
        <v>0</v>
      </c>
      <c r="AA23" s="113">
        <v>0</v>
      </c>
      <c r="AB23" s="110">
        <v>0</v>
      </c>
      <c r="AC23" s="114">
        <v>767777</v>
      </c>
      <c r="AD23" s="114">
        <v>901039</v>
      </c>
      <c r="AE23" s="114">
        <v>1508472</v>
      </c>
      <c r="AF23" s="114">
        <v>2004429</v>
      </c>
      <c r="AG23" s="114">
        <v>1421667</v>
      </c>
      <c r="AH23" s="113">
        <v>6603384</v>
      </c>
      <c r="AI23" s="116">
        <v>6603384</v>
      </c>
      <c r="AJ23" s="110">
        <v>0</v>
      </c>
      <c r="AK23" s="114">
        <v>0</v>
      </c>
      <c r="AL23" s="113">
        <v>0</v>
      </c>
      <c r="AM23" s="110">
        <v>0</v>
      </c>
      <c r="AN23" s="114">
        <v>0</v>
      </c>
      <c r="AO23" s="114">
        <v>0</v>
      </c>
      <c r="AP23" s="114">
        <v>121395</v>
      </c>
      <c r="AQ23" s="114">
        <v>133634</v>
      </c>
      <c r="AR23" s="114">
        <v>287767</v>
      </c>
      <c r="AS23" s="113">
        <v>542796</v>
      </c>
      <c r="AT23" s="116">
        <v>542796</v>
      </c>
      <c r="AU23" s="110">
        <v>128328</v>
      </c>
      <c r="AV23" s="114">
        <v>147445</v>
      </c>
      <c r="AW23" s="113">
        <v>275773</v>
      </c>
      <c r="AX23" s="110">
        <v>0</v>
      </c>
      <c r="AY23" s="114">
        <v>565114</v>
      </c>
      <c r="AZ23" s="114">
        <v>1013015</v>
      </c>
      <c r="BA23" s="114">
        <v>498929</v>
      </c>
      <c r="BB23" s="114">
        <v>569460</v>
      </c>
      <c r="BC23" s="114">
        <v>555001</v>
      </c>
      <c r="BD23" s="113">
        <v>3201519</v>
      </c>
      <c r="BE23" s="116">
        <v>3477292</v>
      </c>
      <c r="BF23" s="110">
        <v>27737</v>
      </c>
      <c r="BG23" s="114">
        <v>0</v>
      </c>
      <c r="BH23" s="112">
        <v>27737</v>
      </c>
      <c r="BI23" s="111">
        <v>0</v>
      </c>
      <c r="BJ23" s="114">
        <v>103705</v>
      </c>
      <c r="BK23" s="114">
        <v>81365</v>
      </c>
      <c r="BL23" s="114">
        <v>88537</v>
      </c>
      <c r="BM23" s="114">
        <v>96180</v>
      </c>
      <c r="BN23" s="114">
        <v>43179</v>
      </c>
      <c r="BO23" s="113">
        <v>412966</v>
      </c>
      <c r="BP23" s="116">
        <v>440703</v>
      </c>
      <c r="BQ23" s="110">
        <v>55468</v>
      </c>
      <c r="BR23" s="114">
        <v>19432</v>
      </c>
      <c r="BS23" s="113">
        <v>74900</v>
      </c>
      <c r="BT23" s="110">
        <v>0</v>
      </c>
      <c r="BU23" s="114">
        <v>416787</v>
      </c>
      <c r="BV23" s="114">
        <v>419909</v>
      </c>
      <c r="BW23" s="114">
        <v>347921</v>
      </c>
      <c r="BX23" s="114">
        <v>244447</v>
      </c>
      <c r="BY23" s="114">
        <v>482048</v>
      </c>
      <c r="BZ23" s="113">
        <v>1911112</v>
      </c>
      <c r="CA23" s="116">
        <v>1986012</v>
      </c>
      <c r="CB23" s="110">
        <v>107578</v>
      </c>
      <c r="CC23" s="114">
        <v>229654</v>
      </c>
      <c r="CD23" s="113">
        <v>337232</v>
      </c>
      <c r="CE23" s="110">
        <v>0</v>
      </c>
      <c r="CF23" s="114">
        <v>2046141</v>
      </c>
      <c r="CG23" s="114">
        <v>2952573</v>
      </c>
      <c r="CH23" s="114">
        <v>1233329</v>
      </c>
      <c r="CI23" s="114">
        <v>1309222</v>
      </c>
      <c r="CJ23" s="114">
        <v>648770</v>
      </c>
      <c r="CK23" s="113">
        <v>8190035</v>
      </c>
      <c r="CL23" s="116">
        <v>8527267</v>
      </c>
      <c r="CM23" s="110">
        <v>0</v>
      </c>
      <c r="CN23" s="114">
        <v>0</v>
      </c>
      <c r="CO23" s="113">
        <v>0</v>
      </c>
      <c r="CP23" s="111">
        <v>0</v>
      </c>
      <c r="CQ23" s="114">
        <v>1515334</v>
      </c>
      <c r="CR23" s="114">
        <v>2287321</v>
      </c>
      <c r="CS23" s="114">
        <v>861055</v>
      </c>
      <c r="CT23" s="114">
        <v>767765</v>
      </c>
      <c r="CU23" s="114">
        <v>499270</v>
      </c>
      <c r="CV23" s="113">
        <v>5930745</v>
      </c>
      <c r="CW23" s="116">
        <v>5930745</v>
      </c>
      <c r="CX23" s="110">
        <v>107578</v>
      </c>
      <c r="CY23" s="114">
        <v>229654</v>
      </c>
      <c r="CZ23" s="113">
        <v>337232</v>
      </c>
      <c r="DA23" s="110">
        <v>0</v>
      </c>
      <c r="DB23" s="114">
        <v>530807</v>
      </c>
      <c r="DC23" s="114">
        <v>665252</v>
      </c>
      <c r="DD23" s="114">
        <v>372274</v>
      </c>
      <c r="DE23" s="114">
        <v>541457</v>
      </c>
      <c r="DF23" s="114">
        <v>149500</v>
      </c>
      <c r="DG23" s="113">
        <v>2259290</v>
      </c>
      <c r="DH23" s="116">
        <v>2596522</v>
      </c>
      <c r="DI23" s="110">
        <v>0</v>
      </c>
      <c r="DJ23" s="114">
        <v>0</v>
      </c>
      <c r="DK23" s="112">
        <v>0</v>
      </c>
      <c r="DL23" s="111">
        <v>0</v>
      </c>
      <c r="DM23" s="114">
        <v>89158</v>
      </c>
      <c r="DN23" s="114">
        <v>659488</v>
      </c>
      <c r="DO23" s="114">
        <v>524259</v>
      </c>
      <c r="DP23" s="114">
        <v>1227437</v>
      </c>
      <c r="DQ23" s="114">
        <v>600342</v>
      </c>
      <c r="DR23" s="113">
        <v>3100684</v>
      </c>
      <c r="DS23" s="116">
        <v>3100684</v>
      </c>
      <c r="DT23" s="110">
        <v>0</v>
      </c>
      <c r="DU23" s="114">
        <v>0</v>
      </c>
      <c r="DV23" s="113">
        <v>0</v>
      </c>
      <c r="DW23" s="110">
        <v>0</v>
      </c>
      <c r="DX23" s="114">
        <v>89158</v>
      </c>
      <c r="DY23" s="114">
        <v>659488</v>
      </c>
      <c r="DZ23" s="114">
        <v>524259</v>
      </c>
      <c r="EA23" s="114">
        <v>1227437</v>
      </c>
      <c r="EB23" s="114">
        <v>600342</v>
      </c>
      <c r="EC23" s="113">
        <v>3100684</v>
      </c>
      <c r="ED23" s="116">
        <v>3100684</v>
      </c>
      <c r="EE23" s="110">
        <v>0</v>
      </c>
      <c r="EF23" s="112">
        <v>0</v>
      </c>
      <c r="EG23" s="113">
        <v>0</v>
      </c>
      <c r="EH23" s="110">
        <v>0</v>
      </c>
      <c r="EI23" s="114">
        <v>0</v>
      </c>
      <c r="EJ23" s="114">
        <v>0</v>
      </c>
      <c r="EK23" s="114">
        <v>0</v>
      </c>
      <c r="EL23" s="114">
        <v>0</v>
      </c>
      <c r="EM23" s="114">
        <v>0</v>
      </c>
      <c r="EN23" s="112">
        <v>0</v>
      </c>
      <c r="EO23" s="116">
        <v>0</v>
      </c>
      <c r="EP23" s="110">
        <v>0</v>
      </c>
      <c r="EQ23" s="114">
        <v>0</v>
      </c>
      <c r="ER23" s="112">
        <v>0</v>
      </c>
      <c r="ES23" s="111">
        <v>0</v>
      </c>
      <c r="ET23" s="114">
        <v>0</v>
      </c>
      <c r="EU23" s="114">
        <v>0</v>
      </c>
      <c r="EV23" s="114">
        <v>0</v>
      </c>
      <c r="EW23" s="114">
        <v>0</v>
      </c>
      <c r="EX23" s="114">
        <v>0</v>
      </c>
      <c r="EY23" s="113">
        <v>0</v>
      </c>
      <c r="EZ23" s="116">
        <v>0</v>
      </c>
      <c r="FA23" s="110">
        <v>0</v>
      </c>
      <c r="FB23" s="114">
        <v>0</v>
      </c>
      <c r="FC23" s="112">
        <v>0</v>
      </c>
      <c r="FD23" s="347"/>
      <c r="FE23" s="114">
        <v>0</v>
      </c>
      <c r="FF23" s="114">
        <v>0</v>
      </c>
      <c r="FG23" s="114">
        <v>0</v>
      </c>
      <c r="FH23" s="114">
        <v>0</v>
      </c>
      <c r="FI23" s="114">
        <v>0</v>
      </c>
      <c r="FJ23" s="113">
        <v>0</v>
      </c>
      <c r="FK23" s="116">
        <v>0</v>
      </c>
      <c r="FL23" s="110">
        <v>60676</v>
      </c>
      <c r="FM23" s="114">
        <v>87850</v>
      </c>
      <c r="FN23" s="113">
        <v>148526</v>
      </c>
      <c r="FO23" s="110">
        <v>0</v>
      </c>
      <c r="FP23" s="114">
        <v>244685</v>
      </c>
      <c r="FQ23" s="114">
        <v>551712</v>
      </c>
      <c r="FR23" s="114">
        <v>449764</v>
      </c>
      <c r="FS23" s="114">
        <v>519862</v>
      </c>
      <c r="FT23" s="114">
        <v>595721</v>
      </c>
      <c r="FU23" s="113">
        <v>2361744</v>
      </c>
      <c r="FV23" s="116">
        <v>2510270</v>
      </c>
      <c r="FW23" s="115">
        <v>60676</v>
      </c>
      <c r="FX23" s="114">
        <v>87850</v>
      </c>
      <c r="FY23" s="112">
        <v>148526</v>
      </c>
      <c r="FZ23" s="111">
        <v>0</v>
      </c>
      <c r="GA23" s="114">
        <v>244685</v>
      </c>
      <c r="GB23" s="114">
        <v>551712</v>
      </c>
      <c r="GC23" s="114">
        <v>449764</v>
      </c>
      <c r="GD23" s="114">
        <v>519862</v>
      </c>
      <c r="GE23" s="114">
        <v>523341</v>
      </c>
      <c r="GF23" s="113">
        <v>2289364</v>
      </c>
      <c r="GG23" s="318">
        <v>2437890</v>
      </c>
      <c r="GH23" s="115">
        <v>0</v>
      </c>
      <c r="GI23" s="114">
        <v>0</v>
      </c>
      <c r="GJ23" s="112">
        <v>0</v>
      </c>
      <c r="GK23" s="111">
        <v>0</v>
      </c>
      <c r="GL23" s="114">
        <v>0</v>
      </c>
      <c r="GM23" s="114">
        <v>0</v>
      </c>
      <c r="GN23" s="114">
        <v>0</v>
      </c>
      <c r="GO23" s="114">
        <v>0</v>
      </c>
      <c r="GP23" s="114">
        <v>0</v>
      </c>
      <c r="GQ23" s="113">
        <v>0</v>
      </c>
      <c r="GR23" s="116">
        <v>0</v>
      </c>
      <c r="GS23" s="110">
        <v>0</v>
      </c>
      <c r="GT23" s="114">
        <v>0</v>
      </c>
      <c r="GU23" s="113">
        <v>0</v>
      </c>
      <c r="GV23" s="110">
        <v>0</v>
      </c>
      <c r="GW23" s="114">
        <v>0</v>
      </c>
      <c r="GX23" s="114">
        <v>0</v>
      </c>
      <c r="GY23" s="114">
        <v>0</v>
      </c>
      <c r="GZ23" s="114">
        <v>0</v>
      </c>
      <c r="HA23" s="114">
        <v>72380</v>
      </c>
      <c r="HB23" s="112">
        <v>72380</v>
      </c>
      <c r="HC23" s="116">
        <v>72380</v>
      </c>
      <c r="HD23" s="110">
        <v>194992</v>
      </c>
      <c r="HE23" s="114">
        <v>89235</v>
      </c>
      <c r="HF23" s="112">
        <v>284227</v>
      </c>
      <c r="HG23" s="111">
        <v>0</v>
      </c>
      <c r="HH23" s="114">
        <v>2121440</v>
      </c>
      <c r="HI23" s="114">
        <v>1656798</v>
      </c>
      <c r="HJ23" s="114">
        <v>1406984</v>
      </c>
      <c r="HK23" s="114">
        <v>1840127</v>
      </c>
      <c r="HL23" s="114">
        <v>2413321</v>
      </c>
      <c r="HM23" s="113">
        <v>9438670</v>
      </c>
      <c r="HN23" s="109">
        <v>9722897</v>
      </c>
      <c r="HO23" s="328"/>
      <c r="HP23" s="329"/>
      <c r="HQ23" s="330"/>
      <c r="HR23" s="331"/>
      <c r="HS23" s="329"/>
      <c r="HT23" s="329"/>
      <c r="HU23" s="329"/>
      <c r="HV23" s="329"/>
      <c r="HW23" s="329"/>
      <c r="HX23" s="332"/>
      <c r="HY23" s="333"/>
      <c r="HZ23" s="131">
        <v>0</v>
      </c>
      <c r="IA23" s="132">
        <v>0</v>
      </c>
      <c r="IB23" s="133">
        <v>0</v>
      </c>
      <c r="IC23" s="146">
        <v>0</v>
      </c>
      <c r="ID23" s="132">
        <v>1002167</v>
      </c>
      <c r="IE23" s="147">
        <v>696107</v>
      </c>
      <c r="IF23" s="133">
        <v>2549093</v>
      </c>
      <c r="IG23" s="132">
        <v>507140</v>
      </c>
      <c r="IH23" s="133">
        <v>1915407</v>
      </c>
      <c r="II23" s="148">
        <v>6669914</v>
      </c>
      <c r="IJ23" s="139">
        <v>6669914</v>
      </c>
      <c r="IK23" s="232">
        <v>0</v>
      </c>
      <c r="IL23" s="236">
        <v>0</v>
      </c>
      <c r="IM23" s="237">
        <v>0</v>
      </c>
      <c r="IN23" s="140"/>
      <c r="IO23" s="119">
        <v>0</v>
      </c>
      <c r="IP23" s="119">
        <v>0</v>
      </c>
      <c r="IQ23" s="119">
        <v>0</v>
      </c>
      <c r="IR23" s="119">
        <v>0</v>
      </c>
      <c r="IS23" s="119">
        <v>469926</v>
      </c>
      <c r="IT23" s="141">
        <v>469926</v>
      </c>
      <c r="IU23" s="320">
        <v>469926</v>
      </c>
      <c r="IV23" s="142">
        <v>0</v>
      </c>
      <c r="IW23" s="119">
        <v>0</v>
      </c>
      <c r="IX23" s="120">
        <v>0</v>
      </c>
      <c r="IY23" s="144"/>
      <c r="IZ23" s="119">
        <v>0</v>
      </c>
      <c r="JA23" s="119">
        <v>0</v>
      </c>
      <c r="JB23" s="119">
        <v>0</v>
      </c>
      <c r="JC23" s="119">
        <v>0</v>
      </c>
      <c r="JD23" s="119">
        <v>0</v>
      </c>
      <c r="JE23" s="120">
        <v>0</v>
      </c>
      <c r="JF23" s="121">
        <v>0</v>
      </c>
      <c r="JG23" s="142">
        <v>0</v>
      </c>
      <c r="JH23" s="119">
        <v>0</v>
      </c>
      <c r="JI23" s="141">
        <v>0</v>
      </c>
      <c r="JJ23" s="118">
        <v>0</v>
      </c>
      <c r="JK23" s="119">
        <v>794155</v>
      </c>
      <c r="JL23" s="119">
        <v>283426</v>
      </c>
      <c r="JM23" s="119">
        <v>785252</v>
      </c>
      <c r="JN23" s="119">
        <v>73148</v>
      </c>
      <c r="JO23" s="119">
        <v>0</v>
      </c>
      <c r="JP23" s="120">
        <v>1935981</v>
      </c>
      <c r="JQ23" s="320">
        <v>1935981</v>
      </c>
      <c r="JR23" s="142">
        <v>0</v>
      </c>
      <c r="JS23" s="119">
        <v>0</v>
      </c>
      <c r="JT23" s="141">
        <v>0</v>
      </c>
      <c r="JU23" s="118">
        <v>0</v>
      </c>
      <c r="JV23" s="119">
        <v>97902</v>
      </c>
      <c r="JW23" s="119">
        <v>0</v>
      </c>
      <c r="JX23" s="119">
        <v>122767</v>
      </c>
      <c r="JY23" s="119">
        <v>127553</v>
      </c>
      <c r="JZ23" s="119">
        <v>0</v>
      </c>
      <c r="KA23" s="120">
        <v>348222</v>
      </c>
      <c r="KB23" s="320">
        <v>348222</v>
      </c>
      <c r="KC23" s="234">
        <v>0</v>
      </c>
      <c r="KD23" s="230">
        <v>0</v>
      </c>
      <c r="KE23" s="120">
        <v>0</v>
      </c>
      <c r="KF23" s="118">
        <v>0</v>
      </c>
      <c r="KG23" s="119">
        <v>110110</v>
      </c>
      <c r="KH23" s="119">
        <v>0</v>
      </c>
      <c r="KI23" s="119">
        <v>427922</v>
      </c>
      <c r="KJ23" s="119">
        <v>0</v>
      </c>
      <c r="KK23" s="119">
        <v>0</v>
      </c>
      <c r="KL23" s="120">
        <v>538032</v>
      </c>
      <c r="KM23" s="143">
        <v>538032</v>
      </c>
      <c r="KN23" s="232">
        <v>0</v>
      </c>
      <c r="KO23" s="236">
        <v>0</v>
      </c>
      <c r="KP23" s="237">
        <v>0</v>
      </c>
      <c r="KQ23" s="140"/>
      <c r="KR23" s="119">
        <v>0</v>
      </c>
      <c r="KS23" s="119">
        <v>217474</v>
      </c>
      <c r="KT23" s="119">
        <v>981304</v>
      </c>
      <c r="KU23" s="119">
        <v>229127</v>
      </c>
      <c r="KV23" s="119">
        <v>231672</v>
      </c>
      <c r="KW23" s="120">
        <v>1659577</v>
      </c>
      <c r="KX23" s="320">
        <v>1659577</v>
      </c>
      <c r="KY23" s="142">
        <v>0</v>
      </c>
      <c r="KZ23" s="119">
        <v>0</v>
      </c>
      <c r="LA23" s="120">
        <v>0</v>
      </c>
      <c r="LB23" s="145"/>
      <c r="LC23" s="119">
        <v>0</v>
      </c>
      <c r="LD23" s="119">
        <v>0</v>
      </c>
      <c r="LE23" s="119">
        <v>0</v>
      </c>
      <c r="LF23" s="119">
        <v>0</v>
      </c>
      <c r="LG23" s="119">
        <v>0</v>
      </c>
      <c r="LH23" s="120">
        <v>0</v>
      </c>
      <c r="LI23" s="121">
        <v>0</v>
      </c>
      <c r="LJ23" s="142">
        <v>0</v>
      </c>
      <c r="LK23" s="119">
        <v>0</v>
      </c>
      <c r="LL23" s="120">
        <v>0</v>
      </c>
      <c r="LM23" s="145"/>
      <c r="LN23" s="119">
        <v>0</v>
      </c>
      <c r="LO23" s="119">
        <v>0</v>
      </c>
      <c r="LP23" s="119">
        <v>231848</v>
      </c>
      <c r="LQ23" s="119">
        <v>0</v>
      </c>
      <c r="LR23" s="119">
        <v>0</v>
      </c>
      <c r="LS23" s="120">
        <v>231848</v>
      </c>
      <c r="LT23" s="320">
        <v>231848</v>
      </c>
      <c r="LU23" s="142">
        <v>0</v>
      </c>
      <c r="LV23" s="119">
        <v>0</v>
      </c>
      <c r="LW23" s="120">
        <v>0</v>
      </c>
      <c r="LX23" s="145"/>
      <c r="LY23" s="119">
        <v>0</v>
      </c>
      <c r="LZ23" s="119">
        <v>195207</v>
      </c>
      <c r="MA23" s="119">
        <v>0</v>
      </c>
      <c r="MB23" s="119">
        <v>77312</v>
      </c>
      <c r="MC23" s="119">
        <v>1213809</v>
      </c>
      <c r="MD23" s="120">
        <v>1486328</v>
      </c>
      <c r="ME23" s="121">
        <v>1486328</v>
      </c>
      <c r="MF23" s="142">
        <v>0</v>
      </c>
      <c r="MG23" s="119">
        <v>0</v>
      </c>
      <c r="MH23" s="120">
        <v>0</v>
      </c>
      <c r="MI23" s="145"/>
      <c r="MJ23" s="119">
        <v>1103294</v>
      </c>
      <c r="MK23" s="119">
        <v>565193</v>
      </c>
      <c r="ML23" s="119">
        <v>2665630</v>
      </c>
      <c r="MM23" s="119">
        <v>4487096</v>
      </c>
      <c r="MN23" s="119">
        <v>1987182</v>
      </c>
      <c r="MO23" s="120">
        <v>10808395</v>
      </c>
      <c r="MP23" s="143">
        <v>10808395</v>
      </c>
      <c r="MQ23" s="142">
        <v>0</v>
      </c>
      <c r="MR23" s="119">
        <v>0</v>
      </c>
      <c r="MS23" s="120">
        <v>0</v>
      </c>
      <c r="MT23" s="145"/>
      <c r="MU23" s="119">
        <v>0</v>
      </c>
      <c r="MV23" s="119">
        <v>195276</v>
      </c>
      <c r="MW23" s="119">
        <v>1713388</v>
      </c>
      <c r="MX23" s="119">
        <v>3338023</v>
      </c>
      <c r="MY23" s="119">
        <v>1196100</v>
      </c>
      <c r="MZ23" s="120">
        <v>6442787</v>
      </c>
      <c r="NA23" s="143">
        <v>6442787</v>
      </c>
      <c r="NB23" s="142">
        <v>0</v>
      </c>
      <c r="NC23" s="119">
        <v>0</v>
      </c>
      <c r="ND23" s="120">
        <v>0</v>
      </c>
      <c r="NE23" s="145"/>
      <c r="NF23" s="119">
        <v>1103294</v>
      </c>
      <c r="NG23" s="119">
        <v>369917</v>
      </c>
      <c r="NH23" s="119">
        <v>952242</v>
      </c>
      <c r="NI23" s="119">
        <v>1149073</v>
      </c>
      <c r="NJ23" s="119">
        <v>518820</v>
      </c>
      <c r="NK23" s="120">
        <v>4093346</v>
      </c>
      <c r="NL23" s="320">
        <v>4093346</v>
      </c>
      <c r="NM23" s="142">
        <v>0</v>
      </c>
      <c r="NN23" s="119">
        <v>0</v>
      </c>
      <c r="NO23" s="120">
        <v>0</v>
      </c>
      <c r="NP23" s="145"/>
      <c r="NQ23" s="119">
        <v>0</v>
      </c>
      <c r="NR23" s="119">
        <v>0</v>
      </c>
      <c r="NS23" s="119">
        <v>0</v>
      </c>
      <c r="NT23" s="119">
        <v>0</v>
      </c>
      <c r="NU23" s="119">
        <v>272262</v>
      </c>
      <c r="NV23" s="120">
        <v>272262</v>
      </c>
      <c r="NW23" s="121">
        <v>272262</v>
      </c>
      <c r="NX23" s="142">
        <v>0</v>
      </c>
      <c r="NY23" s="119">
        <v>0</v>
      </c>
      <c r="NZ23" s="120">
        <v>0</v>
      </c>
      <c r="OA23" s="145"/>
      <c r="OB23" s="119">
        <v>0</v>
      </c>
      <c r="OC23" s="119">
        <v>0</v>
      </c>
      <c r="OD23" s="119">
        <v>0</v>
      </c>
      <c r="OE23" s="119">
        <v>0</v>
      </c>
      <c r="OF23" s="119">
        <v>0</v>
      </c>
      <c r="OG23" s="120">
        <v>0</v>
      </c>
      <c r="OH23" s="121">
        <v>0</v>
      </c>
      <c r="OI23" s="142">
        <v>574779</v>
      </c>
      <c r="OJ23" s="119">
        <v>573616</v>
      </c>
      <c r="OK23" s="141">
        <v>1148395</v>
      </c>
      <c r="OL23" s="118">
        <v>0</v>
      </c>
      <c r="OM23" s="119">
        <v>8460268</v>
      </c>
      <c r="ON23" s="119">
        <v>9497199</v>
      </c>
      <c r="OO23" s="119">
        <v>11394313</v>
      </c>
      <c r="OP23" s="119">
        <v>12939034</v>
      </c>
      <c r="OQ23" s="119">
        <v>10950405</v>
      </c>
      <c r="OR23" s="120">
        <v>53241219</v>
      </c>
      <c r="OS23" s="143">
        <v>54389614</v>
      </c>
    </row>
    <row r="24" spans="2:409" ht="21" customHeight="1" x14ac:dyDescent="0.2">
      <c r="B24" s="126" t="s">
        <v>19</v>
      </c>
      <c r="C24" s="110">
        <v>88680</v>
      </c>
      <c r="D24" s="114">
        <v>638133</v>
      </c>
      <c r="E24" s="113">
        <v>726813</v>
      </c>
      <c r="F24" s="109">
        <v>0</v>
      </c>
      <c r="G24" s="114">
        <v>2909014</v>
      </c>
      <c r="H24" s="114">
        <v>2129849</v>
      </c>
      <c r="I24" s="114">
        <v>2381102</v>
      </c>
      <c r="J24" s="114">
        <v>3628360</v>
      </c>
      <c r="K24" s="114">
        <v>2043391</v>
      </c>
      <c r="L24" s="109">
        <v>13091716</v>
      </c>
      <c r="M24" s="116">
        <v>13818529</v>
      </c>
      <c r="N24" s="110">
        <v>42310</v>
      </c>
      <c r="O24" s="114">
        <v>162150</v>
      </c>
      <c r="P24" s="113">
        <v>204460</v>
      </c>
      <c r="Q24" s="110">
        <v>0</v>
      </c>
      <c r="R24" s="114">
        <v>790456</v>
      </c>
      <c r="S24" s="114">
        <v>552586</v>
      </c>
      <c r="T24" s="114">
        <v>982943</v>
      </c>
      <c r="U24" s="114">
        <v>1350692</v>
      </c>
      <c r="V24" s="114">
        <v>785140</v>
      </c>
      <c r="W24" s="113">
        <v>4461817</v>
      </c>
      <c r="X24" s="116">
        <v>4666277</v>
      </c>
      <c r="Y24" s="110">
        <v>0</v>
      </c>
      <c r="Z24" s="114">
        <v>0</v>
      </c>
      <c r="AA24" s="113">
        <v>0</v>
      </c>
      <c r="AB24" s="110">
        <v>0</v>
      </c>
      <c r="AC24" s="114">
        <v>140127</v>
      </c>
      <c r="AD24" s="114">
        <v>211814</v>
      </c>
      <c r="AE24" s="114">
        <v>568912</v>
      </c>
      <c r="AF24" s="114">
        <v>574139</v>
      </c>
      <c r="AG24" s="114">
        <v>307214</v>
      </c>
      <c r="AH24" s="113">
        <v>1802206</v>
      </c>
      <c r="AI24" s="116">
        <v>1802206</v>
      </c>
      <c r="AJ24" s="110">
        <v>0</v>
      </c>
      <c r="AK24" s="114">
        <v>0</v>
      </c>
      <c r="AL24" s="113">
        <v>0</v>
      </c>
      <c r="AM24" s="110">
        <v>0</v>
      </c>
      <c r="AN24" s="114">
        <v>22274</v>
      </c>
      <c r="AO24" s="114">
        <v>0</v>
      </c>
      <c r="AP24" s="114">
        <v>80194</v>
      </c>
      <c r="AQ24" s="114">
        <v>79701</v>
      </c>
      <c r="AR24" s="114">
        <v>183470</v>
      </c>
      <c r="AS24" s="113">
        <v>365639</v>
      </c>
      <c r="AT24" s="116">
        <v>365639</v>
      </c>
      <c r="AU24" s="110">
        <v>38691</v>
      </c>
      <c r="AV24" s="114">
        <v>124861</v>
      </c>
      <c r="AW24" s="113">
        <v>163552</v>
      </c>
      <c r="AX24" s="110">
        <v>0</v>
      </c>
      <c r="AY24" s="114">
        <v>292323</v>
      </c>
      <c r="AZ24" s="114">
        <v>222325</v>
      </c>
      <c r="BA24" s="114">
        <v>226128</v>
      </c>
      <c r="BB24" s="114">
        <v>401645</v>
      </c>
      <c r="BC24" s="114">
        <v>204184</v>
      </c>
      <c r="BD24" s="113">
        <v>1346605</v>
      </c>
      <c r="BE24" s="116">
        <v>1510157</v>
      </c>
      <c r="BF24" s="110">
        <v>0</v>
      </c>
      <c r="BG24" s="114">
        <v>0</v>
      </c>
      <c r="BH24" s="112">
        <v>0</v>
      </c>
      <c r="BI24" s="111">
        <v>0</v>
      </c>
      <c r="BJ24" s="114">
        <v>163742</v>
      </c>
      <c r="BK24" s="114">
        <v>0</v>
      </c>
      <c r="BL24" s="114">
        <v>27650</v>
      </c>
      <c r="BM24" s="114">
        <v>70276</v>
      </c>
      <c r="BN24" s="114">
        <v>0</v>
      </c>
      <c r="BO24" s="113">
        <v>261668</v>
      </c>
      <c r="BP24" s="116">
        <v>261668</v>
      </c>
      <c r="BQ24" s="110">
        <v>3619</v>
      </c>
      <c r="BR24" s="114">
        <v>37289</v>
      </c>
      <c r="BS24" s="113">
        <v>40908</v>
      </c>
      <c r="BT24" s="110">
        <v>0</v>
      </c>
      <c r="BU24" s="114">
        <v>171990</v>
      </c>
      <c r="BV24" s="114">
        <v>118447</v>
      </c>
      <c r="BW24" s="114">
        <v>80059</v>
      </c>
      <c r="BX24" s="114">
        <v>224931</v>
      </c>
      <c r="BY24" s="114">
        <v>90272</v>
      </c>
      <c r="BZ24" s="113">
        <v>685699</v>
      </c>
      <c r="CA24" s="116">
        <v>726607</v>
      </c>
      <c r="CB24" s="110">
        <v>0</v>
      </c>
      <c r="CC24" s="114">
        <v>137077</v>
      </c>
      <c r="CD24" s="113">
        <v>137077</v>
      </c>
      <c r="CE24" s="110">
        <v>0</v>
      </c>
      <c r="CF24" s="114">
        <v>815997</v>
      </c>
      <c r="CG24" s="114">
        <v>267729</v>
      </c>
      <c r="CH24" s="114">
        <v>715522</v>
      </c>
      <c r="CI24" s="114">
        <v>730871</v>
      </c>
      <c r="CJ24" s="114">
        <v>689360</v>
      </c>
      <c r="CK24" s="113">
        <v>3219479</v>
      </c>
      <c r="CL24" s="116">
        <v>3356556</v>
      </c>
      <c r="CM24" s="110">
        <v>0</v>
      </c>
      <c r="CN24" s="114">
        <v>0</v>
      </c>
      <c r="CO24" s="113">
        <v>0</v>
      </c>
      <c r="CP24" s="111">
        <v>0</v>
      </c>
      <c r="CQ24" s="114">
        <v>517794</v>
      </c>
      <c r="CR24" s="114">
        <v>235834</v>
      </c>
      <c r="CS24" s="114">
        <v>504573</v>
      </c>
      <c r="CT24" s="114">
        <v>398472</v>
      </c>
      <c r="CU24" s="114">
        <v>545109</v>
      </c>
      <c r="CV24" s="113">
        <v>2201782</v>
      </c>
      <c r="CW24" s="116">
        <v>2201782</v>
      </c>
      <c r="CX24" s="110">
        <v>0</v>
      </c>
      <c r="CY24" s="114">
        <v>137077</v>
      </c>
      <c r="CZ24" s="113">
        <v>137077</v>
      </c>
      <c r="DA24" s="110">
        <v>0</v>
      </c>
      <c r="DB24" s="114">
        <v>298203</v>
      </c>
      <c r="DC24" s="114">
        <v>31895</v>
      </c>
      <c r="DD24" s="114">
        <v>210949</v>
      </c>
      <c r="DE24" s="114">
        <v>332399</v>
      </c>
      <c r="DF24" s="114">
        <v>144251</v>
      </c>
      <c r="DG24" s="113">
        <v>1017697</v>
      </c>
      <c r="DH24" s="116">
        <v>1154774</v>
      </c>
      <c r="DI24" s="110">
        <v>0</v>
      </c>
      <c r="DJ24" s="114">
        <v>16262</v>
      </c>
      <c r="DK24" s="112">
        <v>16262</v>
      </c>
      <c r="DL24" s="111">
        <v>0</v>
      </c>
      <c r="DM24" s="114">
        <v>41843</v>
      </c>
      <c r="DN24" s="114">
        <v>59705</v>
      </c>
      <c r="DO24" s="114">
        <v>114966</v>
      </c>
      <c r="DP24" s="114">
        <v>24436</v>
      </c>
      <c r="DQ24" s="114">
        <v>216446</v>
      </c>
      <c r="DR24" s="113">
        <v>457396</v>
      </c>
      <c r="DS24" s="116">
        <v>473658</v>
      </c>
      <c r="DT24" s="110">
        <v>0</v>
      </c>
      <c r="DU24" s="114">
        <v>16262</v>
      </c>
      <c r="DV24" s="113">
        <v>16262</v>
      </c>
      <c r="DW24" s="110">
        <v>0</v>
      </c>
      <c r="DX24" s="114">
        <v>41843</v>
      </c>
      <c r="DY24" s="114">
        <v>59705</v>
      </c>
      <c r="DZ24" s="114">
        <v>14356</v>
      </c>
      <c r="EA24" s="114">
        <v>24436</v>
      </c>
      <c r="EB24" s="114">
        <v>216446</v>
      </c>
      <c r="EC24" s="113">
        <v>356786</v>
      </c>
      <c r="ED24" s="116">
        <v>373048</v>
      </c>
      <c r="EE24" s="110">
        <v>0</v>
      </c>
      <c r="EF24" s="112">
        <v>0</v>
      </c>
      <c r="EG24" s="113">
        <v>0</v>
      </c>
      <c r="EH24" s="110">
        <v>0</v>
      </c>
      <c r="EI24" s="114">
        <v>0</v>
      </c>
      <c r="EJ24" s="114">
        <v>0</v>
      </c>
      <c r="EK24" s="114">
        <v>100610</v>
      </c>
      <c r="EL24" s="114">
        <v>0</v>
      </c>
      <c r="EM24" s="114">
        <v>0</v>
      </c>
      <c r="EN24" s="112">
        <v>100610</v>
      </c>
      <c r="EO24" s="116">
        <v>100610</v>
      </c>
      <c r="EP24" s="110">
        <v>0</v>
      </c>
      <c r="EQ24" s="114">
        <v>0</v>
      </c>
      <c r="ER24" s="112">
        <v>0</v>
      </c>
      <c r="ES24" s="111">
        <v>0</v>
      </c>
      <c r="ET24" s="114">
        <v>0</v>
      </c>
      <c r="EU24" s="114">
        <v>0</v>
      </c>
      <c r="EV24" s="114">
        <v>0</v>
      </c>
      <c r="EW24" s="114">
        <v>0</v>
      </c>
      <c r="EX24" s="114">
        <v>0</v>
      </c>
      <c r="EY24" s="113">
        <v>0</v>
      </c>
      <c r="EZ24" s="116">
        <v>0</v>
      </c>
      <c r="FA24" s="110">
        <v>0</v>
      </c>
      <c r="FB24" s="114">
        <v>0</v>
      </c>
      <c r="FC24" s="112">
        <v>0</v>
      </c>
      <c r="FD24" s="347"/>
      <c r="FE24" s="114">
        <v>0</v>
      </c>
      <c r="FF24" s="114">
        <v>0</v>
      </c>
      <c r="FG24" s="114">
        <v>0</v>
      </c>
      <c r="FH24" s="114">
        <v>0</v>
      </c>
      <c r="FI24" s="114">
        <v>0</v>
      </c>
      <c r="FJ24" s="113">
        <v>0</v>
      </c>
      <c r="FK24" s="116">
        <v>0</v>
      </c>
      <c r="FL24" s="110">
        <v>46370</v>
      </c>
      <c r="FM24" s="114">
        <v>77952</v>
      </c>
      <c r="FN24" s="113">
        <v>124322</v>
      </c>
      <c r="FO24" s="110">
        <v>0</v>
      </c>
      <c r="FP24" s="114">
        <v>140763</v>
      </c>
      <c r="FQ24" s="114">
        <v>146552</v>
      </c>
      <c r="FR24" s="114">
        <v>222481</v>
      </c>
      <c r="FS24" s="114">
        <v>293335</v>
      </c>
      <c r="FT24" s="114">
        <v>141974</v>
      </c>
      <c r="FU24" s="113">
        <v>945105</v>
      </c>
      <c r="FV24" s="116">
        <v>1069427</v>
      </c>
      <c r="FW24" s="115">
        <v>46370</v>
      </c>
      <c r="FX24" s="114">
        <v>51310</v>
      </c>
      <c r="FY24" s="112">
        <v>97680</v>
      </c>
      <c r="FZ24" s="111">
        <v>0</v>
      </c>
      <c r="GA24" s="114">
        <v>140763</v>
      </c>
      <c r="GB24" s="114">
        <v>135352</v>
      </c>
      <c r="GC24" s="114">
        <v>222481</v>
      </c>
      <c r="GD24" s="114">
        <v>293335</v>
      </c>
      <c r="GE24" s="114">
        <v>141974</v>
      </c>
      <c r="GF24" s="113">
        <v>933905</v>
      </c>
      <c r="GG24" s="318">
        <v>1031585</v>
      </c>
      <c r="GH24" s="115">
        <v>0</v>
      </c>
      <c r="GI24" s="114">
        <v>26642</v>
      </c>
      <c r="GJ24" s="112">
        <v>26642</v>
      </c>
      <c r="GK24" s="111">
        <v>0</v>
      </c>
      <c r="GL24" s="114">
        <v>0</v>
      </c>
      <c r="GM24" s="114">
        <v>11200</v>
      </c>
      <c r="GN24" s="114">
        <v>0</v>
      </c>
      <c r="GO24" s="114">
        <v>0</v>
      </c>
      <c r="GP24" s="114">
        <v>0</v>
      </c>
      <c r="GQ24" s="113">
        <v>11200</v>
      </c>
      <c r="GR24" s="116">
        <v>37842</v>
      </c>
      <c r="GS24" s="110">
        <v>0</v>
      </c>
      <c r="GT24" s="114">
        <v>0</v>
      </c>
      <c r="GU24" s="113">
        <v>0</v>
      </c>
      <c r="GV24" s="110">
        <v>0</v>
      </c>
      <c r="GW24" s="114">
        <v>0</v>
      </c>
      <c r="GX24" s="114">
        <v>0</v>
      </c>
      <c r="GY24" s="114">
        <v>0</v>
      </c>
      <c r="GZ24" s="114">
        <v>0</v>
      </c>
      <c r="HA24" s="114">
        <v>0</v>
      </c>
      <c r="HB24" s="112">
        <v>0</v>
      </c>
      <c r="HC24" s="116">
        <v>0</v>
      </c>
      <c r="HD24" s="110">
        <v>0</v>
      </c>
      <c r="HE24" s="114">
        <v>244692</v>
      </c>
      <c r="HF24" s="112">
        <v>244692</v>
      </c>
      <c r="HG24" s="111">
        <v>0</v>
      </c>
      <c r="HH24" s="114">
        <v>1119955</v>
      </c>
      <c r="HI24" s="114">
        <v>1103277</v>
      </c>
      <c r="HJ24" s="114">
        <v>345190</v>
      </c>
      <c r="HK24" s="114">
        <v>1229026</v>
      </c>
      <c r="HL24" s="114">
        <v>210471</v>
      </c>
      <c r="HM24" s="113">
        <v>4007919</v>
      </c>
      <c r="HN24" s="109">
        <v>4252611</v>
      </c>
      <c r="HO24" s="328"/>
      <c r="HP24" s="329"/>
      <c r="HQ24" s="330"/>
      <c r="HR24" s="331"/>
      <c r="HS24" s="329"/>
      <c r="HT24" s="329"/>
      <c r="HU24" s="329"/>
      <c r="HV24" s="329"/>
      <c r="HW24" s="329"/>
      <c r="HX24" s="332"/>
      <c r="HY24" s="333"/>
      <c r="HZ24" s="150">
        <v>0</v>
      </c>
      <c r="IA24" s="135">
        <v>0</v>
      </c>
      <c r="IB24" s="150">
        <v>0</v>
      </c>
      <c r="IC24" s="134">
        <v>0</v>
      </c>
      <c r="ID24" s="135">
        <v>582899</v>
      </c>
      <c r="IE24" s="136">
        <v>754356</v>
      </c>
      <c r="IF24" s="137">
        <v>348254</v>
      </c>
      <c r="IG24" s="135">
        <v>982469</v>
      </c>
      <c r="IH24" s="137">
        <v>0</v>
      </c>
      <c r="II24" s="138">
        <v>2667978</v>
      </c>
      <c r="IJ24" s="150">
        <v>2667978</v>
      </c>
      <c r="IK24" s="232">
        <v>0</v>
      </c>
      <c r="IL24" s="236">
        <v>0</v>
      </c>
      <c r="IM24" s="237">
        <v>0</v>
      </c>
      <c r="IN24" s="140"/>
      <c r="IO24" s="119">
        <v>0</v>
      </c>
      <c r="IP24" s="119">
        <v>97115</v>
      </c>
      <c r="IQ24" s="119">
        <v>0</v>
      </c>
      <c r="IR24" s="119">
        <v>353767</v>
      </c>
      <c r="IS24" s="119">
        <v>0</v>
      </c>
      <c r="IT24" s="141">
        <v>450882</v>
      </c>
      <c r="IU24" s="320">
        <v>450882</v>
      </c>
      <c r="IV24" s="142">
        <v>0</v>
      </c>
      <c r="IW24" s="119">
        <v>0</v>
      </c>
      <c r="IX24" s="120">
        <v>0</v>
      </c>
      <c r="IY24" s="144"/>
      <c r="IZ24" s="119">
        <v>0</v>
      </c>
      <c r="JA24" s="119">
        <v>0</v>
      </c>
      <c r="JB24" s="119">
        <v>0</v>
      </c>
      <c r="JC24" s="119">
        <v>8913</v>
      </c>
      <c r="JD24" s="119">
        <v>0</v>
      </c>
      <c r="JE24" s="120">
        <v>8913</v>
      </c>
      <c r="JF24" s="121">
        <v>8913</v>
      </c>
      <c r="JG24" s="142">
        <v>0</v>
      </c>
      <c r="JH24" s="119">
        <v>0</v>
      </c>
      <c r="JI24" s="141">
        <v>0</v>
      </c>
      <c r="JJ24" s="118">
        <v>0</v>
      </c>
      <c r="JK24" s="119">
        <v>429677</v>
      </c>
      <c r="JL24" s="119">
        <v>234069</v>
      </c>
      <c r="JM24" s="119">
        <v>130737</v>
      </c>
      <c r="JN24" s="119">
        <v>196776</v>
      </c>
      <c r="JO24" s="119">
        <v>0</v>
      </c>
      <c r="JP24" s="120">
        <v>991259</v>
      </c>
      <c r="JQ24" s="320">
        <v>991259</v>
      </c>
      <c r="JR24" s="142">
        <v>0</v>
      </c>
      <c r="JS24" s="119">
        <v>0</v>
      </c>
      <c r="JT24" s="141">
        <v>0</v>
      </c>
      <c r="JU24" s="118">
        <v>0</v>
      </c>
      <c r="JV24" s="119">
        <v>35026</v>
      </c>
      <c r="JW24" s="119">
        <v>423172</v>
      </c>
      <c r="JX24" s="119">
        <v>0</v>
      </c>
      <c r="JY24" s="119">
        <v>0</v>
      </c>
      <c r="JZ24" s="119">
        <v>0</v>
      </c>
      <c r="KA24" s="120">
        <v>458198</v>
      </c>
      <c r="KB24" s="320">
        <v>458198</v>
      </c>
      <c r="KC24" s="234">
        <v>0</v>
      </c>
      <c r="KD24" s="230">
        <v>0</v>
      </c>
      <c r="KE24" s="120">
        <v>0</v>
      </c>
      <c r="KF24" s="118">
        <v>0</v>
      </c>
      <c r="KG24" s="119">
        <v>118196</v>
      </c>
      <c r="KH24" s="119">
        <v>0</v>
      </c>
      <c r="KI24" s="119">
        <v>217517</v>
      </c>
      <c r="KJ24" s="119">
        <v>204837</v>
      </c>
      <c r="KK24" s="119">
        <v>0</v>
      </c>
      <c r="KL24" s="120">
        <v>540550</v>
      </c>
      <c r="KM24" s="143">
        <v>540550</v>
      </c>
      <c r="KN24" s="232">
        <v>0</v>
      </c>
      <c r="KO24" s="236">
        <v>0</v>
      </c>
      <c r="KP24" s="237">
        <v>0</v>
      </c>
      <c r="KQ24" s="140"/>
      <c r="KR24" s="119">
        <v>0</v>
      </c>
      <c r="KS24" s="119">
        <v>0</v>
      </c>
      <c r="KT24" s="119">
        <v>0</v>
      </c>
      <c r="KU24" s="119">
        <v>218176</v>
      </c>
      <c r="KV24" s="119">
        <v>0</v>
      </c>
      <c r="KW24" s="120">
        <v>218176</v>
      </c>
      <c r="KX24" s="320">
        <v>218176</v>
      </c>
      <c r="KY24" s="142">
        <v>0</v>
      </c>
      <c r="KZ24" s="119">
        <v>0</v>
      </c>
      <c r="LA24" s="120">
        <v>0</v>
      </c>
      <c r="LB24" s="145"/>
      <c r="LC24" s="119">
        <v>0</v>
      </c>
      <c r="LD24" s="119">
        <v>0</v>
      </c>
      <c r="LE24" s="119">
        <v>0</v>
      </c>
      <c r="LF24" s="119">
        <v>0</v>
      </c>
      <c r="LG24" s="119">
        <v>0</v>
      </c>
      <c r="LH24" s="120">
        <v>0</v>
      </c>
      <c r="LI24" s="121">
        <v>0</v>
      </c>
      <c r="LJ24" s="142">
        <v>0</v>
      </c>
      <c r="LK24" s="119">
        <v>0</v>
      </c>
      <c r="LL24" s="120">
        <v>0</v>
      </c>
      <c r="LM24" s="145"/>
      <c r="LN24" s="119">
        <v>0</v>
      </c>
      <c r="LO24" s="119">
        <v>0</v>
      </c>
      <c r="LP24" s="119">
        <v>0</v>
      </c>
      <c r="LQ24" s="119">
        <v>0</v>
      </c>
      <c r="LR24" s="119">
        <v>0</v>
      </c>
      <c r="LS24" s="120">
        <v>0</v>
      </c>
      <c r="LT24" s="320">
        <v>0</v>
      </c>
      <c r="LU24" s="142">
        <v>0</v>
      </c>
      <c r="LV24" s="119">
        <v>0</v>
      </c>
      <c r="LW24" s="120">
        <v>0</v>
      </c>
      <c r="LX24" s="145"/>
      <c r="LY24" s="119">
        <v>0</v>
      </c>
      <c r="LZ24" s="119">
        <v>0</v>
      </c>
      <c r="MA24" s="119">
        <v>0</v>
      </c>
      <c r="MB24" s="119">
        <v>0</v>
      </c>
      <c r="MC24" s="119">
        <v>0</v>
      </c>
      <c r="MD24" s="120">
        <v>0</v>
      </c>
      <c r="ME24" s="121">
        <v>0</v>
      </c>
      <c r="MF24" s="142">
        <v>0</v>
      </c>
      <c r="MG24" s="119">
        <v>0</v>
      </c>
      <c r="MH24" s="120">
        <v>0</v>
      </c>
      <c r="MI24" s="145"/>
      <c r="MJ24" s="119">
        <v>0</v>
      </c>
      <c r="MK24" s="119">
        <v>876638</v>
      </c>
      <c r="ML24" s="119">
        <v>1347849</v>
      </c>
      <c r="MM24" s="119">
        <v>1576223</v>
      </c>
      <c r="MN24" s="119">
        <v>1026431</v>
      </c>
      <c r="MO24" s="120">
        <v>4827141</v>
      </c>
      <c r="MP24" s="143">
        <v>4827141</v>
      </c>
      <c r="MQ24" s="142">
        <v>0</v>
      </c>
      <c r="MR24" s="119">
        <v>0</v>
      </c>
      <c r="MS24" s="120">
        <v>0</v>
      </c>
      <c r="MT24" s="145"/>
      <c r="MU24" s="119">
        <v>0</v>
      </c>
      <c r="MV24" s="119">
        <v>0</v>
      </c>
      <c r="MW24" s="119">
        <v>411547</v>
      </c>
      <c r="MX24" s="119">
        <v>805788</v>
      </c>
      <c r="MY24" s="119">
        <v>742815</v>
      </c>
      <c r="MZ24" s="120">
        <v>1960150</v>
      </c>
      <c r="NA24" s="143">
        <v>1960150</v>
      </c>
      <c r="NB24" s="142">
        <v>0</v>
      </c>
      <c r="NC24" s="119">
        <v>0</v>
      </c>
      <c r="ND24" s="120">
        <v>0</v>
      </c>
      <c r="NE24" s="145"/>
      <c r="NF24" s="119">
        <v>0</v>
      </c>
      <c r="NG24" s="119">
        <v>876638</v>
      </c>
      <c r="NH24" s="119">
        <v>936302</v>
      </c>
      <c r="NI24" s="119">
        <v>770435</v>
      </c>
      <c r="NJ24" s="119">
        <v>283616</v>
      </c>
      <c r="NK24" s="120">
        <v>2866991</v>
      </c>
      <c r="NL24" s="320">
        <v>2866991</v>
      </c>
      <c r="NM24" s="142">
        <v>0</v>
      </c>
      <c r="NN24" s="119">
        <v>0</v>
      </c>
      <c r="NO24" s="120">
        <v>0</v>
      </c>
      <c r="NP24" s="145"/>
      <c r="NQ24" s="119">
        <v>0</v>
      </c>
      <c r="NR24" s="119">
        <v>0</v>
      </c>
      <c r="NS24" s="119">
        <v>0</v>
      </c>
      <c r="NT24" s="119">
        <v>0</v>
      </c>
      <c r="NU24" s="119">
        <v>0</v>
      </c>
      <c r="NV24" s="120">
        <v>0</v>
      </c>
      <c r="NW24" s="121">
        <v>0</v>
      </c>
      <c r="NX24" s="142">
        <v>0</v>
      </c>
      <c r="NY24" s="119">
        <v>0</v>
      </c>
      <c r="NZ24" s="120">
        <v>0</v>
      </c>
      <c r="OA24" s="145"/>
      <c r="OB24" s="119">
        <v>0</v>
      </c>
      <c r="OC24" s="119">
        <v>0</v>
      </c>
      <c r="OD24" s="119">
        <v>0</v>
      </c>
      <c r="OE24" s="119">
        <v>0</v>
      </c>
      <c r="OF24" s="119">
        <v>0</v>
      </c>
      <c r="OG24" s="120">
        <v>0</v>
      </c>
      <c r="OH24" s="121">
        <v>0</v>
      </c>
      <c r="OI24" s="142">
        <v>88680</v>
      </c>
      <c r="OJ24" s="119">
        <v>638133</v>
      </c>
      <c r="OK24" s="141">
        <v>726813</v>
      </c>
      <c r="OL24" s="118">
        <v>0</v>
      </c>
      <c r="OM24" s="119">
        <v>3491913</v>
      </c>
      <c r="ON24" s="119">
        <v>3760843</v>
      </c>
      <c r="OO24" s="119">
        <v>4077205</v>
      </c>
      <c r="OP24" s="119">
        <v>6187052</v>
      </c>
      <c r="OQ24" s="119">
        <v>3069822</v>
      </c>
      <c r="OR24" s="120">
        <v>20586835</v>
      </c>
      <c r="OS24" s="143">
        <v>21313648</v>
      </c>
    </row>
    <row r="25" spans="2:409" ht="21" customHeight="1" x14ac:dyDescent="0.2">
      <c r="B25" s="126" t="s">
        <v>20</v>
      </c>
      <c r="C25" s="110">
        <v>146468</v>
      </c>
      <c r="D25" s="114">
        <v>627126</v>
      </c>
      <c r="E25" s="113">
        <v>773594</v>
      </c>
      <c r="F25" s="110">
        <v>0</v>
      </c>
      <c r="G25" s="114">
        <v>2971748</v>
      </c>
      <c r="H25" s="114">
        <v>3354282</v>
      </c>
      <c r="I25" s="114">
        <v>3816090</v>
      </c>
      <c r="J25" s="114">
        <v>3372378</v>
      </c>
      <c r="K25" s="114">
        <v>1665888</v>
      </c>
      <c r="L25" s="173">
        <v>15180386</v>
      </c>
      <c r="M25" s="116">
        <v>15953980</v>
      </c>
      <c r="N25" s="110">
        <v>50358</v>
      </c>
      <c r="O25" s="114">
        <v>314051</v>
      </c>
      <c r="P25" s="113">
        <v>364409</v>
      </c>
      <c r="Q25" s="110">
        <v>0</v>
      </c>
      <c r="R25" s="114">
        <v>1360238</v>
      </c>
      <c r="S25" s="114">
        <v>962509</v>
      </c>
      <c r="T25" s="114">
        <v>1183769</v>
      </c>
      <c r="U25" s="114">
        <v>811711</v>
      </c>
      <c r="V25" s="114">
        <v>761801</v>
      </c>
      <c r="W25" s="113">
        <v>5080028</v>
      </c>
      <c r="X25" s="116">
        <v>5444437</v>
      </c>
      <c r="Y25" s="110">
        <v>0</v>
      </c>
      <c r="Z25" s="114">
        <v>0</v>
      </c>
      <c r="AA25" s="113">
        <v>0</v>
      </c>
      <c r="AB25" s="110">
        <v>0</v>
      </c>
      <c r="AC25" s="114">
        <v>500587</v>
      </c>
      <c r="AD25" s="114">
        <v>318855</v>
      </c>
      <c r="AE25" s="114">
        <v>407291</v>
      </c>
      <c r="AF25" s="114">
        <v>353361</v>
      </c>
      <c r="AG25" s="114">
        <v>473639</v>
      </c>
      <c r="AH25" s="113">
        <v>2053733</v>
      </c>
      <c r="AI25" s="116">
        <v>2053733</v>
      </c>
      <c r="AJ25" s="110">
        <v>0</v>
      </c>
      <c r="AK25" s="114">
        <v>0</v>
      </c>
      <c r="AL25" s="113">
        <v>0</v>
      </c>
      <c r="AM25" s="110">
        <v>0</v>
      </c>
      <c r="AN25" s="114">
        <v>0</v>
      </c>
      <c r="AO25" s="114">
        <v>41452</v>
      </c>
      <c r="AP25" s="114">
        <v>84119</v>
      </c>
      <c r="AQ25" s="114">
        <v>91989</v>
      </c>
      <c r="AR25" s="114">
        <v>119816</v>
      </c>
      <c r="AS25" s="113">
        <v>337376</v>
      </c>
      <c r="AT25" s="116">
        <v>337376</v>
      </c>
      <c r="AU25" s="110">
        <v>36820</v>
      </c>
      <c r="AV25" s="114">
        <v>255614</v>
      </c>
      <c r="AW25" s="113">
        <v>292434</v>
      </c>
      <c r="AX25" s="110">
        <v>0</v>
      </c>
      <c r="AY25" s="114">
        <v>586968</v>
      </c>
      <c r="AZ25" s="114">
        <v>390142</v>
      </c>
      <c r="BA25" s="114">
        <v>410909</v>
      </c>
      <c r="BB25" s="114">
        <v>138025</v>
      </c>
      <c r="BC25" s="114">
        <v>65654</v>
      </c>
      <c r="BD25" s="113">
        <v>1591698</v>
      </c>
      <c r="BE25" s="116">
        <v>1884132</v>
      </c>
      <c r="BF25" s="110">
        <v>0</v>
      </c>
      <c r="BG25" s="114">
        <v>56351</v>
      </c>
      <c r="BH25" s="112">
        <v>56351</v>
      </c>
      <c r="BI25" s="111">
        <v>0</v>
      </c>
      <c r="BJ25" s="114">
        <v>170105</v>
      </c>
      <c r="BK25" s="114">
        <v>33518</v>
      </c>
      <c r="BL25" s="114">
        <v>87431</v>
      </c>
      <c r="BM25" s="114">
        <v>38384</v>
      </c>
      <c r="BN25" s="114">
        <v>16207</v>
      </c>
      <c r="BO25" s="113">
        <v>345645</v>
      </c>
      <c r="BP25" s="116">
        <v>401996</v>
      </c>
      <c r="BQ25" s="110">
        <v>13538</v>
      </c>
      <c r="BR25" s="114">
        <v>2086</v>
      </c>
      <c r="BS25" s="113">
        <v>15624</v>
      </c>
      <c r="BT25" s="110">
        <v>0</v>
      </c>
      <c r="BU25" s="114">
        <v>102578</v>
      </c>
      <c r="BV25" s="114">
        <v>178542</v>
      </c>
      <c r="BW25" s="114">
        <v>194019</v>
      </c>
      <c r="BX25" s="114">
        <v>189952</v>
      </c>
      <c r="BY25" s="114">
        <v>86485</v>
      </c>
      <c r="BZ25" s="113">
        <v>751576</v>
      </c>
      <c r="CA25" s="116">
        <v>767200</v>
      </c>
      <c r="CB25" s="110">
        <v>0</v>
      </c>
      <c r="CC25" s="114">
        <v>107068</v>
      </c>
      <c r="CD25" s="113">
        <v>107068</v>
      </c>
      <c r="CE25" s="110">
        <v>0</v>
      </c>
      <c r="CF25" s="114">
        <v>890708</v>
      </c>
      <c r="CG25" s="114">
        <v>1094017</v>
      </c>
      <c r="CH25" s="114">
        <v>989940</v>
      </c>
      <c r="CI25" s="114">
        <v>444929</v>
      </c>
      <c r="CJ25" s="114">
        <v>433722</v>
      </c>
      <c r="CK25" s="113">
        <v>3853316</v>
      </c>
      <c r="CL25" s="116">
        <v>3960384</v>
      </c>
      <c r="CM25" s="110">
        <v>0</v>
      </c>
      <c r="CN25" s="114">
        <v>0</v>
      </c>
      <c r="CO25" s="113">
        <v>0</v>
      </c>
      <c r="CP25" s="111">
        <v>0</v>
      </c>
      <c r="CQ25" s="114">
        <v>427228</v>
      </c>
      <c r="CR25" s="114">
        <v>450041</v>
      </c>
      <c r="CS25" s="114">
        <v>779733</v>
      </c>
      <c r="CT25" s="114">
        <v>338105</v>
      </c>
      <c r="CU25" s="114">
        <v>230273</v>
      </c>
      <c r="CV25" s="113">
        <v>2225380</v>
      </c>
      <c r="CW25" s="116">
        <v>2225380</v>
      </c>
      <c r="CX25" s="110">
        <v>0</v>
      </c>
      <c r="CY25" s="114">
        <v>107068</v>
      </c>
      <c r="CZ25" s="113">
        <v>107068</v>
      </c>
      <c r="DA25" s="110">
        <v>0</v>
      </c>
      <c r="DB25" s="114">
        <v>463480</v>
      </c>
      <c r="DC25" s="114">
        <v>643976</v>
      </c>
      <c r="DD25" s="114">
        <v>210207</v>
      </c>
      <c r="DE25" s="114">
        <v>106824</v>
      </c>
      <c r="DF25" s="114">
        <v>203449</v>
      </c>
      <c r="DG25" s="113">
        <v>1627936</v>
      </c>
      <c r="DH25" s="116">
        <v>1735004</v>
      </c>
      <c r="DI25" s="110">
        <v>0</v>
      </c>
      <c r="DJ25" s="114">
        <v>0</v>
      </c>
      <c r="DK25" s="112">
        <v>0</v>
      </c>
      <c r="DL25" s="111">
        <v>0</v>
      </c>
      <c r="DM25" s="114">
        <v>203105</v>
      </c>
      <c r="DN25" s="114">
        <v>155976</v>
      </c>
      <c r="DO25" s="114">
        <v>435460</v>
      </c>
      <c r="DP25" s="114">
        <v>609672</v>
      </c>
      <c r="DQ25" s="114">
        <v>0</v>
      </c>
      <c r="DR25" s="113">
        <v>1404213</v>
      </c>
      <c r="DS25" s="116">
        <v>1404213</v>
      </c>
      <c r="DT25" s="110">
        <v>0</v>
      </c>
      <c r="DU25" s="114">
        <v>0</v>
      </c>
      <c r="DV25" s="113">
        <v>0</v>
      </c>
      <c r="DW25" s="110">
        <v>0</v>
      </c>
      <c r="DX25" s="114">
        <v>203105</v>
      </c>
      <c r="DY25" s="114">
        <v>155976</v>
      </c>
      <c r="DZ25" s="114">
        <v>392565</v>
      </c>
      <c r="EA25" s="114">
        <v>609672</v>
      </c>
      <c r="EB25" s="114">
        <v>0</v>
      </c>
      <c r="EC25" s="113">
        <v>1361318</v>
      </c>
      <c r="ED25" s="116">
        <v>1361318</v>
      </c>
      <c r="EE25" s="110">
        <v>0</v>
      </c>
      <c r="EF25" s="112">
        <v>0</v>
      </c>
      <c r="EG25" s="113">
        <v>0</v>
      </c>
      <c r="EH25" s="110">
        <v>0</v>
      </c>
      <c r="EI25" s="114">
        <v>0</v>
      </c>
      <c r="EJ25" s="114">
        <v>0</v>
      </c>
      <c r="EK25" s="114">
        <v>42895</v>
      </c>
      <c r="EL25" s="114">
        <v>0</v>
      </c>
      <c r="EM25" s="114">
        <v>0</v>
      </c>
      <c r="EN25" s="112">
        <v>42895</v>
      </c>
      <c r="EO25" s="116">
        <v>42895</v>
      </c>
      <c r="EP25" s="110">
        <v>0</v>
      </c>
      <c r="EQ25" s="114">
        <v>0</v>
      </c>
      <c r="ER25" s="112">
        <v>0</v>
      </c>
      <c r="ES25" s="111">
        <v>0</v>
      </c>
      <c r="ET25" s="114">
        <v>0</v>
      </c>
      <c r="EU25" s="114">
        <v>0</v>
      </c>
      <c r="EV25" s="114">
        <v>0</v>
      </c>
      <c r="EW25" s="114">
        <v>0</v>
      </c>
      <c r="EX25" s="114">
        <v>0</v>
      </c>
      <c r="EY25" s="113">
        <v>0</v>
      </c>
      <c r="EZ25" s="116">
        <v>0</v>
      </c>
      <c r="FA25" s="110">
        <v>0</v>
      </c>
      <c r="FB25" s="114">
        <v>0</v>
      </c>
      <c r="FC25" s="112">
        <v>0</v>
      </c>
      <c r="FD25" s="347"/>
      <c r="FE25" s="114">
        <v>0</v>
      </c>
      <c r="FF25" s="114">
        <v>0</v>
      </c>
      <c r="FG25" s="114">
        <v>0</v>
      </c>
      <c r="FH25" s="114">
        <v>0</v>
      </c>
      <c r="FI25" s="114">
        <v>0</v>
      </c>
      <c r="FJ25" s="113">
        <v>0</v>
      </c>
      <c r="FK25" s="116">
        <v>0</v>
      </c>
      <c r="FL25" s="110">
        <v>43267</v>
      </c>
      <c r="FM25" s="114">
        <v>127022</v>
      </c>
      <c r="FN25" s="113">
        <v>170289</v>
      </c>
      <c r="FO25" s="110">
        <v>0</v>
      </c>
      <c r="FP25" s="114">
        <v>232022</v>
      </c>
      <c r="FQ25" s="114">
        <v>343490</v>
      </c>
      <c r="FR25" s="114">
        <v>352625</v>
      </c>
      <c r="FS25" s="114">
        <v>154014</v>
      </c>
      <c r="FT25" s="114">
        <v>166467</v>
      </c>
      <c r="FU25" s="113">
        <v>1248618</v>
      </c>
      <c r="FV25" s="116">
        <v>1418907</v>
      </c>
      <c r="FW25" s="115">
        <v>43267</v>
      </c>
      <c r="FX25" s="114">
        <v>127022</v>
      </c>
      <c r="FY25" s="112">
        <v>170289</v>
      </c>
      <c r="FZ25" s="111">
        <v>0</v>
      </c>
      <c r="GA25" s="114">
        <v>232022</v>
      </c>
      <c r="GB25" s="114">
        <v>317590</v>
      </c>
      <c r="GC25" s="114">
        <v>289177</v>
      </c>
      <c r="GD25" s="114">
        <v>154014</v>
      </c>
      <c r="GE25" s="114">
        <v>166467</v>
      </c>
      <c r="GF25" s="113">
        <v>1159270</v>
      </c>
      <c r="GG25" s="318">
        <v>1329559</v>
      </c>
      <c r="GH25" s="115">
        <v>0</v>
      </c>
      <c r="GI25" s="114">
        <v>0</v>
      </c>
      <c r="GJ25" s="112">
        <v>0</v>
      </c>
      <c r="GK25" s="111">
        <v>0</v>
      </c>
      <c r="GL25" s="114">
        <v>0</v>
      </c>
      <c r="GM25" s="114">
        <v>25900</v>
      </c>
      <c r="GN25" s="114">
        <v>63448</v>
      </c>
      <c r="GO25" s="114">
        <v>0</v>
      </c>
      <c r="GP25" s="114">
        <v>0</v>
      </c>
      <c r="GQ25" s="113">
        <v>89348</v>
      </c>
      <c r="GR25" s="116">
        <v>89348</v>
      </c>
      <c r="GS25" s="110">
        <v>0</v>
      </c>
      <c r="GT25" s="114">
        <v>0</v>
      </c>
      <c r="GU25" s="113">
        <v>0</v>
      </c>
      <c r="GV25" s="110">
        <v>0</v>
      </c>
      <c r="GW25" s="114">
        <v>0</v>
      </c>
      <c r="GX25" s="114">
        <v>0</v>
      </c>
      <c r="GY25" s="114">
        <v>0</v>
      </c>
      <c r="GZ25" s="114">
        <v>0</v>
      </c>
      <c r="HA25" s="114">
        <v>0</v>
      </c>
      <c r="HB25" s="112">
        <v>0</v>
      </c>
      <c r="HC25" s="116">
        <v>0</v>
      </c>
      <c r="HD25" s="110">
        <v>52843</v>
      </c>
      <c r="HE25" s="114">
        <v>78985</v>
      </c>
      <c r="HF25" s="112">
        <v>131828</v>
      </c>
      <c r="HG25" s="111">
        <v>0</v>
      </c>
      <c r="HH25" s="114">
        <v>285675</v>
      </c>
      <c r="HI25" s="114">
        <v>798290</v>
      </c>
      <c r="HJ25" s="114">
        <v>854296</v>
      </c>
      <c r="HK25" s="114">
        <v>1352052</v>
      </c>
      <c r="HL25" s="114">
        <v>303898</v>
      </c>
      <c r="HM25" s="113">
        <v>3594211</v>
      </c>
      <c r="HN25" s="109">
        <v>3726039</v>
      </c>
      <c r="HO25" s="328"/>
      <c r="HP25" s="329"/>
      <c r="HQ25" s="330"/>
      <c r="HR25" s="331"/>
      <c r="HS25" s="329"/>
      <c r="HT25" s="329"/>
      <c r="HU25" s="329"/>
      <c r="HV25" s="329"/>
      <c r="HW25" s="329"/>
      <c r="HX25" s="332"/>
      <c r="HY25" s="333"/>
      <c r="HZ25" s="131">
        <v>0</v>
      </c>
      <c r="IA25" s="132">
        <v>64157</v>
      </c>
      <c r="IB25" s="133">
        <v>64157</v>
      </c>
      <c r="IC25" s="146">
        <v>0</v>
      </c>
      <c r="ID25" s="132">
        <v>659211</v>
      </c>
      <c r="IE25" s="147">
        <v>531382</v>
      </c>
      <c r="IF25" s="133">
        <v>641713</v>
      </c>
      <c r="IG25" s="132">
        <v>0</v>
      </c>
      <c r="IH25" s="133">
        <v>542331</v>
      </c>
      <c r="II25" s="148">
        <v>2374637</v>
      </c>
      <c r="IJ25" s="139">
        <v>2438794</v>
      </c>
      <c r="IK25" s="232">
        <v>0</v>
      </c>
      <c r="IL25" s="236">
        <v>0</v>
      </c>
      <c r="IM25" s="237">
        <v>0</v>
      </c>
      <c r="IN25" s="140"/>
      <c r="IO25" s="119">
        <v>0</v>
      </c>
      <c r="IP25" s="119">
        <v>0</v>
      </c>
      <c r="IQ25" s="119">
        <v>0</v>
      </c>
      <c r="IR25" s="119">
        <v>0</v>
      </c>
      <c r="IS25" s="119">
        <v>0</v>
      </c>
      <c r="IT25" s="141">
        <v>0</v>
      </c>
      <c r="IU25" s="320">
        <v>0</v>
      </c>
      <c r="IV25" s="142">
        <v>0</v>
      </c>
      <c r="IW25" s="119">
        <v>0</v>
      </c>
      <c r="IX25" s="120">
        <v>0</v>
      </c>
      <c r="IY25" s="144"/>
      <c r="IZ25" s="119">
        <v>0</v>
      </c>
      <c r="JA25" s="119">
        <v>0</v>
      </c>
      <c r="JB25" s="119">
        <v>0</v>
      </c>
      <c r="JC25" s="119">
        <v>0</v>
      </c>
      <c r="JD25" s="119">
        <v>0</v>
      </c>
      <c r="JE25" s="120">
        <v>0</v>
      </c>
      <c r="JF25" s="121">
        <v>0</v>
      </c>
      <c r="JG25" s="142">
        <v>0</v>
      </c>
      <c r="JH25" s="119">
        <v>0</v>
      </c>
      <c r="JI25" s="141">
        <v>0</v>
      </c>
      <c r="JJ25" s="118">
        <v>0</v>
      </c>
      <c r="JK25" s="119">
        <v>172708</v>
      </c>
      <c r="JL25" s="119">
        <v>312455</v>
      </c>
      <c r="JM25" s="119">
        <v>36225</v>
      </c>
      <c r="JN25" s="119">
        <v>0</v>
      </c>
      <c r="JO25" s="119">
        <v>10631</v>
      </c>
      <c r="JP25" s="120">
        <v>532019</v>
      </c>
      <c r="JQ25" s="320">
        <v>532019</v>
      </c>
      <c r="JR25" s="142">
        <v>0</v>
      </c>
      <c r="JS25" s="119">
        <v>0</v>
      </c>
      <c r="JT25" s="141">
        <v>0</v>
      </c>
      <c r="JU25" s="118">
        <v>0</v>
      </c>
      <c r="JV25" s="119">
        <v>202710</v>
      </c>
      <c r="JW25" s="119">
        <v>0</v>
      </c>
      <c r="JX25" s="119">
        <v>0</v>
      </c>
      <c r="JY25" s="119">
        <v>0</v>
      </c>
      <c r="JZ25" s="119">
        <v>290226</v>
      </c>
      <c r="KA25" s="120">
        <v>492936</v>
      </c>
      <c r="KB25" s="320">
        <v>492936</v>
      </c>
      <c r="KC25" s="234">
        <v>0</v>
      </c>
      <c r="KD25" s="230">
        <v>64157</v>
      </c>
      <c r="KE25" s="120">
        <v>64157</v>
      </c>
      <c r="KF25" s="118">
        <v>0</v>
      </c>
      <c r="KG25" s="119">
        <v>93132</v>
      </c>
      <c r="KH25" s="119">
        <v>0</v>
      </c>
      <c r="KI25" s="119">
        <v>378180</v>
      </c>
      <c r="KJ25" s="119">
        <v>0</v>
      </c>
      <c r="KK25" s="119">
        <v>0</v>
      </c>
      <c r="KL25" s="120">
        <v>471312</v>
      </c>
      <c r="KM25" s="143">
        <v>535469</v>
      </c>
      <c r="KN25" s="232">
        <v>0</v>
      </c>
      <c r="KO25" s="236">
        <v>0</v>
      </c>
      <c r="KP25" s="237">
        <v>0</v>
      </c>
      <c r="KQ25" s="140"/>
      <c r="KR25" s="119">
        <v>190661</v>
      </c>
      <c r="KS25" s="119">
        <v>218927</v>
      </c>
      <c r="KT25" s="119">
        <v>227308</v>
      </c>
      <c r="KU25" s="119">
        <v>0</v>
      </c>
      <c r="KV25" s="119">
        <v>241474</v>
      </c>
      <c r="KW25" s="120">
        <v>878370</v>
      </c>
      <c r="KX25" s="320">
        <v>878370</v>
      </c>
      <c r="KY25" s="142">
        <v>0</v>
      </c>
      <c r="KZ25" s="119">
        <v>0</v>
      </c>
      <c r="LA25" s="120">
        <v>0</v>
      </c>
      <c r="LB25" s="145"/>
      <c r="LC25" s="119">
        <v>0</v>
      </c>
      <c r="LD25" s="119">
        <v>0</v>
      </c>
      <c r="LE25" s="119">
        <v>0</v>
      </c>
      <c r="LF25" s="119">
        <v>0</v>
      </c>
      <c r="LG25" s="119">
        <v>0</v>
      </c>
      <c r="LH25" s="120">
        <v>0</v>
      </c>
      <c r="LI25" s="121">
        <v>0</v>
      </c>
      <c r="LJ25" s="142">
        <v>0</v>
      </c>
      <c r="LK25" s="119">
        <v>0</v>
      </c>
      <c r="LL25" s="120">
        <v>0</v>
      </c>
      <c r="LM25" s="145"/>
      <c r="LN25" s="119">
        <v>0</v>
      </c>
      <c r="LO25" s="119">
        <v>0</v>
      </c>
      <c r="LP25" s="119">
        <v>0</v>
      </c>
      <c r="LQ25" s="119">
        <v>0</v>
      </c>
      <c r="LR25" s="119">
        <v>0</v>
      </c>
      <c r="LS25" s="120">
        <v>0</v>
      </c>
      <c r="LT25" s="320">
        <v>0</v>
      </c>
      <c r="LU25" s="142">
        <v>0</v>
      </c>
      <c r="LV25" s="119">
        <v>0</v>
      </c>
      <c r="LW25" s="120">
        <v>0</v>
      </c>
      <c r="LX25" s="145"/>
      <c r="LY25" s="119">
        <v>0</v>
      </c>
      <c r="LZ25" s="119">
        <v>0</v>
      </c>
      <c r="MA25" s="119">
        <v>0</v>
      </c>
      <c r="MB25" s="119">
        <v>0</v>
      </c>
      <c r="MC25" s="119">
        <v>0</v>
      </c>
      <c r="MD25" s="120">
        <v>0</v>
      </c>
      <c r="ME25" s="121">
        <v>0</v>
      </c>
      <c r="MF25" s="142">
        <v>0</v>
      </c>
      <c r="MG25" s="119">
        <v>0</v>
      </c>
      <c r="MH25" s="120">
        <v>0</v>
      </c>
      <c r="MI25" s="145"/>
      <c r="MJ25" s="119">
        <v>224615</v>
      </c>
      <c r="MK25" s="119">
        <v>695964</v>
      </c>
      <c r="ML25" s="119">
        <v>1115476</v>
      </c>
      <c r="MM25" s="119">
        <v>2669132</v>
      </c>
      <c r="MN25" s="119">
        <v>784552</v>
      </c>
      <c r="MO25" s="120">
        <v>5489739</v>
      </c>
      <c r="MP25" s="143">
        <v>5489739</v>
      </c>
      <c r="MQ25" s="142">
        <v>0</v>
      </c>
      <c r="MR25" s="119">
        <v>0</v>
      </c>
      <c r="MS25" s="120">
        <v>0</v>
      </c>
      <c r="MT25" s="145"/>
      <c r="MU25" s="119">
        <v>0</v>
      </c>
      <c r="MV25" s="119">
        <v>219900</v>
      </c>
      <c r="MW25" s="119">
        <v>602911</v>
      </c>
      <c r="MX25" s="119">
        <v>1921846</v>
      </c>
      <c r="MY25" s="119">
        <v>784552</v>
      </c>
      <c r="MZ25" s="120">
        <v>3529209</v>
      </c>
      <c r="NA25" s="143">
        <v>3529209</v>
      </c>
      <c r="NB25" s="142">
        <v>0</v>
      </c>
      <c r="NC25" s="119">
        <v>0</v>
      </c>
      <c r="ND25" s="120">
        <v>0</v>
      </c>
      <c r="NE25" s="145"/>
      <c r="NF25" s="119">
        <v>224615</v>
      </c>
      <c r="NG25" s="119">
        <v>476064</v>
      </c>
      <c r="NH25" s="119">
        <v>512565</v>
      </c>
      <c r="NI25" s="119">
        <v>747286</v>
      </c>
      <c r="NJ25" s="119">
        <v>0</v>
      </c>
      <c r="NK25" s="120">
        <v>1960530</v>
      </c>
      <c r="NL25" s="320">
        <v>1960530</v>
      </c>
      <c r="NM25" s="142">
        <v>0</v>
      </c>
      <c r="NN25" s="119">
        <v>0</v>
      </c>
      <c r="NO25" s="120">
        <v>0</v>
      </c>
      <c r="NP25" s="145"/>
      <c r="NQ25" s="119">
        <v>0</v>
      </c>
      <c r="NR25" s="119">
        <v>0</v>
      </c>
      <c r="NS25" s="119">
        <v>0</v>
      </c>
      <c r="NT25" s="119">
        <v>0</v>
      </c>
      <c r="NU25" s="119">
        <v>0</v>
      </c>
      <c r="NV25" s="120">
        <v>0</v>
      </c>
      <c r="NW25" s="121">
        <v>0</v>
      </c>
      <c r="NX25" s="142">
        <v>0</v>
      </c>
      <c r="NY25" s="119">
        <v>0</v>
      </c>
      <c r="NZ25" s="120">
        <v>0</v>
      </c>
      <c r="OA25" s="145"/>
      <c r="OB25" s="119">
        <v>0</v>
      </c>
      <c r="OC25" s="119">
        <v>0</v>
      </c>
      <c r="OD25" s="119">
        <v>0</v>
      </c>
      <c r="OE25" s="119">
        <v>0</v>
      </c>
      <c r="OF25" s="119">
        <v>0</v>
      </c>
      <c r="OG25" s="120">
        <v>0</v>
      </c>
      <c r="OH25" s="121">
        <v>0</v>
      </c>
      <c r="OI25" s="142">
        <v>146468</v>
      </c>
      <c r="OJ25" s="119">
        <v>691283</v>
      </c>
      <c r="OK25" s="141">
        <v>837751</v>
      </c>
      <c r="OL25" s="118">
        <v>0</v>
      </c>
      <c r="OM25" s="119">
        <v>3855574</v>
      </c>
      <c r="ON25" s="119">
        <v>4581628</v>
      </c>
      <c r="OO25" s="119">
        <v>5573279</v>
      </c>
      <c r="OP25" s="119">
        <v>6041510</v>
      </c>
      <c r="OQ25" s="119">
        <v>2992771</v>
      </c>
      <c r="OR25" s="120">
        <v>23044762</v>
      </c>
      <c r="OS25" s="143">
        <v>23882513</v>
      </c>
    </row>
    <row r="26" spans="2:409" ht="21" customHeight="1" x14ac:dyDescent="0.2">
      <c r="B26" s="126" t="s">
        <v>21</v>
      </c>
      <c r="C26" s="110">
        <v>491463</v>
      </c>
      <c r="D26" s="114">
        <v>161248</v>
      </c>
      <c r="E26" s="113">
        <v>652711</v>
      </c>
      <c r="F26" s="109">
        <v>0</v>
      </c>
      <c r="G26" s="114">
        <v>2345030</v>
      </c>
      <c r="H26" s="114">
        <v>2958349</v>
      </c>
      <c r="I26" s="114">
        <v>3437441</v>
      </c>
      <c r="J26" s="114">
        <v>3301807</v>
      </c>
      <c r="K26" s="114">
        <v>2249943</v>
      </c>
      <c r="L26" s="173">
        <v>14292570</v>
      </c>
      <c r="M26" s="116">
        <v>14945281</v>
      </c>
      <c r="N26" s="110">
        <v>194704</v>
      </c>
      <c r="O26" s="114">
        <v>17339</v>
      </c>
      <c r="P26" s="113">
        <v>212043</v>
      </c>
      <c r="Q26" s="110">
        <v>0</v>
      </c>
      <c r="R26" s="114">
        <v>840861</v>
      </c>
      <c r="S26" s="114">
        <v>1000242</v>
      </c>
      <c r="T26" s="114">
        <v>1156664</v>
      </c>
      <c r="U26" s="114">
        <v>1394228</v>
      </c>
      <c r="V26" s="114">
        <v>1153740</v>
      </c>
      <c r="W26" s="113">
        <v>5545735</v>
      </c>
      <c r="X26" s="116">
        <v>5757778</v>
      </c>
      <c r="Y26" s="110">
        <v>0</v>
      </c>
      <c r="Z26" s="114">
        <v>0</v>
      </c>
      <c r="AA26" s="113">
        <v>0</v>
      </c>
      <c r="AB26" s="110">
        <v>0</v>
      </c>
      <c r="AC26" s="114">
        <v>331182</v>
      </c>
      <c r="AD26" s="114">
        <v>423863</v>
      </c>
      <c r="AE26" s="114">
        <v>476419</v>
      </c>
      <c r="AF26" s="114">
        <v>824543</v>
      </c>
      <c r="AG26" s="114">
        <v>568512</v>
      </c>
      <c r="AH26" s="113">
        <v>2624519</v>
      </c>
      <c r="AI26" s="116">
        <v>2624519</v>
      </c>
      <c r="AJ26" s="110">
        <v>0</v>
      </c>
      <c r="AK26" s="114">
        <v>0</v>
      </c>
      <c r="AL26" s="113">
        <v>0</v>
      </c>
      <c r="AM26" s="110">
        <v>0</v>
      </c>
      <c r="AN26" s="114">
        <v>0</v>
      </c>
      <c r="AO26" s="114">
        <v>10364</v>
      </c>
      <c r="AP26" s="114">
        <v>118043</v>
      </c>
      <c r="AQ26" s="114">
        <v>123418</v>
      </c>
      <c r="AR26" s="114">
        <v>224469</v>
      </c>
      <c r="AS26" s="113">
        <v>476294</v>
      </c>
      <c r="AT26" s="116">
        <v>476294</v>
      </c>
      <c r="AU26" s="110">
        <v>126528</v>
      </c>
      <c r="AV26" s="114">
        <v>0</v>
      </c>
      <c r="AW26" s="113">
        <v>126528</v>
      </c>
      <c r="AX26" s="110">
        <v>0</v>
      </c>
      <c r="AY26" s="114">
        <v>334084</v>
      </c>
      <c r="AZ26" s="114">
        <v>411537</v>
      </c>
      <c r="BA26" s="114">
        <v>359551</v>
      </c>
      <c r="BB26" s="114">
        <v>247689</v>
      </c>
      <c r="BC26" s="114">
        <v>262228</v>
      </c>
      <c r="BD26" s="113">
        <v>1615089</v>
      </c>
      <c r="BE26" s="116">
        <v>1741617</v>
      </c>
      <c r="BF26" s="110">
        <v>18196</v>
      </c>
      <c r="BG26" s="114">
        <v>0</v>
      </c>
      <c r="BH26" s="112">
        <v>18196</v>
      </c>
      <c r="BI26" s="111">
        <v>0</v>
      </c>
      <c r="BJ26" s="114">
        <v>0</v>
      </c>
      <c r="BK26" s="114">
        <v>18314</v>
      </c>
      <c r="BL26" s="114">
        <v>22317</v>
      </c>
      <c r="BM26" s="114">
        <v>50416</v>
      </c>
      <c r="BN26" s="114">
        <v>21020</v>
      </c>
      <c r="BO26" s="113">
        <v>112067</v>
      </c>
      <c r="BP26" s="116">
        <v>130263</v>
      </c>
      <c r="BQ26" s="110">
        <v>49980</v>
      </c>
      <c r="BR26" s="114">
        <v>17339</v>
      </c>
      <c r="BS26" s="113">
        <v>67319</v>
      </c>
      <c r="BT26" s="110">
        <v>0</v>
      </c>
      <c r="BU26" s="114">
        <v>175595</v>
      </c>
      <c r="BV26" s="114">
        <v>136164</v>
      </c>
      <c r="BW26" s="114">
        <v>180334</v>
      </c>
      <c r="BX26" s="114">
        <v>148162</v>
      </c>
      <c r="BY26" s="114">
        <v>77511</v>
      </c>
      <c r="BZ26" s="113">
        <v>717766</v>
      </c>
      <c r="CA26" s="116">
        <v>785085</v>
      </c>
      <c r="CB26" s="110">
        <v>17738</v>
      </c>
      <c r="CC26" s="114">
        <v>32877</v>
      </c>
      <c r="CD26" s="113">
        <v>50615</v>
      </c>
      <c r="CE26" s="110">
        <v>0</v>
      </c>
      <c r="CF26" s="114">
        <v>849741</v>
      </c>
      <c r="CG26" s="114">
        <v>971569</v>
      </c>
      <c r="CH26" s="114">
        <v>496646</v>
      </c>
      <c r="CI26" s="114">
        <v>332944</v>
      </c>
      <c r="CJ26" s="114">
        <v>398908</v>
      </c>
      <c r="CK26" s="113">
        <v>3049808</v>
      </c>
      <c r="CL26" s="116">
        <v>3100423</v>
      </c>
      <c r="CM26" s="110">
        <v>0</v>
      </c>
      <c r="CN26" s="114">
        <v>0</v>
      </c>
      <c r="CO26" s="113">
        <v>0</v>
      </c>
      <c r="CP26" s="111">
        <v>0</v>
      </c>
      <c r="CQ26" s="114">
        <v>836693</v>
      </c>
      <c r="CR26" s="114">
        <v>783223</v>
      </c>
      <c r="CS26" s="114">
        <v>293554</v>
      </c>
      <c r="CT26" s="114">
        <v>332944</v>
      </c>
      <c r="CU26" s="114">
        <v>208263</v>
      </c>
      <c r="CV26" s="113">
        <v>2454677</v>
      </c>
      <c r="CW26" s="116">
        <v>2454677</v>
      </c>
      <c r="CX26" s="110">
        <v>17738</v>
      </c>
      <c r="CY26" s="114">
        <v>32877</v>
      </c>
      <c r="CZ26" s="113">
        <v>50615</v>
      </c>
      <c r="DA26" s="110">
        <v>0</v>
      </c>
      <c r="DB26" s="114">
        <v>13048</v>
      </c>
      <c r="DC26" s="114">
        <v>188346</v>
      </c>
      <c r="DD26" s="114">
        <v>203092</v>
      </c>
      <c r="DE26" s="114">
        <v>0</v>
      </c>
      <c r="DF26" s="114">
        <v>190645</v>
      </c>
      <c r="DG26" s="113">
        <v>595131</v>
      </c>
      <c r="DH26" s="116">
        <v>645746</v>
      </c>
      <c r="DI26" s="110">
        <v>24111</v>
      </c>
      <c r="DJ26" s="114">
        <v>0</v>
      </c>
      <c r="DK26" s="112">
        <v>24111</v>
      </c>
      <c r="DL26" s="111">
        <v>0</v>
      </c>
      <c r="DM26" s="114">
        <v>101646</v>
      </c>
      <c r="DN26" s="114">
        <v>311521</v>
      </c>
      <c r="DO26" s="114">
        <v>536399</v>
      </c>
      <c r="DP26" s="114">
        <v>81825</v>
      </c>
      <c r="DQ26" s="114">
        <v>349074</v>
      </c>
      <c r="DR26" s="113">
        <v>1380465</v>
      </c>
      <c r="DS26" s="116">
        <v>1404576</v>
      </c>
      <c r="DT26" s="110">
        <v>24111</v>
      </c>
      <c r="DU26" s="114">
        <v>0</v>
      </c>
      <c r="DV26" s="113">
        <v>24111</v>
      </c>
      <c r="DW26" s="110">
        <v>0</v>
      </c>
      <c r="DX26" s="114">
        <v>101646</v>
      </c>
      <c r="DY26" s="114">
        <v>202565</v>
      </c>
      <c r="DZ26" s="114">
        <v>536399</v>
      </c>
      <c r="EA26" s="114">
        <v>81825</v>
      </c>
      <c r="EB26" s="114">
        <v>282444</v>
      </c>
      <c r="EC26" s="113">
        <v>1204879</v>
      </c>
      <c r="ED26" s="116">
        <v>1228990</v>
      </c>
      <c r="EE26" s="110">
        <v>0</v>
      </c>
      <c r="EF26" s="112">
        <v>0</v>
      </c>
      <c r="EG26" s="113">
        <v>0</v>
      </c>
      <c r="EH26" s="110">
        <v>0</v>
      </c>
      <c r="EI26" s="114">
        <v>0</v>
      </c>
      <c r="EJ26" s="114">
        <v>108956</v>
      </c>
      <c r="EK26" s="114">
        <v>0</v>
      </c>
      <c r="EL26" s="114">
        <v>0</v>
      </c>
      <c r="EM26" s="114">
        <v>66630</v>
      </c>
      <c r="EN26" s="112">
        <v>175586</v>
      </c>
      <c r="EO26" s="116">
        <v>175586</v>
      </c>
      <c r="EP26" s="110">
        <v>0</v>
      </c>
      <c r="EQ26" s="114">
        <v>0</v>
      </c>
      <c r="ER26" s="112">
        <v>0</v>
      </c>
      <c r="ES26" s="111">
        <v>0</v>
      </c>
      <c r="ET26" s="114">
        <v>0</v>
      </c>
      <c r="EU26" s="114">
        <v>0</v>
      </c>
      <c r="EV26" s="114">
        <v>0</v>
      </c>
      <c r="EW26" s="114">
        <v>0</v>
      </c>
      <c r="EX26" s="114">
        <v>0</v>
      </c>
      <c r="EY26" s="113">
        <v>0</v>
      </c>
      <c r="EZ26" s="116">
        <v>0</v>
      </c>
      <c r="FA26" s="110">
        <v>0</v>
      </c>
      <c r="FB26" s="114">
        <v>0</v>
      </c>
      <c r="FC26" s="112">
        <v>0</v>
      </c>
      <c r="FD26" s="347"/>
      <c r="FE26" s="114">
        <v>0</v>
      </c>
      <c r="FF26" s="114">
        <v>0</v>
      </c>
      <c r="FG26" s="114">
        <v>0</v>
      </c>
      <c r="FH26" s="114">
        <v>0</v>
      </c>
      <c r="FI26" s="114">
        <v>0</v>
      </c>
      <c r="FJ26" s="113">
        <v>0</v>
      </c>
      <c r="FK26" s="116">
        <v>0</v>
      </c>
      <c r="FL26" s="110">
        <v>109327</v>
      </c>
      <c r="FM26" s="114">
        <v>27881</v>
      </c>
      <c r="FN26" s="113">
        <v>137208</v>
      </c>
      <c r="FO26" s="110">
        <v>0</v>
      </c>
      <c r="FP26" s="114">
        <v>52850</v>
      </c>
      <c r="FQ26" s="114">
        <v>333606</v>
      </c>
      <c r="FR26" s="114">
        <v>186130</v>
      </c>
      <c r="FS26" s="114">
        <v>191352</v>
      </c>
      <c r="FT26" s="114">
        <v>134505</v>
      </c>
      <c r="FU26" s="113">
        <v>898443</v>
      </c>
      <c r="FV26" s="116">
        <v>1035651</v>
      </c>
      <c r="FW26" s="115">
        <v>45654</v>
      </c>
      <c r="FX26" s="114">
        <v>27881</v>
      </c>
      <c r="FY26" s="112">
        <v>73535</v>
      </c>
      <c r="FZ26" s="111">
        <v>0</v>
      </c>
      <c r="GA26" s="114">
        <v>52850</v>
      </c>
      <c r="GB26" s="114">
        <v>279706</v>
      </c>
      <c r="GC26" s="114">
        <v>186130</v>
      </c>
      <c r="GD26" s="114">
        <v>191352</v>
      </c>
      <c r="GE26" s="114">
        <v>134505</v>
      </c>
      <c r="GF26" s="113">
        <v>844543</v>
      </c>
      <c r="GG26" s="318">
        <v>918078</v>
      </c>
      <c r="GH26" s="115">
        <v>63673</v>
      </c>
      <c r="GI26" s="114">
        <v>0</v>
      </c>
      <c r="GJ26" s="112">
        <v>63673</v>
      </c>
      <c r="GK26" s="111">
        <v>0</v>
      </c>
      <c r="GL26" s="114">
        <v>0</v>
      </c>
      <c r="GM26" s="114">
        <v>0</v>
      </c>
      <c r="GN26" s="114">
        <v>0</v>
      </c>
      <c r="GO26" s="114">
        <v>0</v>
      </c>
      <c r="GP26" s="114">
        <v>0</v>
      </c>
      <c r="GQ26" s="113">
        <v>0</v>
      </c>
      <c r="GR26" s="116">
        <v>63673</v>
      </c>
      <c r="GS26" s="110">
        <v>0</v>
      </c>
      <c r="GT26" s="114">
        <v>0</v>
      </c>
      <c r="GU26" s="113">
        <v>0</v>
      </c>
      <c r="GV26" s="110">
        <v>0</v>
      </c>
      <c r="GW26" s="114">
        <v>0</v>
      </c>
      <c r="GX26" s="114">
        <v>53900</v>
      </c>
      <c r="GY26" s="114">
        <v>0</v>
      </c>
      <c r="GZ26" s="114">
        <v>0</v>
      </c>
      <c r="HA26" s="114">
        <v>0</v>
      </c>
      <c r="HB26" s="112">
        <v>53900</v>
      </c>
      <c r="HC26" s="116">
        <v>53900</v>
      </c>
      <c r="HD26" s="110">
        <v>145583</v>
      </c>
      <c r="HE26" s="114">
        <v>83151</v>
      </c>
      <c r="HF26" s="112">
        <v>228734</v>
      </c>
      <c r="HG26" s="111">
        <v>0</v>
      </c>
      <c r="HH26" s="114">
        <v>499932</v>
      </c>
      <c r="HI26" s="114">
        <v>341411</v>
      </c>
      <c r="HJ26" s="114">
        <v>1061602</v>
      </c>
      <c r="HK26" s="114">
        <v>1301458</v>
      </c>
      <c r="HL26" s="114">
        <v>213716</v>
      </c>
      <c r="HM26" s="113">
        <v>3418119</v>
      </c>
      <c r="HN26" s="109">
        <v>3646853</v>
      </c>
      <c r="HO26" s="328"/>
      <c r="HP26" s="329"/>
      <c r="HQ26" s="330"/>
      <c r="HR26" s="331"/>
      <c r="HS26" s="329"/>
      <c r="HT26" s="329"/>
      <c r="HU26" s="329"/>
      <c r="HV26" s="329"/>
      <c r="HW26" s="329"/>
      <c r="HX26" s="332"/>
      <c r="HY26" s="333"/>
      <c r="HZ26" s="150">
        <v>0</v>
      </c>
      <c r="IA26" s="135">
        <v>0</v>
      </c>
      <c r="IB26" s="150">
        <v>0</v>
      </c>
      <c r="IC26" s="134">
        <v>0</v>
      </c>
      <c r="ID26" s="135">
        <v>744522</v>
      </c>
      <c r="IE26" s="136">
        <v>387484</v>
      </c>
      <c r="IF26" s="137">
        <v>582071</v>
      </c>
      <c r="IG26" s="135">
        <v>762112</v>
      </c>
      <c r="IH26" s="137">
        <v>233830</v>
      </c>
      <c r="II26" s="138">
        <v>2710019</v>
      </c>
      <c r="IJ26" s="150">
        <v>2710019</v>
      </c>
      <c r="IK26" s="232">
        <v>0</v>
      </c>
      <c r="IL26" s="236">
        <v>0</v>
      </c>
      <c r="IM26" s="237">
        <v>0</v>
      </c>
      <c r="IN26" s="140"/>
      <c r="IO26" s="119">
        <v>0</v>
      </c>
      <c r="IP26" s="119">
        <v>0</v>
      </c>
      <c r="IQ26" s="119">
        <v>0</v>
      </c>
      <c r="IR26" s="119">
        <v>0</v>
      </c>
      <c r="IS26" s="119">
        <v>0</v>
      </c>
      <c r="IT26" s="141">
        <v>0</v>
      </c>
      <c r="IU26" s="320">
        <v>0</v>
      </c>
      <c r="IV26" s="142">
        <v>0</v>
      </c>
      <c r="IW26" s="119">
        <v>0</v>
      </c>
      <c r="IX26" s="120">
        <v>0</v>
      </c>
      <c r="IY26" s="144"/>
      <c r="IZ26" s="119">
        <v>0</v>
      </c>
      <c r="JA26" s="119">
        <v>0</v>
      </c>
      <c r="JB26" s="119">
        <v>0</v>
      </c>
      <c r="JC26" s="119">
        <v>0</v>
      </c>
      <c r="JD26" s="119">
        <v>0</v>
      </c>
      <c r="JE26" s="120">
        <v>0</v>
      </c>
      <c r="JF26" s="121">
        <v>0</v>
      </c>
      <c r="JG26" s="142">
        <v>0</v>
      </c>
      <c r="JH26" s="119">
        <v>0</v>
      </c>
      <c r="JI26" s="141">
        <v>0</v>
      </c>
      <c r="JJ26" s="118">
        <v>0</v>
      </c>
      <c r="JK26" s="119">
        <v>443946</v>
      </c>
      <c r="JL26" s="119">
        <v>170171</v>
      </c>
      <c r="JM26" s="119">
        <v>138756</v>
      </c>
      <c r="JN26" s="119">
        <v>81430</v>
      </c>
      <c r="JO26" s="119">
        <v>0</v>
      </c>
      <c r="JP26" s="120">
        <v>834303</v>
      </c>
      <c r="JQ26" s="320">
        <v>834303</v>
      </c>
      <c r="JR26" s="142">
        <v>0</v>
      </c>
      <c r="JS26" s="119">
        <v>0</v>
      </c>
      <c r="JT26" s="141">
        <v>0</v>
      </c>
      <c r="JU26" s="118">
        <v>0</v>
      </c>
      <c r="JV26" s="119">
        <v>0</v>
      </c>
      <c r="JW26" s="119">
        <v>0</v>
      </c>
      <c r="JX26" s="119">
        <v>0</v>
      </c>
      <c r="JY26" s="119">
        <v>0</v>
      </c>
      <c r="JZ26" s="119">
        <v>0</v>
      </c>
      <c r="KA26" s="120">
        <v>0</v>
      </c>
      <c r="KB26" s="320">
        <v>0</v>
      </c>
      <c r="KC26" s="234">
        <v>0</v>
      </c>
      <c r="KD26" s="230">
        <v>0</v>
      </c>
      <c r="KE26" s="120">
        <v>0</v>
      </c>
      <c r="KF26" s="118">
        <v>0</v>
      </c>
      <c r="KG26" s="119">
        <v>93043</v>
      </c>
      <c r="KH26" s="119">
        <v>0</v>
      </c>
      <c r="KI26" s="119">
        <v>0</v>
      </c>
      <c r="KJ26" s="119">
        <v>223137</v>
      </c>
      <c r="KK26" s="119">
        <v>0</v>
      </c>
      <c r="KL26" s="120">
        <v>316180</v>
      </c>
      <c r="KM26" s="143">
        <v>316180</v>
      </c>
      <c r="KN26" s="232">
        <v>0</v>
      </c>
      <c r="KO26" s="236">
        <v>0</v>
      </c>
      <c r="KP26" s="237">
        <v>0</v>
      </c>
      <c r="KQ26" s="140"/>
      <c r="KR26" s="119">
        <v>207533</v>
      </c>
      <c r="KS26" s="119">
        <v>217313</v>
      </c>
      <c r="KT26" s="119">
        <v>223612</v>
      </c>
      <c r="KU26" s="119">
        <v>457545</v>
      </c>
      <c r="KV26" s="119">
        <v>233830</v>
      </c>
      <c r="KW26" s="120">
        <v>1339833</v>
      </c>
      <c r="KX26" s="320">
        <v>1339833</v>
      </c>
      <c r="KY26" s="142">
        <v>0</v>
      </c>
      <c r="KZ26" s="119">
        <v>0</v>
      </c>
      <c r="LA26" s="120">
        <v>0</v>
      </c>
      <c r="LB26" s="145"/>
      <c r="LC26" s="119">
        <v>0</v>
      </c>
      <c r="LD26" s="119">
        <v>0</v>
      </c>
      <c r="LE26" s="119">
        <v>0</v>
      </c>
      <c r="LF26" s="119">
        <v>0</v>
      </c>
      <c r="LG26" s="119">
        <v>0</v>
      </c>
      <c r="LH26" s="120">
        <v>0</v>
      </c>
      <c r="LI26" s="121">
        <v>0</v>
      </c>
      <c r="LJ26" s="142">
        <v>0</v>
      </c>
      <c r="LK26" s="119">
        <v>0</v>
      </c>
      <c r="LL26" s="120">
        <v>0</v>
      </c>
      <c r="LM26" s="145"/>
      <c r="LN26" s="119">
        <v>0</v>
      </c>
      <c r="LO26" s="119">
        <v>0</v>
      </c>
      <c r="LP26" s="119">
        <v>0</v>
      </c>
      <c r="LQ26" s="119">
        <v>0</v>
      </c>
      <c r="LR26" s="119">
        <v>0</v>
      </c>
      <c r="LS26" s="120">
        <v>0</v>
      </c>
      <c r="LT26" s="320">
        <v>0</v>
      </c>
      <c r="LU26" s="142">
        <v>0</v>
      </c>
      <c r="LV26" s="119">
        <v>0</v>
      </c>
      <c r="LW26" s="120">
        <v>0</v>
      </c>
      <c r="LX26" s="145"/>
      <c r="LY26" s="119">
        <v>0</v>
      </c>
      <c r="LZ26" s="119">
        <v>0</v>
      </c>
      <c r="MA26" s="119">
        <v>219703</v>
      </c>
      <c r="MB26" s="119">
        <v>0</v>
      </c>
      <c r="MC26" s="119">
        <v>0</v>
      </c>
      <c r="MD26" s="120">
        <v>219703</v>
      </c>
      <c r="ME26" s="121">
        <v>219703</v>
      </c>
      <c r="MF26" s="142">
        <v>0</v>
      </c>
      <c r="MG26" s="119">
        <v>0</v>
      </c>
      <c r="MH26" s="120">
        <v>0</v>
      </c>
      <c r="MI26" s="145"/>
      <c r="MJ26" s="119">
        <v>0</v>
      </c>
      <c r="MK26" s="119">
        <v>665443</v>
      </c>
      <c r="ML26" s="119">
        <v>686635</v>
      </c>
      <c r="MM26" s="119">
        <v>1412984</v>
      </c>
      <c r="MN26" s="119">
        <v>2308918</v>
      </c>
      <c r="MO26" s="120">
        <v>5073980</v>
      </c>
      <c r="MP26" s="143">
        <v>5073980</v>
      </c>
      <c r="MQ26" s="142">
        <v>0</v>
      </c>
      <c r="MR26" s="119">
        <v>0</v>
      </c>
      <c r="MS26" s="120">
        <v>0</v>
      </c>
      <c r="MT26" s="145"/>
      <c r="MU26" s="119">
        <v>0</v>
      </c>
      <c r="MV26" s="119">
        <v>0</v>
      </c>
      <c r="MW26" s="119">
        <v>452621</v>
      </c>
      <c r="MX26" s="119">
        <v>619293</v>
      </c>
      <c r="MY26" s="119">
        <v>1557685</v>
      </c>
      <c r="MZ26" s="120">
        <v>2629599</v>
      </c>
      <c r="NA26" s="143">
        <v>2629599</v>
      </c>
      <c r="NB26" s="142">
        <v>0</v>
      </c>
      <c r="NC26" s="119">
        <v>0</v>
      </c>
      <c r="ND26" s="120">
        <v>0</v>
      </c>
      <c r="NE26" s="145"/>
      <c r="NF26" s="119">
        <v>0</v>
      </c>
      <c r="NG26" s="119">
        <v>665443</v>
      </c>
      <c r="NH26" s="119">
        <v>234014</v>
      </c>
      <c r="NI26" s="119">
        <v>793691</v>
      </c>
      <c r="NJ26" s="119">
        <v>502167</v>
      </c>
      <c r="NK26" s="120">
        <v>2195315</v>
      </c>
      <c r="NL26" s="320">
        <v>2195315</v>
      </c>
      <c r="NM26" s="142">
        <v>0</v>
      </c>
      <c r="NN26" s="119">
        <v>0</v>
      </c>
      <c r="NO26" s="120">
        <v>0</v>
      </c>
      <c r="NP26" s="145"/>
      <c r="NQ26" s="119">
        <v>0</v>
      </c>
      <c r="NR26" s="119">
        <v>0</v>
      </c>
      <c r="NS26" s="119">
        <v>0</v>
      </c>
      <c r="NT26" s="119">
        <v>0</v>
      </c>
      <c r="NU26" s="119">
        <v>0</v>
      </c>
      <c r="NV26" s="120">
        <v>0</v>
      </c>
      <c r="NW26" s="121">
        <v>0</v>
      </c>
      <c r="NX26" s="142">
        <v>0</v>
      </c>
      <c r="NY26" s="119">
        <v>0</v>
      </c>
      <c r="NZ26" s="120">
        <v>0</v>
      </c>
      <c r="OA26" s="145"/>
      <c r="OB26" s="119">
        <v>0</v>
      </c>
      <c r="OC26" s="119">
        <v>0</v>
      </c>
      <c r="OD26" s="119">
        <v>0</v>
      </c>
      <c r="OE26" s="119">
        <v>0</v>
      </c>
      <c r="OF26" s="119">
        <v>249066</v>
      </c>
      <c r="OG26" s="120">
        <v>249066</v>
      </c>
      <c r="OH26" s="121">
        <v>249066</v>
      </c>
      <c r="OI26" s="142">
        <v>491463</v>
      </c>
      <c r="OJ26" s="119">
        <v>161248</v>
      </c>
      <c r="OK26" s="141">
        <v>652711</v>
      </c>
      <c r="OL26" s="118">
        <v>0</v>
      </c>
      <c r="OM26" s="119">
        <v>3089552</v>
      </c>
      <c r="ON26" s="119">
        <v>4011276</v>
      </c>
      <c r="OO26" s="119">
        <v>4706147</v>
      </c>
      <c r="OP26" s="119">
        <v>5476903</v>
      </c>
      <c r="OQ26" s="119">
        <v>4792691</v>
      </c>
      <c r="OR26" s="120">
        <v>22076569</v>
      </c>
      <c r="OS26" s="143">
        <v>22729280</v>
      </c>
    </row>
    <row r="27" spans="2:409" ht="21" customHeight="1" x14ac:dyDescent="0.2">
      <c r="B27" s="126" t="s">
        <v>22</v>
      </c>
      <c r="C27" s="110">
        <v>57497</v>
      </c>
      <c r="D27" s="114">
        <v>35966</v>
      </c>
      <c r="E27" s="113">
        <v>93463</v>
      </c>
      <c r="F27" s="109">
        <v>0</v>
      </c>
      <c r="G27" s="114">
        <v>1374149</v>
      </c>
      <c r="H27" s="114">
        <v>1126365</v>
      </c>
      <c r="I27" s="114">
        <v>761239</v>
      </c>
      <c r="J27" s="114">
        <v>1573112</v>
      </c>
      <c r="K27" s="114">
        <v>1772895</v>
      </c>
      <c r="L27" s="173">
        <v>6607760</v>
      </c>
      <c r="M27" s="116">
        <v>6701223</v>
      </c>
      <c r="N27" s="110">
        <v>11970</v>
      </c>
      <c r="O27" s="114">
        <v>16786</v>
      </c>
      <c r="P27" s="113">
        <v>28756</v>
      </c>
      <c r="Q27" s="110">
        <v>0</v>
      </c>
      <c r="R27" s="114">
        <v>474242</v>
      </c>
      <c r="S27" s="114">
        <v>257527</v>
      </c>
      <c r="T27" s="114">
        <v>85127</v>
      </c>
      <c r="U27" s="114">
        <v>312893</v>
      </c>
      <c r="V27" s="114">
        <v>1063826</v>
      </c>
      <c r="W27" s="113">
        <v>2193615</v>
      </c>
      <c r="X27" s="116">
        <v>2222371</v>
      </c>
      <c r="Y27" s="110">
        <v>0</v>
      </c>
      <c r="Z27" s="114">
        <v>0</v>
      </c>
      <c r="AA27" s="113">
        <v>0</v>
      </c>
      <c r="AB27" s="110">
        <v>0</v>
      </c>
      <c r="AC27" s="114">
        <v>142911</v>
      </c>
      <c r="AD27" s="114">
        <v>43733</v>
      </c>
      <c r="AE27" s="114">
        <v>49231</v>
      </c>
      <c r="AF27" s="114">
        <v>5894</v>
      </c>
      <c r="AG27" s="114">
        <v>436338</v>
      </c>
      <c r="AH27" s="113">
        <v>678107</v>
      </c>
      <c r="AI27" s="116">
        <v>678107</v>
      </c>
      <c r="AJ27" s="110">
        <v>0</v>
      </c>
      <c r="AK27" s="114">
        <v>0</v>
      </c>
      <c r="AL27" s="113">
        <v>0</v>
      </c>
      <c r="AM27" s="110">
        <v>0</v>
      </c>
      <c r="AN27" s="114">
        <v>0</v>
      </c>
      <c r="AO27" s="114">
        <v>0</v>
      </c>
      <c r="AP27" s="114">
        <v>0</v>
      </c>
      <c r="AQ27" s="114">
        <v>0</v>
      </c>
      <c r="AR27" s="114">
        <v>372306</v>
      </c>
      <c r="AS27" s="113">
        <v>372306</v>
      </c>
      <c r="AT27" s="116">
        <v>372306</v>
      </c>
      <c r="AU27" s="110">
        <v>11970</v>
      </c>
      <c r="AV27" s="114">
        <v>16786</v>
      </c>
      <c r="AW27" s="113">
        <v>28756</v>
      </c>
      <c r="AX27" s="110">
        <v>0</v>
      </c>
      <c r="AY27" s="114">
        <v>200305</v>
      </c>
      <c r="AZ27" s="114">
        <v>127764</v>
      </c>
      <c r="BA27" s="114">
        <v>10850</v>
      </c>
      <c r="BB27" s="114">
        <v>162113</v>
      </c>
      <c r="BC27" s="114">
        <v>233391</v>
      </c>
      <c r="BD27" s="113">
        <v>734423</v>
      </c>
      <c r="BE27" s="116">
        <v>763179</v>
      </c>
      <c r="BF27" s="110">
        <v>0</v>
      </c>
      <c r="BG27" s="114">
        <v>0</v>
      </c>
      <c r="BH27" s="112">
        <v>0</v>
      </c>
      <c r="BI27" s="111">
        <v>0</v>
      </c>
      <c r="BJ27" s="114">
        <v>86996</v>
      </c>
      <c r="BK27" s="114">
        <v>67228</v>
      </c>
      <c r="BL27" s="114">
        <v>0</v>
      </c>
      <c r="BM27" s="114">
        <v>71540</v>
      </c>
      <c r="BN27" s="114">
        <v>0</v>
      </c>
      <c r="BO27" s="113">
        <v>225764</v>
      </c>
      <c r="BP27" s="116">
        <v>225764</v>
      </c>
      <c r="BQ27" s="110">
        <v>0</v>
      </c>
      <c r="BR27" s="114">
        <v>0</v>
      </c>
      <c r="BS27" s="113">
        <v>0</v>
      </c>
      <c r="BT27" s="110">
        <v>0</v>
      </c>
      <c r="BU27" s="114">
        <v>44030</v>
      </c>
      <c r="BV27" s="114">
        <v>18802</v>
      </c>
      <c r="BW27" s="114">
        <v>25046</v>
      </c>
      <c r="BX27" s="114">
        <v>73346</v>
      </c>
      <c r="BY27" s="114">
        <v>21791</v>
      </c>
      <c r="BZ27" s="113">
        <v>183015</v>
      </c>
      <c r="CA27" s="116">
        <v>183015</v>
      </c>
      <c r="CB27" s="110">
        <v>0</v>
      </c>
      <c r="CC27" s="114">
        <v>0</v>
      </c>
      <c r="CD27" s="113">
        <v>0</v>
      </c>
      <c r="CE27" s="110">
        <v>0</v>
      </c>
      <c r="CF27" s="114">
        <v>484082</v>
      </c>
      <c r="CG27" s="114">
        <v>98931</v>
      </c>
      <c r="CH27" s="114">
        <v>162001</v>
      </c>
      <c r="CI27" s="114">
        <v>376922</v>
      </c>
      <c r="CJ27" s="114">
        <v>187243</v>
      </c>
      <c r="CK27" s="113">
        <v>1309179</v>
      </c>
      <c r="CL27" s="116">
        <v>1309179</v>
      </c>
      <c r="CM27" s="110">
        <v>0</v>
      </c>
      <c r="CN27" s="114">
        <v>0</v>
      </c>
      <c r="CO27" s="113">
        <v>0</v>
      </c>
      <c r="CP27" s="111">
        <v>0</v>
      </c>
      <c r="CQ27" s="114">
        <v>455438</v>
      </c>
      <c r="CR27" s="114">
        <v>98931</v>
      </c>
      <c r="CS27" s="114">
        <v>162001</v>
      </c>
      <c r="CT27" s="114">
        <v>301336</v>
      </c>
      <c r="CU27" s="114">
        <v>187243</v>
      </c>
      <c r="CV27" s="113">
        <v>1204949</v>
      </c>
      <c r="CW27" s="116">
        <v>1204949</v>
      </c>
      <c r="CX27" s="110">
        <v>0</v>
      </c>
      <c r="CY27" s="114">
        <v>0</v>
      </c>
      <c r="CZ27" s="113">
        <v>0</v>
      </c>
      <c r="DA27" s="110">
        <v>0</v>
      </c>
      <c r="DB27" s="114">
        <v>28644</v>
      </c>
      <c r="DC27" s="114">
        <v>0</v>
      </c>
      <c r="DD27" s="114">
        <v>0</v>
      </c>
      <c r="DE27" s="114">
        <v>75586</v>
      </c>
      <c r="DF27" s="114">
        <v>0</v>
      </c>
      <c r="DG27" s="113">
        <v>104230</v>
      </c>
      <c r="DH27" s="116">
        <v>104230</v>
      </c>
      <c r="DI27" s="110">
        <v>40137</v>
      </c>
      <c r="DJ27" s="114">
        <v>0</v>
      </c>
      <c r="DK27" s="112">
        <v>40137</v>
      </c>
      <c r="DL27" s="111">
        <v>0</v>
      </c>
      <c r="DM27" s="114">
        <v>55342</v>
      </c>
      <c r="DN27" s="114">
        <v>90089</v>
      </c>
      <c r="DO27" s="114">
        <v>92090</v>
      </c>
      <c r="DP27" s="114">
        <v>71745</v>
      </c>
      <c r="DQ27" s="114">
        <v>0</v>
      </c>
      <c r="DR27" s="113">
        <v>309266</v>
      </c>
      <c r="DS27" s="116">
        <v>349403</v>
      </c>
      <c r="DT27" s="110">
        <v>0</v>
      </c>
      <c r="DU27" s="114">
        <v>0</v>
      </c>
      <c r="DV27" s="113">
        <v>0</v>
      </c>
      <c r="DW27" s="110">
        <v>0</v>
      </c>
      <c r="DX27" s="114">
        <v>55342</v>
      </c>
      <c r="DY27" s="114">
        <v>90089</v>
      </c>
      <c r="DZ27" s="114">
        <v>92090</v>
      </c>
      <c r="EA27" s="114">
        <v>71745</v>
      </c>
      <c r="EB27" s="114">
        <v>0</v>
      </c>
      <c r="EC27" s="113">
        <v>309266</v>
      </c>
      <c r="ED27" s="116">
        <v>309266</v>
      </c>
      <c r="EE27" s="110">
        <v>40137</v>
      </c>
      <c r="EF27" s="112">
        <v>0</v>
      </c>
      <c r="EG27" s="113">
        <v>40137</v>
      </c>
      <c r="EH27" s="110">
        <v>0</v>
      </c>
      <c r="EI27" s="114">
        <v>0</v>
      </c>
      <c r="EJ27" s="114">
        <v>0</v>
      </c>
      <c r="EK27" s="114">
        <v>0</v>
      </c>
      <c r="EL27" s="114">
        <v>0</v>
      </c>
      <c r="EM27" s="114">
        <v>0</v>
      </c>
      <c r="EN27" s="112">
        <v>0</v>
      </c>
      <c r="EO27" s="116">
        <v>40137</v>
      </c>
      <c r="EP27" s="110">
        <v>0</v>
      </c>
      <c r="EQ27" s="114">
        <v>0</v>
      </c>
      <c r="ER27" s="112">
        <v>0</v>
      </c>
      <c r="ES27" s="111">
        <v>0</v>
      </c>
      <c r="ET27" s="114">
        <v>0</v>
      </c>
      <c r="EU27" s="114">
        <v>0</v>
      </c>
      <c r="EV27" s="114">
        <v>0</v>
      </c>
      <c r="EW27" s="114">
        <v>0</v>
      </c>
      <c r="EX27" s="114">
        <v>0</v>
      </c>
      <c r="EY27" s="113">
        <v>0</v>
      </c>
      <c r="EZ27" s="116">
        <v>0</v>
      </c>
      <c r="FA27" s="110">
        <v>0</v>
      </c>
      <c r="FB27" s="114">
        <v>0</v>
      </c>
      <c r="FC27" s="112">
        <v>0</v>
      </c>
      <c r="FD27" s="347"/>
      <c r="FE27" s="114">
        <v>0</v>
      </c>
      <c r="FF27" s="114">
        <v>0</v>
      </c>
      <c r="FG27" s="114">
        <v>0</v>
      </c>
      <c r="FH27" s="114">
        <v>0</v>
      </c>
      <c r="FI27" s="114">
        <v>0</v>
      </c>
      <c r="FJ27" s="113">
        <v>0</v>
      </c>
      <c r="FK27" s="116">
        <v>0</v>
      </c>
      <c r="FL27" s="110">
        <v>5390</v>
      </c>
      <c r="FM27" s="114">
        <v>19180</v>
      </c>
      <c r="FN27" s="113">
        <v>24570</v>
      </c>
      <c r="FO27" s="110">
        <v>0</v>
      </c>
      <c r="FP27" s="114">
        <v>85449</v>
      </c>
      <c r="FQ27" s="114">
        <v>115017</v>
      </c>
      <c r="FR27" s="114">
        <v>73738</v>
      </c>
      <c r="FS27" s="114">
        <v>68698</v>
      </c>
      <c r="FT27" s="114">
        <v>114982</v>
      </c>
      <c r="FU27" s="113">
        <v>457884</v>
      </c>
      <c r="FV27" s="116">
        <v>482454</v>
      </c>
      <c r="FW27" s="115">
        <v>5390</v>
      </c>
      <c r="FX27" s="114">
        <v>19180</v>
      </c>
      <c r="FY27" s="112">
        <v>24570</v>
      </c>
      <c r="FZ27" s="111">
        <v>0</v>
      </c>
      <c r="GA27" s="114">
        <v>66045</v>
      </c>
      <c r="GB27" s="114">
        <v>89467</v>
      </c>
      <c r="GC27" s="114">
        <v>73738</v>
      </c>
      <c r="GD27" s="114">
        <v>68698</v>
      </c>
      <c r="GE27" s="114">
        <v>114982</v>
      </c>
      <c r="GF27" s="113">
        <v>412930</v>
      </c>
      <c r="GG27" s="318">
        <v>437500</v>
      </c>
      <c r="GH27" s="115">
        <v>0</v>
      </c>
      <c r="GI27" s="114">
        <v>0</v>
      </c>
      <c r="GJ27" s="112">
        <v>0</v>
      </c>
      <c r="GK27" s="111">
        <v>0</v>
      </c>
      <c r="GL27" s="114">
        <v>19404</v>
      </c>
      <c r="GM27" s="114">
        <v>0</v>
      </c>
      <c r="GN27" s="114">
        <v>0</v>
      </c>
      <c r="GO27" s="114">
        <v>0</v>
      </c>
      <c r="GP27" s="114">
        <v>0</v>
      </c>
      <c r="GQ27" s="113">
        <v>19404</v>
      </c>
      <c r="GR27" s="116">
        <v>19404</v>
      </c>
      <c r="GS27" s="110">
        <v>0</v>
      </c>
      <c r="GT27" s="114">
        <v>0</v>
      </c>
      <c r="GU27" s="113">
        <v>0</v>
      </c>
      <c r="GV27" s="110">
        <v>0</v>
      </c>
      <c r="GW27" s="114">
        <v>0</v>
      </c>
      <c r="GX27" s="114">
        <v>25550</v>
      </c>
      <c r="GY27" s="114">
        <v>0</v>
      </c>
      <c r="GZ27" s="114">
        <v>0</v>
      </c>
      <c r="HA27" s="114">
        <v>0</v>
      </c>
      <c r="HB27" s="112">
        <v>25550</v>
      </c>
      <c r="HC27" s="116">
        <v>25550</v>
      </c>
      <c r="HD27" s="110">
        <v>0</v>
      </c>
      <c r="HE27" s="114">
        <v>0</v>
      </c>
      <c r="HF27" s="112">
        <v>0</v>
      </c>
      <c r="HG27" s="111">
        <v>0</v>
      </c>
      <c r="HH27" s="114">
        <v>275034</v>
      </c>
      <c r="HI27" s="114">
        <v>564801</v>
      </c>
      <c r="HJ27" s="114">
        <v>348283</v>
      </c>
      <c r="HK27" s="114">
        <v>742854</v>
      </c>
      <c r="HL27" s="114">
        <v>406844</v>
      </c>
      <c r="HM27" s="113">
        <v>2337816</v>
      </c>
      <c r="HN27" s="109">
        <v>2337816</v>
      </c>
      <c r="HO27" s="328"/>
      <c r="HP27" s="329"/>
      <c r="HQ27" s="330"/>
      <c r="HR27" s="331"/>
      <c r="HS27" s="329"/>
      <c r="HT27" s="329"/>
      <c r="HU27" s="329"/>
      <c r="HV27" s="329"/>
      <c r="HW27" s="329"/>
      <c r="HX27" s="332"/>
      <c r="HY27" s="333"/>
      <c r="HZ27" s="131">
        <v>34363</v>
      </c>
      <c r="IA27" s="132">
        <v>0</v>
      </c>
      <c r="IB27" s="133">
        <v>34363</v>
      </c>
      <c r="IC27" s="146">
        <v>0</v>
      </c>
      <c r="ID27" s="132">
        <v>673106</v>
      </c>
      <c r="IE27" s="147">
        <v>369614</v>
      </c>
      <c r="IF27" s="133">
        <v>284333</v>
      </c>
      <c r="IG27" s="132">
        <v>272041</v>
      </c>
      <c r="IH27" s="133">
        <v>0</v>
      </c>
      <c r="II27" s="148">
        <v>1599094</v>
      </c>
      <c r="IJ27" s="139">
        <v>1633457</v>
      </c>
      <c r="IK27" s="232">
        <v>0</v>
      </c>
      <c r="IL27" s="236">
        <v>0</v>
      </c>
      <c r="IM27" s="237">
        <v>0</v>
      </c>
      <c r="IN27" s="140"/>
      <c r="IO27" s="119">
        <v>154581</v>
      </c>
      <c r="IP27" s="119">
        <v>87472</v>
      </c>
      <c r="IQ27" s="119">
        <v>0</v>
      </c>
      <c r="IR27" s="119">
        <v>0</v>
      </c>
      <c r="IS27" s="119">
        <v>0</v>
      </c>
      <c r="IT27" s="141">
        <v>242053</v>
      </c>
      <c r="IU27" s="320">
        <v>242053</v>
      </c>
      <c r="IV27" s="142">
        <v>0</v>
      </c>
      <c r="IW27" s="119">
        <v>0</v>
      </c>
      <c r="IX27" s="120">
        <v>0</v>
      </c>
      <c r="IY27" s="144"/>
      <c r="IZ27" s="119">
        <v>0</v>
      </c>
      <c r="JA27" s="119">
        <v>0</v>
      </c>
      <c r="JB27" s="119">
        <v>0</v>
      </c>
      <c r="JC27" s="119">
        <v>0</v>
      </c>
      <c r="JD27" s="119">
        <v>0</v>
      </c>
      <c r="JE27" s="120">
        <v>0</v>
      </c>
      <c r="JF27" s="121">
        <v>0</v>
      </c>
      <c r="JG27" s="142">
        <v>0</v>
      </c>
      <c r="JH27" s="119">
        <v>0</v>
      </c>
      <c r="JI27" s="141">
        <v>0</v>
      </c>
      <c r="JJ27" s="118">
        <v>0</v>
      </c>
      <c r="JK27" s="119">
        <v>311367</v>
      </c>
      <c r="JL27" s="119">
        <v>22967</v>
      </c>
      <c r="JM27" s="119">
        <v>0</v>
      </c>
      <c r="JN27" s="119">
        <v>83720</v>
      </c>
      <c r="JO27" s="119">
        <v>0</v>
      </c>
      <c r="JP27" s="120">
        <v>418054</v>
      </c>
      <c r="JQ27" s="320">
        <v>418054</v>
      </c>
      <c r="JR27" s="142">
        <v>0</v>
      </c>
      <c r="JS27" s="119">
        <v>0</v>
      </c>
      <c r="JT27" s="141">
        <v>0</v>
      </c>
      <c r="JU27" s="118">
        <v>0</v>
      </c>
      <c r="JV27" s="119">
        <v>0</v>
      </c>
      <c r="JW27" s="119">
        <v>0</v>
      </c>
      <c r="JX27" s="119">
        <v>74452</v>
      </c>
      <c r="JY27" s="119">
        <v>0</v>
      </c>
      <c r="JZ27" s="119">
        <v>0</v>
      </c>
      <c r="KA27" s="120">
        <v>74452</v>
      </c>
      <c r="KB27" s="320">
        <v>74452</v>
      </c>
      <c r="KC27" s="234">
        <v>34363</v>
      </c>
      <c r="KD27" s="230">
        <v>0</v>
      </c>
      <c r="KE27" s="120">
        <v>34363</v>
      </c>
      <c r="KF27" s="118">
        <v>0</v>
      </c>
      <c r="KG27" s="119">
        <v>0</v>
      </c>
      <c r="KH27" s="119">
        <v>259175</v>
      </c>
      <c r="KI27" s="119">
        <v>0</v>
      </c>
      <c r="KJ27" s="119">
        <v>0</v>
      </c>
      <c r="KK27" s="119">
        <v>0</v>
      </c>
      <c r="KL27" s="120">
        <v>259175</v>
      </c>
      <c r="KM27" s="143">
        <v>293538</v>
      </c>
      <c r="KN27" s="232">
        <v>0</v>
      </c>
      <c r="KO27" s="236">
        <v>0</v>
      </c>
      <c r="KP27" s="237">
        <v>0</v>
      </c>
      <c r="KQ27" s="140"/>
      <c r="KR27" s="119">
        <v>207158</v>
      </c>
      <c r="KS27" s="119">
        <v>0</v>
      </c>
      <c r="KT27" s="119">
        <v>209881</v>
      </c>
      <c r="KU27" s="119">
        <v>0</v>
      </c>
      <c r="KV27" s="119">
        <v>0</v>
      </c>
      <c r="KW27" s="120">
        <v>417039</v>
      </c>
      <c r="KX27" s="320">
        <v>417039</v>
      </c>
      <c r="KY27" s="142">
        <v>0</v>
      </c>
      <c r="KZ27" s="119">
        <v>0</v>
      </c>
      <c r="LA27" s="120">
        <v>0</v>
      </c>
      <c r="LB27" s="145"/>
      <c r="LC27" s="119">
        <v>0</v>
      </c>
      <c r="LD27" s="119">
        <v>0</v>
      </c>
      <c r="LE27" s="119">
        <v>0</v>
      </c>
      <c r="LF27" s="119">
        <v>0</v>
      </c>
      <c r="LG27" s="119">
        <v>0</v>
      </c>
      <c r="LH27" s="120">
        <v>0</v>
      </c>
      <c r="LI27" s="121">
        <v>0</v>
      </c>
      <c r="LJ27" s="142">
        <v>0</v>
      </c>
      <c r="LK27" s="119">
        <v>0</v>
      </c>
      <c r="LL27" s="120">
        <v>0</v>
      </c>
      <c r="LM27" s="145"/>
      <c r="LN27" s="119">
        <v>0</v>
      </c>
      <c r="LO27" s="119">
        <v>0</v>
      </c>
      <c r="LP27" s="119">
        <v>0</v>
      </c>
      <c r="LQ27" s="119">
        <v>188321</v>
      </c>
      <c r="LR27" s="119">
        <v>0</v>
      </c>
      <c r="LS27" s="120">
        <v>188321</v>
      </c>
      <c r="LT27" s="320">
        <v>188321</v>
      </c>
      <c r="LU27" s="142">
        <v>0</v>
      </c>
      <c r="LV27" s="119">
        <v>0</v>
      </c>
      <c r="LW27" s="120">
        <v>0</v>
      </c>
      <c r="LX27" s="145"/>
      <c r="LY27" s="119">
        <v>0</v>
      </c>
      <c r="LZ27" s="119">
        <v>0</v>
      </c>
      <c r="MA27" s="119">
        <v>0</v>
      </c>
      <c r="MB27" s="119">
        <v>0</v>
      </c>
      <c r="MC27" s="119">
        <v>0</v>
      </c>
      <c r="MD27" s="120">
        <v>0</v>
      </c>
      <c r="ME27" s="121">
        <v>0</v>
      </c>
      <c r="MF27" s="142">
        <v>0</v>
      </c>
      <c r="MG27" s="119">
        <v>0</v>
      </c>
      <c r="MH27" s="120">
        <v>0</v>
      </c>
      <c r="MI27" s="145"/>
      <c r="MJ27" s="119">
        <v>0</v>
      </c>
      <c r="MK27" s="119">
        <v>0</v>
      </c>
      <c r="ML27" s="119">
        <v>623769</v>
      </c>
      <c r="MM27" s="119">
        <v>191331</v>
      </c>
      <c r="MN27" s="119">
        <v>0</v>
      </c>
      <c r="MO27" s="120">
        <v>815100</v>
      </c>
      <c r="MP27" s="143">
        <v>815100</v>
      </c>
      <c r="MQ27" s="142">
        <v>0</v>
      </c>
      <c r="MR27" s="119">
        <v>0</v>
      </c>
      <c r="MS27" s="120">
        <v>0</v>
      </c>
      <c r="MT27" s="145"/>
      <c r="MU27" s="119">
        <v>0</v>
      </c>
      <c r="MV27" s="119">
        <v>0</v>
      </c>
      <c r="MW27" s="119">
        <v>0</v>
      </c>
      <c r="MX27" s="119">
        <v>191331</v>
      </c>
      <c r="MY27" s="119">
        <v>0</v>
      </c>
      <c r="MZ27" s="120">
        <v>191331</v>
      </c>
      <c r="NA27" s="143">
        <v>191331</v>
      </c>
      <c r="NB27" s="142">
        <v>0</v>
      </c>
      <c r="NC27" s="119">
        <v>0</v>
      </c>
      <c r="ND27" s="120">
        <v>0</v>
      </c>
      <c r="NE27" s="145"/>
      <c r="NF27" s="119">
        <v>0</v>
      </c>
      <c r="NG27" s="119">
        <v>0</v>
      </c>
      <c r="NH27" s="119">
        <v>623769</v>
      </c>
      <c r="NI27" s="119">
        <v>0</v>
      </c>
      <c r="NJ27" s="119">
        <v>0</v>
      </c>
      <c r="NK27" s="120">
        <v>623769</v>
      </c>
      <c r="NL27" s="320">
        <v>623769</v>
      </c>
      <c r="NM27" s="142">
        <v>0</v>
      </c>
      <c r="NN27" s="119">
        <v>0</v>
      </c>
      <c r="NO27" s="120">
        <v>0</v>
      </c>
      <c r="NP27" s="145"/>
      <c r="NQ27" s="119">
        <v>0</v>
      </c>
      <c r="NR27" s="119">
        <v>0</v>
      </c>
      <c r="NS27" s="119">
        <v>0</v>
      </c>
      <c r="NT27" s="119">
        <v>0</v>
      </c>
      <c r="NU27" s="119">
        <v>0</v>
      </c>
      <c r="NV27" s="120">
        <v>0</v>
      </c>
      <c r="NW27" s="121">
        <v>0</v>
      </c>
      <c r="NX27" s="142">
        <v>0</v>
      </c>
      <c r="NY27" s="119">
        <v>0</v>
      </c>
      <c r="NZ27" s="120">
        <v>0</v>
      </c>
      <c r="OA27" s="145"/>
      <c r="OB27" s="119">
        <v>0</v>
      </c>
      <c r="OC27" s="119">
        <v>0</v>
      </c>
      <c r="OD27" s="119">
        <v>0</v>
      </c>
      <c r="OE27" s="119">
        <v>0</v>
      </c>
      <c r="OF27" s="119">
        <v>0</v>
      </c>
      <c r="OG27" s="120">
        <v>0</v>
      </c>
      <c r="OH27" s="121">
        <v>0</v>
      </c>
      <c r="OI27" s="142">
        <v>91860</v>
      </c>
      <c r="OJ27" s="119">
        <v>35966</v>
      </c>
      <c r="OK27" s="141">
        <v>127826</v>
      </c>
      <c r="OL27" s="118">
        <v>0</v>
      </c>
      <c r="OM27" s="119">
        <v>2047255</v>
      </c>
      <c r="ON27" s="119">
        <v>1495979</v>
      </c>
      <c r="OO27" s="119">
        <v>1669341</v>
      </c>
      <c r="OP27" s="119">
        <v>2036484</v>
      </c>
      <c r="OQ27" s="119">
        <v>1772895</v>
      </c>
      <c r="OR27" s="120">
        <v>9021954</v>
      </c>
      <c r="OS27" s="143">
        <v>9149780</v>
      </c>
    </row>
    <row r="28" spans="2:409" ht="21" customHeight="1" x14ac:dyDescent="0.2">
      <c r="B28" s="126" t="s">
        <v>23</v>
      </c>
      <c r="C28" s="110">
        <v>85593</v>
      </c>
      <c r="D28" s="114">
        <v>153764</v>
      </c>
      <c r="E28" s="113">
        <v>239357</v>
      </c>
      <c r="F28" s="109">
        <v>0</v>
      </c>
      <c r="G28" s="114">
        <v>1455893</v>
      </c>
      <c r="H28" s="114">
        <v>2331745</v>
      </c>
      <c r="I28" s="114">
        <v>3001130</v>
      </c>
      <c r="J28" s="114">
        <v>3666486</v>
      </c>
      <c r="K28" s="114">
        <v>912683</v>
      </c>
      <c r="L28" s="173">
        <v>11367937</v>
      </c>
      <c r="M28" s="116">
        <v>11607294</v>
      </c>
      <c r="N28" s="110">
        <v>75709</v>
      </c>
      <c r="O28" s="114">
        <v>53081</v>
      </c>
      <c r="P28" s="113">
        <v>128790</v>
      </c>
      <c r="Q28" s="110">
        <v>0</v>
      </c>
      <c r="R28" s="114">
        <v>260012</v>
      </c>
      <c r="S28" s="114">
        <v>732398</v>
      </c>
      <c r="T28" s="114">
        <v>1056177</v>
      </c>
      <c r="U28" s="114">
        <v>411479</v>
      </c>
      <c r="V28" s="114">
        <v>46774</v>
      </c>
      <c r="W28" s="113">
        <v>2506840</v>
      </c>
      <c r="X28" s="116">
        <v>2635630</v>
      </c>
      <c r="Y28" s="110">
        <v>0</v>
      </c>
      <c r="Z28" s="114">
        <v>0</v>
      </c>
      <c r="AA28" s="113">
        <v>0</v>
      </c>
      <c r="AB28" s="110">
        <v>0</v>
      </c>
      <c r="AC28" s="114">
        <v>21844</v>
      </c>
      <c r="AD28" s="114">
        <v>311920</v>
      </c>
      <c r="AE28" s="114">
        <v>710718</v>
      </c>
      <c r="AF28" s="114">
        <v>31022</v>
      </c>
      <c r="AG28" s="114">
        <v>0</v>
      </c>
      <c r="AH28" s="113">
        <v>1075504</v>
      </c>
      <c r="AI28" s="116">
        <v>1075504</v>
      </c>
      <c r="AJ28" s="110">
        <v>0</v>
      </c>
      <c r="AK28" s="114">
        <v>0</v>
      </c>
      <c r="AL28" s="113">
        <v>0</v>
      </c>
      <c r="AM28" s="110">
        <v>0</v>
      </c>
      <c r="AN28" s="114">
        <v>41452</v>
      </c>
      <c r="AO28" s="114">
        <v>0</v>
      </c>
      <c r="AP28" s="114">
        <v>89864</v>
      </c>
      <c r="AQ28" s="114">
        <v>0</v>
      </c>
      <c r="AR28" s="114">
        <v>0</v>
      </c>
      <c r="AS28" s="113">
        <v>131316</v>
      </c>
      <c r="AT28" s="116">
        <v>131316</v>
      </c>
      <c r="AU28" s="110">
        <v>75709</v>
      </c>
      <c r="AV28" s="114">
        <v>20027</v>
      </c>
      <c r="AW28" s="113">
        <v>95736</v>
      </c>
      <c r="AX28" s="110">
        <v>0</v>
      </c>
      <c r="AY28" s="114">
        <v>140786</v>
      </c>
      <c r="AZ28" s="114">
        <v>201882</v>
      </c>
      <c r="BA28" s="114">
        <v>149055</v>
      </c>
      <c r="BB28" s="114">
        <v>127351</v>
      </c>
      <c r="BC28" s="114">
        <v>0</v>
      </c>
      <c r="BD28" s="113">
        <v>619074</v>
      </c>
      <c r="BE28" s="116">
        <v>714810</v>
      </c>
      <c r="BF28" s="110">
        <v>0</v>
      </c>
      <c r="BG28" s="114">
        <v>27041</v>
      </c>
      <c r="BH28" s="112">
        <v>27041</v>
      </c>
      <c r="BI28" s="111">
        <v>0</v>
      </c>
      <c r="BJ28" s="114">
        <v>0</v>
      </c>
      <c r="BK28" s="114">
        <v>158774</v>
      </c>
      <c r="BL28" s="114">
        <v>11774</v>
      </c>
      <c r="BM28" s="114">
        <v>0</v>
      </c>
      <c r="BN28" s="114">
        <v>0</v>
      </c>
      <c r="BO28" s="113">
        <v>170548</v>
      </c>
      <c r="BP28" s="116">
        <v>197589</v>
      </c>
      <c r="BQ28" s="110">
        <v>0</v>
      </c>
      <c r="BR28" s="114">
        <v>6013</v>
      </c>
      <c r="BS28" s="113">
        <v>6013</v>
      </c>
      <c r="BT28" s="110">
        <v>0</v>
      </c>
      <c r="BU28" s="114">
        <v>55930</v>
      </c>
      <c r="BV28" s="114">
        <v>59822</v>
      </c>
      <c r="BW28" s="114">
        <v>94766</v>
      </c>
      <c r="BX28" s="114">
        <v>253106</v>
      </c>
      <c r="BY28" s="114">
        <v>46774</v>
      </c>
      <c r="BZ28" s="113">
        <v>510398</v>
      </c>
      <c r="CA28" s="116">
        <v>516411</v>
      </c>
      <c r="CB28" s="110">
        <v>0</v>
      </c>
      <c r="CC28" s="114">
        <v>0</v>
      </c>
      <c r="CD28" s="113">
        <v>0</v>
      </c>
      <c r="CE28" s="110">
        <v>0</v>
      </c>
      <c r="CF28" s="114">
        <v>429192</v>
      </c>
      <c r="CG28" s="114">
        <v>962331</v>
      </c>
      <c r="CH28" s="114">
        <v>728851</v>
      </c>
      <c r="CI28" s="114">
        <v>578028</v>
      </c>
      <c r="CJ28" s="114">
        <v>0</v>
      </c>
      <c r="CK28" s="113">
        <v>2698402</v>
      </c>
      <c r="CL28" s="116">
        <v>2698402</v>
      </c>
      <c r="CM28" s="110">
        <v>0</v>
      </c>
      <c r="CN28" s="114">
        <v>0</v>
      </c>
      <c r="CO28" s="113">
        <v>0</v>
      </c>
      <c r="CP28" s="111">
        <v>0</v>
      </c>
      <c r="CQ28" s="114">
        <v>306116</v>
      </c>
      <c r="CR28" s="114">
        <v>865640</v>
      </c>
      <c r="CS28" s="114">
        <v>171484</v>
      </c>
      <c r="CT28" s="114">
        <v>343526</v>
      </c>
      <c r="CU28" s="114">
        <v>0</v>
      </c>
      <c r="CV28" s="113">
        <v>1686766</v>
      </c>
      <c r="CW28" s="116">
        <v>1686766</v>
      </c>
      <c r="CX28" s="110">
        <v>0</v>
      </c>
      <c r="CY28" s="114">
        <v>0</v>
      </c>
      <c r="CZ28" s="113">
        <v>0</v>
      </c>
      <c r="DA28" s="110">
        <v>0</v>
      </c>
      <c r="DB28" s="114">
        <v>123076</v>
      </c>
      <c r="DC28" s="114">
        <v>96691</v>
      </c>
      <c r="DD28" s="114">
        <v>557367</v>
      </c>
      <c r="DE28" s="114">
        <v>234502</v>
      </c>
      <c r="DF28" s="114">
        <v>0</v>
      </c>
      <c r="DG28" s="113">
        <v>1011636</v>
      </c>
      <c r="DH28" s="116">
        <v>1011636</v>
      </c>
      <c r="DI28" s="110">
        <v>0</v>
      </c>
      <c r="DJ28" s="114">
        <v>0</v>
      </c>
      <c r="DK28" s="112">
        <v>0</v>
      </c>
      <c r="DL28" s="111">
        <v>0</v>
      </c>
      <c r="DM28" s="114">
        <v>95982</v>
      </c>
      <c r="DN28" s="114">
        <v>239796</v>
      </c>
      <c r="DO28" s="114">
        <v>201232</v>
      </c>
      <c r="DP28" s="114">
        <v>287525</v>
      </c>
      <c r="DQ28" s="114">
        <v>0</v>
      </c>
      <c r="DR28" s="113">
        <v>824535</v>
      </c>
      <c r="DS28" s="116">
        <v>824535</v>
      </c>
      <c r="DT28" s="110">
        <v>0</v>
      </c>
      <c r="DU28" s="114">
        <v>0</v>
      </c>
      <c r="DV28" s="113">
        <v>0</v>
      </c>
      <c r="DW28" s="110">
        <v>0</v>
      </c>
      <c r="DX28" s="114">
        <v>95982</v>
      </c>
      <c r="DY28" s="114">
        <v>239796</v>
      </c>
      <c r="DZ28" s="114">
        <v>201232</v>
      </c>
      <c r="EA28" s="114">
        <v>287525</v>
      </c>
      <c r="EB28" s="114">
        <v>0</v>
      </c>
      <c r="EC28" s="113">
        <v>824535</v>
      </c>
      <c r="ED28" s="116">
        <v>824535</v>
      </c>
      <c r="EE28" s="110">
        <v>0</v>
      </c>
      <c r="EF28" s="112">
        <v>0</v>
      </c>
      <c r="EG28" s="113">
        <v>0</v>
      </c>
      <c r="EH28" s="110">
        <v>0</v>
      </c>
      <c r="EI28" s="114">
        <v>0</v>
      </c>
      <c r="EJ28" s="114">
        <v>0</v>
      </c>
      <c r="EK28" s="114">
        <v>0</v>
      </c>
      <c r="EL28" s="114">
        <v>0</v>
      </c>
      <c r="EM28" s="114">
        <v>0</v>
      </c>
      <c r="EN28" s="112">
        <v>0</v>
      </c>
      <c r="EO28" s="116">
        <v>0</v>
      </c>
      <c r="EP28" s="110">
        <v>0</v>
      </c>
      <c r="EQ28" s="114">
        <v>0</v>
      </c>
      <c r="ER28" s="112">
        <v>0</v>
      </c>
      <c r="ES28" s="111">
        <v>0</v>
      </c>
      <c r="ET28" s="114">
        <v>0</v>
      </c>
      <c r="EU28" s="114">
        <v>0</v>
      </c>
      <c r="EV28" s="114">
        <v>0</v>
      </c>
      <c r="EW28" s="114">
        <v>0</v>
      </c>
      <c r="EX28" s="114">
        <v>0</v>
      </c>
      <c r="EY28" s="113">
        <v>0</v>
      </c>
      <c r="EZ28" s="116">
        <v>0</v>
      </c>
      <c r="FA28" s="110">
        <v>0</v>
      </c>
      <c r="FB28" s="114">
        <v>0</v>
      </c>
      <c r="FC28" s="112">
        <v>0</v>
      </c>
      <c r="FD28" s="347"/>
      <c r="FE28" s="114">
        <v>0</v>
      </c>
      <c r="FF28" s="114">
        <v>0</v>
      </c>
      <c r="FG28" s="114">
        <v>0</v>
      </c>
      <c r="FH28" s="114">
        <v>0</v>
      </c>
      <c r="FI28" s="114">
        <v>0</v>
      </c>
      <c r="FJ28" s="113">
        <v>0</v>
      </c>
      <c r="FK28" s="116">
        <v>0</v>
      </c>
      <c r="FL28" s="110">
        <v>9884</v>
      </c>
      <c r="FM28" s="114">
        <v>20314</v>
      </c>
      <c r="FN28" s="113">
        <v>30198</v>
      </c>
      <c r="FO28" s="110">
        <v>0</v>
      </c>
      <c r="FP28" s="114">
        <v>103586</v>
      </c>
      <c r="FQ28" s="114">
        <v>255171</v>
      </c>
      <c r="FR28" s="114">
        <v>649544</v>
      </c>
      <c r="FS28" s="114">
        <v>145677</v>
      </c>
      <c r="FT28" s="114">
        <v>6762</v>
      </c>
      <c r="FU28" s="113">
        <v>1160740</v>
      </c>
      <c r="FV28" s="116">
        <v>1190938</v>
      </c>
      <c r="FW28" s="115">
        <v>9884</v>
      </c>
      <c r="FX28" s="114">
        <v>20314</v>
      </c>
      <c r="FY28" s="112">
        <v>30198</v>
      </c>
      <c r="FZ28" s="111">
        <v>0</v>
      </c>
      <c r="GA28" s="114">
        <v>103586</v>
      </c>
      <c r="GB28" s="114">
        <v>255171</v>
      </c>
      <c r="GC28" s="114">
        <v>649544</v>
      </c>
      <c r="GD28" s="114">
        <v>145677</v>
      </c>
      <c r="GE28" s="114">
        <v>6762</v>
      </c>
      <c r="GF28" s="113">
        <v>1160740</v>
      </c>
      <c r="GG28" s="318">
        <v>1190938</v>
      </c>
      <c r="GH28" s="115">
        <v>0</v>
      </c>
      <c r="GI28" s="114">
        <v>0</v>
      </c>
      <c r="GJ28" s="112">
        <v>0</v>
      </c>
      <c r="GK28" s="111">
        <v>0</v>
      </c>
      <c r="GL28" s="114">
        <v>0</v>
      </c>
      <c r="GM28" s="114">
        <v>0</v>
      </c>
      <c r="GN28" s="114">
        <v>0</v>
      </c>
      <c r="GO28" s="114">
        <v>0</v>
      </c>
      <c r="GP28" s="114">
        <v>0</v>
      </c>
      <c r="GQ28" s="113">
        <v>0</v>
      </c>
      <c r="GR28" s="116">
        <v>0</v>
      </c>
      <c r="GS28" s="110">
        <v>0</v>
      </c>
      <c r="GT28" s="114">
        <v>0</v>
      </c>
      <c r="GU28" s="113">
        <v>0</v>
      </c>
      <c r="GV28" s="110">
        <v>0</v>
      </c>
      <c r="GW28" s="114">
        <v>0</v>
      </c>
      <c r="GX28" s="114">
        <v>0</v>
      </c>
      <c r="GY28" s="114">
        <v>0</v>
      </c>
      <c r="GZ28" s="114">
        <v>0</v>
      </c>
      <c r="HA28" s="114">
        <v>0</v>
      </c>
      <c r="HB28" s="112">
        <v>0</v>
      </c>
      <c r="HC28" s="116">
        <v>0</v>
      </c>
      <c r="HD28" s="110">
        <v>0</v>
      </c>
      <c r="HE28" s="114">
        <v>80369</v>
      </c>
      <c r="HF28" s="112">
        <v>80369</v>
      </c>
      <c r="HG28" s="111">
        <v>0</v>
      </c>
      <c r="HH28" s="114">
        <v>567121</v>
      </c>
      <c r="HI28" s="114">
        <v>142049</v>
      </c>
      <c r="HJ28" s="114">
        <v>365326</v>
      </c>
      <c r="HK28" s="114">
        <v>2243777</v>
      </c>
      <c r="HL28" s="114">
        <v>859147</v>
      </c>
      <c r="HM28" s="113">
        <v>4177420</v>
      </c>
      <c r="HN28" s="109">
        <v>4257789</v>
      </c>
      <c r="HO28" s="328"/>
      <c r="HP28" s="329"/>
      <c r="HQ28" s="330"/>
      <c r="HR28" s="331"/>
      <c r="HS28" s="329"/>
      <c r="HT28" s="329"/>
      <c r="HU28" s="329"/>
      <c r="HV28" s="329"/>
      <c r="HW28" s="329"/>
      <c r="HX28" s="332"/>
      <c r="HY28" s="333"/>
      <c r="HZ28" s="150">
        <v>0</v>
      </c>
      <c r="IA28" s="135">
        <v>0</v>
      </c>
      <c r="IB28" s="150">
        <v>0</v>
      </c>
      <c r="IC28" s="134">
        <v>0</v>
      </c>
      <c r="ID28" s="135">
        <v>240874</v>
      </c>
      <c r="IE28" s="136">
        <v>290759</v>
      </c>
      <c r="IF28" s="137">
        <v>508493</v>
      </c>
      <c r="IG28" s="135">
        <v>0</v>
      </c>
      <c r="IH28" s="137">
        <v>213166</v>
      </c>
      <c r="II28" s="138">
        <v>1253292</v>
      </c>
      <c r="IJ28" s="150">
        <v>1253292</v>
      </c>
      <c r="IK28" s="232">
        <v>0</v>
      </c>
      <c r="IL28" s="236">
        <v>0</v>
      </c>
      <c r="IM28" s="237">
        <v>0</v>
      </c>
      <c r="IN28" s="140"/>
      <c r="IO28" s="119">
        <v>0</v>
      </c>
      <c r="IP28" s="119">
        <v>0</v>
      </c>
      <c r="IQ28" s="119">
        <v>0</v>
      </c>
      <c r="IR28" s="119">
        <v>0</v>
      </c>
      <c r="IS28" s="119">
        <v>0</v>
      </c>
      <c r="IT28" s="141">
        <v>0</v>
      </c>
      <c r="IU28" s="320">
        <v>0</v>
      </c>
      <c r="IV28" s="142">
        <v>0</v>
      </c>
      <c r="IW28" s="119">
        <v>0</v>
      </c>
      <c r="IX28" s="120">
        <v>0</v>
      </c>
      <c r="IY28" s="144"/>
      <c r="IZ28" s="119">
        <v>0</v>
      </c>
      <c r="JA28" s="119">
        <v>0</v>
      </c>
      <c r="JB28" s="119">
        <v>0</v>
      </c>
      <c r="JC28" s="119">
        <v>0</v>
      </c>
      <c r="JD28" s="119">
        <v>0</v>
      </c>
      <c r="JE28" s="120">
        <v>0</v>
      </c>
      <c r="JF28" s="121">
        <v>0</v>
      </c>
      <c r="JG28" s="142">
        <v>0</v>
      </c>
      <c r="JH28" s="119">
        <v>0</v>
      </c>
      <c r="JI28" s="141">
        <v>0</v>
      </c>
      <c r="JJ28" s="118">
        <v>0</v>
      </c>
      <c r="JK28" s="119">
        <v>29735</v>
      </c>
      <c r="JL28" s="119">
        <v>65743</v>
      </c>
      <c r="JM28" s="119">
        <v>57232</v>
      </c>
      <c r="JN28" s="119">
        <v>0</v>
      </c>
      <c r="JO28" s="119">
        <v>213166</v>
      </c>
      <c r="JP28" s="120">
        <v>365876</v>
      </c>
      <c r="JQ28" s="320">
        <v>365876</v>
      </c>
      <c r="JR28" s="142">
        <v>0</v>
      </c>
      <c r="JS28" s="119">
        <v>0</v>
      </c>
      <c r="JT28" s="141">
        <v>0</v>
      </c>
      <c r="JU28" s="118">
        <v>0</v>
      </c>
      <c r="JV28" s="119">
        <v>0</v>
      </c>
      <c r="JW28" s="119">
        <v>0</v>
      </c>
      <c r="JX28" s="119">
        <v>0</v>
      </c>
      <c r="JY28" s="119">
        <v>0</v>
      </c>
      <c r="JZ28" s="119">
        <v>0</v>
      </c>
      <c r="KA28" s="120">
        <v>0</v>
      </c>
      <c r="KB28" s="320">
        <v>0</v>
      </c>
      <c r="KC28" s="234">
        <v>0</v>
      </c>
      <c r="KD28" s="230">
        <v>0</v>
      </c>
      <c r="KE28" s="120">
        <v>0</v>
      </c>
      <c r="KF28" s="118">
        <v>0</v>
      </c>
      <c r="KG28" s="119">
        <v>0</v>
      </c>
      <c r="KH28" s="119">
        <v>0</v>
      </c>
      <c r="KI28" s="119">
        <v>0</v>
      </c>
      <c r="KJ28" s="119">
        <v>0</v>
      </c>
      <c r="KK28" s="119">
        <v>0</v>
      </c>
      <c r="KL28" s="120">
        <v>0</v>
      </c>
      <c r="KM28" s="143">
        <v>0</v>
      </c>
      <c r="KN28" s="232">
        <v>0</v>
      </c>
      <c r="KO28" s="236">
        <v>0</v>
      </c>
      <c r="KP28" s="237">
        <v>0</v>
      </c>
      <c r="KQ28" s="140"/>
      <c r="KR28" s="119">
        <v>211139</v>
      </c>
      <c r="KS28" s="119">
        <v>225016</v>
      </c>
      <c r="KT28" s="119">
        <v>451261</v>
      </c>
      <c r="KU28" s="119">
        <v>0</v>
      </c>
      <c r="KV28" s="119">
        <v>0</v>
      </c>
      <c r="KW28" s="120">
        <v>887416</v>
      </c>
      <c r="KX28" s="320">
        <v>887416</v>
      </c>
      <c r="KY28" s="142">
        <v>0</v>
      </c>
      <c r="KZ28" s="119">
        <v>0</v>
      </c>
      <c r="LA28" s="120">
        <v>0</v>
      </c>
      <c r="LB28" s="145"/>
      <c r="LC28" s="119">
        <v>0</v>
      </c>
      <c r="LD28" s="119">
        <v>0</v>
      </c>
      <c r="LE28" s="119">
        <v>0</v>
      </c>
      <c r="LF28" s="119">
        <v>0</v>
      </c>
      <c r="LG28" s="119">
        <v>0</v>
      </c>
      <c r="LH28" s="120">
        <v>0</v>
      </c>
      <c r="LI28" s="121">
        <v>0</v>
      </c>
      <c r="LJ28" s="142">
        <v>0</v>
      </c>
      <c r="LK28" s="119">
        <v>0</v>
      </c>
      <c r="LL28" s="120">
        <v>0</v>
      </c>
      <c r="LM28" s="145"/>
      <c r="LN28" s="119">
        <v>0</v>
      </c>
      <c r="LO28" s="119">
        <v>0</v>
      </c>
      <c r="LP28" s="119">
        <v>0</v>
      </c>
      <c r="LQ28" s="119">
        <v>0</v>
      </c>
      <c r="LR28" s="119">
        <v>0</v>
      </c>
      <c r="LS28" s="120">
        <v>0</v>
      </c>
      <c r="LT28" s="320">
        <v>0</v>
      </c>
      <c r="LU28" s="142">
        <v>0</v>
      </c>
      <c r="LV28" s="119">
        <v>0</v>
      </c>
      <c r="LW28" s="120">
        <v>0</v>
      </c>
      <c r="LX28" s="145"/>
      <c r="LY28" s="119">
        <v>0</v>
      </c>
      <c r="LZ28" s="119">
        <v>0</v>
      </c>
      <c r="MA28" s="119">
        <v>0</v>
      </c>
      <c r="MB28" s="119">
        <v>0</v>
      </c>
      <c r="MC28" s="119">
        <v>0</v>
      </c>
      <c r="MD28" s="120">
        <v>0</v>
      </c>
      <c r="ME28" s="121">
        <v>0</v>
      </c>
      <c r="MF28" s="142">
        <v>0</v>
      </c>
      <c r="MG28" s="119">
        <v>0</v>
      </c>
      <c r="MH28" s="120">
        <v>0</v>
      </c>
      <c r="MI28" s="145"/>
      <c r="MJ28" s="119">
        <v>0</v>
      </c>
      <c r="MK28" s="119">
        <v>84392</v>
      </c>
      <c r="ML28" s="119">
        <v>452599</v>
      </c>
      <c r="MM28" s="119">
        <v>1720607</v>
      </c>
      <c r="MN28" s="119">
        <v>1399020</v>
      </c>
      <c r="MO28" s="120">
        <v>3656618</v>
      </c>
      <c r="MP28" s="143">
        <v>3656618</v>
      </c>
      <c r="MQ28" s="142">
        <v>0</v>
      </c>
      <c r="MR28" s="119">
        <v>0</v>
      </c>
      <c r="MS28" s="120">
        <v>0</v>
      </c>
      <c r="MT28" s="145"/>
      <c r="MU28" s="119">
        <v>0</v>
      </c>
      <c r="MV28" s="119">
        <v>84392</v>
      </c>
      <c r="MW28" s="119">
        <v>214058</v>
      </c>
      <c r="MX28" s="119">
        <v>1115965</v>
      </c>
      <c r="MY28" s="119">
        <v>107874</v>
      </c>
      <c r="MZ28" s="120">
        <v>1522289</v>
      </c>
      <c r="NA28" s="143">
        <v>1522289</v>
      </c>
      <c r="NB28" s="142">
        <v>0</v>
      </c>
      <c r="NC28" s="119">
        <v>0</v>
      </c>
      <c r="ND28" s="120">
        <v>0</v>
      </c>
      <c r="NE28" s="145"/>
      <c r="NF28" s="119">
        <v>0</v>
      </c>
      <c r="NG28" s="119">
        <v>0</v>
      </c>
      <c r="NH28" s="119">
        <v>238541</v>
      </c>
      <c r="NI28" s="119">
        <v>604642</v>
      </c>
      <c r="NJ28" s="119">
        <v>969715</v>
      </c>
      <c r="NK28" s="120">
        <v>1812898</v>
      </c>
      <c r="NL28" s="320">
        <v>1812898</v>
      </c>
      <c r="NM28" s="142">
        <v>0</v>
      </c>
      <c r="NN28" s="119">
        <v>0</v>
      </c>
      <c r="NO28" s="120">
        <v>0</v>
      </c>
      <c r="NP28" s="145"/>
      <c r="NQ28" s="119">
        <v>0</v>
      </c>
      <c r="NR28" s="119">
        <v>0</v>
      </c>
      <c r="NS28" s="119">
        <v>0</v>
      </c>
      <c r="NT28" s="119">
        <v>0</v>
      </c>
      <c r="NU28" s="119">
        <v>0</v>
      </c>
      <c r="NV28" s="120">
        <v>0</v>
      </c>
      <c r="NW28" s="121">
        <v>0</v>
      </c>
      <c r="NX28" s="142">
        <v>0</v>
      </c>
      <c r="NY28" s="119">
        <v>0</v>
      </c>
      <c r="NZ28" s="120">
        <v>0</v>
      </c>
      <c r="OA28" s="145"/>
      <c r="OB28" s="119">
        <v>0</v>
      </c>
      <c r="OC28" s="119">
        <v>0</v>
      </c>
      <c r="OD28" s="119">
        <v>0</v>
      </c>
      <c r="OE28" s="119">
        <v>0</v>
      </c>
      <c r="OF28" s="119">
        <v>321431</v>
      </c>
      <c r="OG28" s="120">
        <v>321431</v>
      </c>
      <c r="OH28" s="121">
        <v>321431</v>
      </c>
      <c r="OI28" s="142">
        <v>85593</v>
      </c>
      <c r="OJ28" s="119">
        <v>153764</v>
      </c>
      <c r="OK28" s="141">
        <v>239357</v>
      </c>
      <c r="OL28" s="118">
        <v>0</v>
      </c>
      <c r="OM28" s="119">
        <v>1696767</v>
      </c>
      <c r="ON28" s="119">
        <v>2706896</v>
      </c>
      <c r="OO28" s="119">
        <v>3962222</v>
      </c>
      <c r="OP28" s="119">
        <v>5387093</v>
      </c>
      <c r="OQ28" s="119">
        <v>2524869</v>
      </c>
      <c r="OR28" s="120">
        <v>16277847</v>
      </c>
      <c r="OS28" s="143">
        <v>16517204</v>
      </c>
    </row>
    <row r="29" spans="2:409" ht="21" customHeight="1" x14ac:dyDescent="0.2">
      <c r="B29" s="126" t="s">
        <v>24</v>
      </c>
      <c r="C29" s="110">
        <v>178445</v>
      </c>
      <c r="D29" s="114">
        <v>350558</v>
      </c>
      <c r="E29" s="113">
        <v>529003</v>
      </c>
      <c r="F29" s="109">
        <v>0</v>
      </c>
      <c r="G29" s="114">
        <v>2286152</v>
      </c>
      <c r="H29" s="114">
        <v>2169070</v>
      </c>
      <c r="I29" s="114">
        <v>1559039</v>
      </c>
      <c r="J29" s="114">
        <v>2109523</v>
      </c>
      <c r="K29" s="114">
        <v>1961862</v>
      </c>
      <c r="L29" s="173">
        <v>10085646</v>
      </c>
      <c r="M29" s="116">
        <v>10614649</v>
      </c>
      <c r="N29" s="110">
        <v>37805</v>
      </c>
      <c r="O29" s="114">
        <v>64507</v>
      </c>
      <c r="P29" s="113">
        <v>102312</v>
      </c>
      <c r="Q29" s="110">
        <v>0</v>
      </c>
      <c r="R29" s="114">
        <v>453702</v>
      </c>
      <c r="S29" s="114">
        <v>370144</v>
      </c>
      <c r="T29" s="114">
        <v>481561</v>
      </c>
      <c r="U29" s="114">
        <v>778227</v>
      </c>
      <c r="V29" s="114">
        <v>949702</v>
      </c>
      <c r="W29" s="113">
        <v>3033336</v>
      </c>
      <c r="X29" s="116">
        <v>3135648</v>
      </c>
      <c r="Y29" s="110">
        <v>0</v>
      </c>
      <c r="Z29" s="114">
        <v>0</v>
      </c>
      <c r="AA29" s="113">
        <v>0</v>
      </c>
      <c r="AB29" s="110">
        <v>0</v>
      </c>
      <c r="AC29" s="114">
        <v>163184</v>
      </c>
      <c r="AD29" s="114">
        <v>201297</v>
      </c>
      <c r="AE29" s="114">
        <v>136627</v>
      </c>
      <c r="AF29" s="114">
        <v>500573</v>
      </c>
      <c r="AG29" s="114">
        <v>635758</v>
      </c>
      <c r="AH29" s="113">
        <v>1637439</v>
      </c>
      <c r="AI29" s="116">
        <v>1637439</v>
      </c>
      <c r="AJ29" s="110">
        <v>0</v>
      </c>
      <c r="AK29" s="114">
        <v>0</v>
      </c>
      <c r="AL29" s="113">
        <v>0</v>
      </c>
      <c r="AM29" s="110">
        <v>0</v>
      </c>
      <c r="AN29" s="114">
        <v>0</v>
      </c>
      <c r="AO29" s="114">
        <v>0</v>
      </c>
      <c r="AP29" s="114">
        <v>0</v>
      </c>
      <c r="AQ29" s="114">
        <v>0</v>
      </c>
      <c r="AR29" s="114">
        <v>83563</v>
      </c>
      <c r="AS29" s="113">
        <v>83563</v>
      </c>
      <c r="AT29" s="116">
        <v>83563</v>
      </c>
      <c r="AU29" s="110">
        <v>6564</v>
      </c>
      <c r="AV29" s="114">
        <v>46741</v>
      </c>
      <c r="AW29" s="113">
        <v>53305</v>
      </c>
      <c r="AX29" s="110">
        <v>0</v>
      </c>
      <c r="AY29" s="114">
        <v>162873</v>
      </c>
      <c r="AZ29" s="114">
        <v>77490</v>
      </c>
      <c r="BA29" s="114">
        <v>265204</v>
      </c>
      <c r="BB29" s="114">
        <v>145375</v>
      </c>
      <c r="BC29" s="114">
        <v>106824</v>
      </c>
      <c r="BD29" s="113">
        <v>757766</v>
      </c>
      <c r="BE29" s="116">
        <v>811071</v>
      </c>
      <c r="BF29" s="110">
        <v>0</v>
      </c>
      <c r="BG29" s="114">
        <v>0</v>
      </c>
      <c r="BH29" s="112">
        <v>0</v>
      </c>
      <c r="BI29" s="111">
        <v>0</v>
      </c>
      <c r="BJ29" s="114">
        <v>0</v>
      </c>
      <c r="BK29" s="114">
        <v>0</v>
      </c>
      <c r="BL29" s="114">
        <v>0</v>
      </c>
      <c r="BM29" s="114">
        <v>0</v>
      </c>
      <c r="BN29" s="114">
        <v>28490</v>
      </c>
      <c r="BO29" s="113">
        <v>28490</v>
      </c>
      <c r="BP29" s="116">
        <v>28490</v>
      </c>
      <c r="BQ29" s="110">
        <v>31241</v>
      </c>
      <c r="BR29" s="114">
        <v>17766</v>
      </c>
      <c r="BS29" s="113">
        <v>49007</v>
      </c>
      <c r="BT29" s="110">
        <v>0</v>
      </c>
      <c r="BU29" s="114">
        <v>127645</v>
      </c>
      <c r="BV29" s="114">
        <v>91357</v>
      </c>
      <c r="BW29" s="114">
        <v>79730</v>
      </c>
      <c r="BX29" s="114">
        <v>132279</v>
      </c>
      <c r="BY29" s="114">
        <v>95067</v>
      </c>
      <c r="BZ29" s="113">
        <v>526078</v>
      </c>
      <c r="CA29" s="116">
        <v>575085</v>
      </c>
      <c r="CB29" s="110">
        <v>17874</v>
      </c>
      <c r="CC29" s="114">
        <v>0</v>
      </c>
      <c r="CD29" s="113">
        <v>17874</v>
      </c>
      <c r="CE29" s="110">
        <v>0</v>
      </c>
      <c r="CF29" s="114">
        <v>397366</v>
      </c>
      <c r="CG29" s="114">
        <v>673318</v>
      </c>
      <c r="CH29" s="114">
        <v>170410</v>
      </c>
      <c r="CI29" s="114">
        <v>145359</v>
      </c>
      <c r="CJ29" s="114">
        <v>217307</v>
      </c>
      <c r="CK29" s="113">
        <v>1603760</v>
      </c>
      <c r="CL29" s="116">
        <v>1621634</v>
      </c>
      <c r="CM29" s="110">
        <v>0</v>
      </c>
      <c r="CN29" s="114">
        <v>0</v>
      </c>
      <c r="CO29" s="113">
        <v>0</v>
      </c>
      <c r="CP29" s="111">
        <v>0</v>
      </c>
      <c r="CQ29" s="114">
        <v>207870</v>
      </c>
      <c r="CR29" s="114">
        <v>399463</v>
      </c>
      <c r="CS29" s="114">
        <v>129579</v>
      </c>
      <c r="CT29" s="114">
        <v>68166</v>
      </c>
      <c r="CU29" s="114">
        <v>74923</v>
      </c>
      <c r="CV29" s="113">
        <v>880001</v>
      </c>
      <c r="CW29" s="116">
        <v>880001</v>
      </c>
      <c r="CX29" s="110">
        <v>17874</v>
      </c>
      <c r="CY29" s="114">
        <v>0</v>
      </c>
      <c r="CZ29" s="113">
        <v>17874</v>
      </c>
      <c r="DA29" s="110">
        <v>0</v>
      </c>
      <c r="DB29" s="114">
        <v>189496</v>
      </c>
      <c r="DC29" s="114">
        <v>273855</v>
      </c>
      <c r="DD29" s="114">
        <v>40831</v>
      </c>
      <c r="DE29" s="114">
        <v>77193</v>
      </c>
      <c r="DF29" s="114">
        <v>142384</v>
      </c>
      <c r="DG29" s="113">
        <v>723759</v>
      </c>
      <c r="DH29" s="116">
        <v>741633</v>
      </c>
      <c r="DI29" s="110">
        <v>0</v>
      </c>
      <c r="DJ29" s="114">
        <v>0</v>
      </c>
      <c r="DK29" s="112">
        <v>0</v>
      </c>
      <c r="DL29" s="111">
        <v>0</v>
      </c>
      <c r="DM29" s="114">
        <v>0</v>
      </c>
      <c r="DN29" s="114">
        <v>58859</v>
      </c>
      <c r="DO29" s="114">
        <v>0</v>
      </c>
      <c r="DP29" s="114">
        <v>25676</v>
      </c>
      <c r="DQ29" s="114">
        <v>162257</v>
      </c>
      <c r="DR29" s="113">
        <v>246792</v>
      </c>
      <c r="DS29" s="116">
        <v>246792</v>
      </c>
      <c r="DT29" s="110">
        <v>0</v>
      </c>
      <c r="DU29" s="114">
        <v>0</v>
      </c>
      <c r="DV29" s="113">
        <v>0</v>
      </c>
      <c r="DW29" s="110">
        <v>0</v>
      </c>
      <c r="DX29" s="114">
        <v>0</v>
      </c>
      <c r="DY29" s="114">
        <v>58859</v>
      </c>
      <c r="DZ29" s="114">
        <v>0</v>
      </c>
      <c r="EA29" s="114">
        <v>25676</v>
      </c>
      <c r="EB29" s="114">
        <v>76004</v>
      </c>
      <c r="EC29" s="113">
        <v>160539</v>
      </c>
      <c r="ED29" s="116">
        <v>160539</v>
      </c>
      <c r="EE29" s="110">
        <v>0</v>
      </c>
      <c r="EF29" s="112">
        <v>0</v>
      </c>
      <c r="EG29" s="113">
        <v>0</v>
      </c>
      <c r="EH29" s="110">
        <v>0</v>
      </c>
      <c r="EI29" s="114">
        <v>0</v>
      </c>
      <c r="EJ29" s="114">
        <v>0</v>
      </c>
      <c r="EK29" s="114">
        <v>0</v>
      </c>
      <c r="EL29" s="114">
        <v>0</v>
      </c>
      <c r="EM29" s="114">
        <v>86253</v>
      </c>
      <c r="EN29" s="112">
        <v>86253</v>
      </c>
      <c r="EO29" s="116">
        <v>86253</v>
      </c>
      <c r="EP29" s="110">
        <v>0</v>
      </c>
      <c r="EQ29" s="114">
        <v>0</v>
      </c>
      <c r="ER29" s="112">
        <v>0</v>
      </c>
      <c r="ES29" s="111">
        <v>0</v>
      </c>
      <c r="ET29" s="114">
        <v>0</v>
      </c>
      <c r="EU29" s="114">
        <v>0</v>
      </c>
      <c r="EV29" s="114">
        <v>0</v>
      </c>
      <c r="EW29" s="114">
        <v>0</v>
      </c>
      <c r="EX29" s="114">
        <v>0</v>
      </c>
      <c r="EY29" s="113">
        <v>0</v>
      </c>
      <c r="EZ29" s="116">
        <v>0</v>
      </c>
      <c r="FA29" s="110">
        <v>0</v>
      </c>
      <c r="FB29" s="114">
        <v>0</v>
      </c>
      <c r="FC29" s="112">
        <v>0</v>
      </c>
      <c r="FD29" s="347"/>
      <c r="FE29" s="114">
        <v>0</v>
      </c>
      <c r="FF29" s="114">
        <v>0</v>
      </c>
      <c r="FG29" s="114">
        <v>0</v>
      </c>
      <c r="FH29" s="114">
        <v>0</v>
      </c>
      <c r="FI29" s="114">
        <v>0</v>
      </c>
      <c r="FJ29" s="113">
        <v>0</v>
      </c>
      <c r="FK29" s="116">
        <v>0</v>
      </c>
      <c r="FL29" s="110">
        <v>27440</v>
      </c>
      <c r="FM29" s="114">
        <v>53116</v>
      </c>
      <c r="FN29" s="113">
        <v>80556</v>
      </c>
      <c r="FO29" s="110">
        <v>0</v>
      </c>
      <c r="FP29" s="114">
        <v>38430</v>
      </c>
      <c r="FQ29" s="114">
        <v>144725</v>
      </c>
      <c r="FR29" s="114">
        <v>142205</v>
      </c>
      <c r="FS29" s="114">
        <v>85274</v>
      </c>
      <c r="FT29" s="114">
        <v>196266</v>
      </c>
      <c r="FU29" s="113">
        <v>606900</v>
      </c>
      <c r="FV29" s="116">
        <v>687456</v>
      </c>
      <c r="FW29" s="115">
        <v>27440</v>
      </c>
      <c r="FX29" s="114">
        <v>30716</v>
      </c>
      <c r="FY29" s="112">
        <v>58156</v>
      </c>
      <c r="FZ29" s="111">
        <v>0</v>
      </c>
      <c r="GA29" s="114">
        <v>38430</v>
      </c>
      <c r="GB29" s="114">
        <v>144725</v>
      </c>
      <c r="GC29" s="114">
        <v>131005</v>
      </c>
      <c r="GD29" s="114">
        <v>85274</v>
      </c>
      <c r="GE29" s="114">
        <v>196266</v>
      </c>
      <c r="GF29" s="113">
        <v>595700</v>
      </c>
      <c r="GG29" s="318">
        <v>653856</v>
      </c>
      <c r="GH29" s="115">
        <v>0</v>
      </c>
      <c r="GI29" s="114">
        <v>0</v>
      </c>
      <c r="GJ29" s="112">
        <v>0</v>
      </c>
      <c r="GK29" s="111">
        <v>0</v>
      </c>
      <c r="GL29" s="114">
        <v>0</v>
      </c>
      <c r="GM29" s="114">
        <v>0</v>
      </c>
      <c r="GN29" s="114">
        <v>0</v>
      </c>
      <c r="GO29" s="114">
        <v>0</v>
      </c>
      <c r="GP29" s="114">
        <v>0</v>
      </c>
      <c r="GQ29" s="113">
        <v>0</v>
      </c>
      <c r="GR29" s="116">
        <v>0</v>
      </c>
      <c r="GS29" s="110">
        <v>0</v>
      </c>
      <c r="GT29" s="114">
        <v>22400</v>
      </c>
      <c r="GU29" s="113">
        <v>22400</v>
      </c>
      <c r="GV29" s="110">
        <v>0</v>
      </c>
      <c r="GW29" s="114">
        <v>0</v>
      </c>
      <c r="GX29" s="114">
        <v>0</v>
      </c>
      <c r="GY29" s="114">
        <v>11200</v>
      </c>
      <c r="GZ29" s="114">
        <v>0</v>
      </c>
      <c r="HA29" s="114">
        <v>0</v>
      </c>
      <c r="HB29" s="112">
        <v>11200</v>
      </c>
      <c r="HC29" s="116">
        <v>33600</v>
      </c>
      <c r="HD29" s="110">
        <v>95326</v>
      </c>
      <c r="HE29" s="114">
        <v>232935</v>
      </c>
      <c r="HF29" s="112">
        <v>328261</v>
      </c>
      <c r="HG29" s="111">
        <v>0</v>
      </c>
      <c r="HH29" s="114">
        <v>1396654</v>
      </c>
      <c r="HI29" s="114">
        <v>922024</v>
      </c>
      <c r="HJ29" s="114">
        <v>764863</v>
      </c>
      <c r="HK29" s="114">
        <v>1074987</v>
      </c>
      <c r="HL29" s="114">
        <v>436330</v>
      </c>
      <c r="HM29" s="113">
        <v>4594858</v>
      </c>
      <c r="HN29" s="109">
        <v>4923119</v>
      </c>
      <c r="HO29" s="328"/>
      <c r="HP29" s="329"/>
      <c r="HQ29" s="330"/>
      <c r="HR29" s="331"/>
      <c r="HS29" s="329"/>
      <c r="HT29" s="329"/>
      <c r="HU29" s="329"/>
      <c r="HV29" s="329"/>
      <c r="HW29" s="329"/>
      <c r="HX29" s="332"/>
      <c r="HY29" s="333"/>
      <c r="HZ29" s="131">
        <v>0</v>
      </c>
      <c r="IA29" s="132">
        <v>0</v>
      </c>
      <c r="IB29" s="133">
        <v>0</v>
      </c>
      <c r="IC29" s="146">
        <v>0</v>
      </c>
      <c r="ID29" s="132">
        <v>267883</v>
      </c>
      <c r="IE29" s="147">
        <v>69633</v>
      </c>
      <c r="IF29" s="133">
        <v>624764</v>
      </c>
      <c r="IG29" s="132">
        <v>404373</v>
      </c>
      <c r="IH29" s="133">
        <v>679373</v>
      </c>
      <c r="II29" s="148">
        <v>2046026</v>
      </c>
      <c r="IJ29" s="139">
        <v>2046026</v>
      </c>
      <c r="IK29" s="232">
        <v>0</v>
      </c>
      <c r="IL29" s="236">
        <v>0</v>
      </c>
      <c r="IM29" s="237">
        <v>0</v>
      </c>
      <c r="IN29" s="140"/>
      <c r="IO29" s="119">
        <v>0</v>
      </c>
      <c r="IP29" s="119">
        <v>0</v>
      </c>
      <c r="IQ29" s="119">
        <v>0</v>
      </c>
      <c r="IR29" s="119">
        <v>189329</v>
      </c>
      <c r="IS29" s="119">
        <v>0</v>
      </c>
      <c r="IT29" s="141">
        <v>189329</v>
      </c>
      <c r="IU29" s="320">
        <v>189329</v>
      </c>
      <c r="IV29" s="142">
        <v>0</v>
      </c>
      <c r="IW29" s="119">
        <v>0</v>
      </c>
      <c r="IX29" s="120">
        <v>0</v>
      </c>
      <c r="IY29" s="144"/>
      <c r="IZ29" s="119">
        <v>0</v>
      </c>
      <c r="JA29" s="119">
        <v>0</v>
      </c>
      <c r="JB29" s="119">
        <v>0</v>
      </c>
      <c r="JC29" s="119">
        <v>0</v>
      </c>
      <c r="JD29" s="119">
        <v>0</v>
      </c>
      <c r="JE29" s="120">
        <v>0</v>
      </c>
      <c r="JF29" s="121">
        <v>0</v>
      </c>
      <c r="JG29" s="142">
        <v>0</v>
      </c>
      <c r="JH29" s="119">
        <v>0</v>
      </c>
      <c r="JI29" s="141">
        <v>0</v>
      </c>
      <c r="JJ29" s="118">
        <v>0</v>
      </c>
      <c r="JK29" s="119">
        <v>0</v>
      </c>
      <c r="JL29" s="119">
        <v>0</v>
      </c>
      <c r="JM29" s="119">
        <v>59128</v>
      </c>
      <c r="JN29" s="119">
        <v>0</v>
      </c>
      <c r="JO29" s="119">
        <v>0</v>
      </c>
      <c r="JP29" s="120">
        <v>59128</v>
      </c>
      <c r="JQ29" s="320">
        <v>59128</v>
      </c>
      <c r="JR29" s="142">
        <v>0</v>
      </c>
      <c r="JS29" s="119">
        <v>0</v>
      </c>
      <c r="JT29" s="141">
        <v>0</v>
      </c>
      <c r="JU29" s="118">
        <v>0</v>
      </c>
      <c r="JV29" s="119">
        <v>0</v>
      </c>
      <c r="JW29" s="119">
        <v>69633</v>
      </c>
      <c r="JX29" s="119">
        <v>0</v>
      </c>
      <c r="JY29" s="119">
        <v>0</v>
      </c>
      <c r="JZ29" s="119">
        <v>223423</v>
      </c>
      <c r="KA29" s="120">
        <v>293056</v>
      </c>
      <c r="KB29" s="320">
        <v>293056</v>
      </c>
      <c r="KC29" s="234">
        <v>0</v>
      </c>
      <c r="KD29" s="230">
        <v>0</v>
      </c>
      <c r="KE29" s="120">
        <v>0</v>
      </c>
      <c r="KF29" s="118">
        <v>0</v>
      </c>
      <c r="KG29" s="119">
        <v>267883</v>
      </c>
      <c r="KH29" s="119">
        <v>0</v>
      </c>
      <c r="KI29" s="119">
        <v>351628</v>
      </c>
      <c r="KJ29" s="119">
        <v>0</v>
      </c>
      <c r="KK29" s="119">
        <v>235751</v>
      </c>
      <c r="KL29" s="120">
        <v>855262</v>
      </c>
      <c r="KM29" s="143">
        <v>855262</v>
      </c>
      <c r="KN29" s="232">
        <v>0</v>
      </c>
      <c r="KO29" s="236">
        <v>0</v>
      </c>
      <c r="KP29" s="237">
        <v>0</v>
      </c>
      <c r="KQ29" s="140"/>
      <c r="KR29" s="119">
        <v>0</v>
      </c>
      <c r="KS29" s="119">
        <v>0</v>
      </c>
      <c r="KT29" s="119">
        <v>214008</v>
      </c>
      <c r="KU29" s="119">
        <v>215044</v>
      </c>
      <c r="KV29" s="119">
        <v>220199</v>
      </c>
      <c r="KW29" s="120">
        <v>649251</v>
      </c>
      <c r="KX29" s="320">
        <v>649251</v>
      </c>
      <c r="KY29" s="142">
        <v>0</v>
      </c>
      <c r="KZ29" s="119">
        <v>0</v>
      </c>
      <c r="LA29" s="120">
        <v>0</v>
      </c>
      <c r="LB29" s="145"/>
      <c r="LC29" s="119">
        <v>0</v>
      </c>
      <c r="LD29" s="119">
        <v>0</v>
      </c>
      <c r="LE29" s="119">
        <v>0</v>
      </c>
      <c r="LF29" s="119">
        <v>0</v>
      </c>
      <c r="LG29" s="119">
        <v>0</v>
      </c>
      <c r="LH29" s="120">
        <v>0</v>
      </c>
      <c r="LI29" s="121">
        <v>0</v>
      </c>
      <c r="LJ29" s="142">
        <v>0</v>
      </c>
      <c r="LK29" s="119">
        <v>0</v>
      </c>
      <c r="LL29" s="120">
        <v>0</v>
      </c>
      <c r="LM29" s="145"/>
      <c r="LN29" s="119">
        <v>0</v>
      </c>
      <c r="LO29" s="119">
        <v>0</v>
      </c>
      <c r="LP29" s="119">
        <v>0</v>
      </c>
      <c r="LQ29" s="119">
        <v>0</v>
      </c>
      <c r="LR29" s="119">
        <v>0</v>
      </c>
      <c r="LS29" s="120">
        <v>0</v>
      </c>
      <c r="LT29" s="320">
        <v>0</v>
      </c>
      <c r="LU29" s="142">
        <v>0</v>
      </c>
      <c r="LV29" s="119">
        <v>0</v>
      </c>
      <c r="LW29" s="120">
        <v>0</v>
      </c>
      <c r="LX29" s="145"/>
      <c r="LY29" s="119">
        <v>0</v>
      </c>
      <c r="LZ29" s="119">
        <v>0</v>
      </c>
      <c r="MA29" s="119">
        <v>0</v>
      </c>
      <c r="MB29" s="119">
        <v>0</v>
      </c>
      <c r="MC29" s="119">
        <v>0</v>
      </c>
      <c r="MD29" s="120">
        <v>0</v>
      </c>
      <c r="ME29" s="121">
        <v>0</v>
      </c>
      <c r="MF29" s="142">
        <v>0</v>
      </c>
      <c r="MG29" s="119">
        <v>0</v>
      </c>
      <c r="MH29" s="120">
        <v>0</v>
      </c>
      <c r="MI29" s="145"/>
      <c r="MJ29" s="119">
        <v>0</v>
      </c>
      <c r="MK29" s="119">
        <v>0</v>
      </c>
      <c r="ML29" s="119">
        <v>593920</v>
      </c>
      <c r="MM29" s="119">
        <v>982151</v>
      </c>
      <c r="MN29" s="119">
        <v>750068</v>
      </c>
      <c r="MO29" s="120">
        <v>2326139</v>
      </c>
      <c r="MP29" s="143">
        <v>2326139</v>
      </c>
      <c r="MQ29" s="142">
        <v>0</v>
      </c>
      <c r="MR29" s="119">
        <v>0</v>
      </c>
      <c r="MS29" s="120">
        <v>0</v>
      </c>
      <c r="MT29" s="145"/>
      <c r="MU29" s="119">
        <v>0</v>
      </c>
      <c r="MV29" s="119">
        <v>0</v>
      </c>
      <c r="MW29" s="119">
        <v>217315</v>
      </c>
      <c r="MX29" s="119">
        <v>699813</v>
      </c>
      <c r="MY29" s="119">
        <v>492300</v>
      </c>
      <c r="MZ29" s="120">
        <v>1409428</v>
      </c>
      <c r="NA29" s="143">
        <v>1409428</v>
      </c>
      <c r="NB29" s="142">
        <v>0</v>
      </c>
      <c r="NC29" s="119">
        <v>0</v>
      </c>
      <c r="ND29" s="120">
        <v>0</v>
      </c>
      <c r="NE29" s="145"/>
      <c r="NF29" s="119">
        <v>0</v>
      </c>
      <c r="NG29" s="119">
        <v>0</v>
      </c>
      <c r="NH29" s="119">
        <v>376605</v>
      </c>
      <c r="NI29" s="119">
        <v>282338</v>
      </c>
      <c r="NJ29" s="119">
        <v>257768</v>
      </c>
      <c r="NK29" s="120">
        <v>916711</v>
      </c>
      <c r="NL29" s="320">
        <v>916711</v>
      </c>
      <c r="NM29" s="142">
        <v>0</v>
      </c>
      <c r="NN29" s="119">
        <v>0</v>
      </c>
      <c r="NO29" s="120">
        <v>0</v>
      </c>
      <c r="NP29" s="145"/>
      <c r="NQ29" s="119">
        <v>0</v>
      </c>
      <c r="NR29" s="119">
        <v>0</v>
      </c>
      <c r="NS29" s="119">
        <v>0</v>
      </c>
      <c r="NT29" s="119">
        <v>0</v>
      </c>
      <c r="NU29" s="119">
        <v>0</v>
      </c>
      <c r="NV29" s="120">
        <v>0</v>
      </c>
      <c r="NW29" s="121">
        <v>0</v>
      </c>
      <c r="NX29" s="142">
        <v>0</v>
      </c>
      <c r="NY29" s="119">
        <v>0</v>
      </c>
      <c r="NZ29" s="120">
        <v>0</v>
      </c>
      <c r="OA29" s="145"/>
      <c r="OB29" s="119">
        <v>0</v>
      </c>
      <c r="OC29" s="119">
        <v>0</v>
      </c>
      <c r="OD29" s="119">
        <v>0</v>
      </c>
      <c r="OE29" s="119">
        <v>0</v>
      </c>
      <c r="OF29" s="119">
        <v>0</v>
      </c>
      <c r="OG29" s="120">
        <v>0</v>
      </c>
      <c r="OH29" s="121">
        <v>0</v>
      </c>
      <c r="OI29" s="142">
        <v>178445</v>
      </c>
      <c r="OJ29" s="119">
        <v>350558</v>
      </c>
      <c r="OK29" s="141">
        <v>529003</v>
      </c>
      <c r="OL29" s="118">
        <v>0</v>
      </c>
      <c r="OM29" s="119">
        <v>2554035</v>
      </c>
      <c r="ON29" s="119">
        <v>2238703</v>
      </c>
      <c r="OO29" s="119">
        <v>2777723</v>
      </c>
      <c r="OP29" s="119">
        <v>3496047</v>
      </c>
      <c r="OQ29" s="119">
        <v>3391303</v>
      </c>
      <c r="OR29" s="120">
        <v>14457811</v>
      </c>
      <c r="OS29" s="143">
        <v>14986814</v>
      </c>
    </row>
    <row r="30" spans="2:409" ht="21" customHeight="1" x14ac:dyDescent="0.2">
      <c r="B30" s="126" t="s">
        <v>25</v>
      </c>
      <c r="C30" s="110">
        <v>42616</v>
      </c>
      <c r="D30" s="114">
        <v>201752</v>
      </c>
      <c r="E30" s="113">
        <v>244368</v>
      </c>
      <c r="F30" s="109">
        <v>0</v>
      </c>
      <c r="G30" s="114">
        <v>824631</v>
      </c>
      <c r="H30" s="114">
        <v>1552950</v>
      </c>
      <c r="I30" s="114">
        <v>1071350</v>
      </c>
      <c r="J30" s="114">
        <v>694489</v>
      </c>
      <c r="K30" s="114">
        <v>1168549</v>
      </c>
      <c r="L30" s="173">
        <v>5311969</v>
      </c>
      <c r="M30" s="116">
        <v>5556337</v>
      </c>
      <c r="N30" s="110">
        <v>33922</v>
      </c>
      <c r="O30" s="114">
        <v>52011</v>
      </c>
      <c r="P30" s="113">
        <v>85933</v>
      </c>
      <c r="Q30" s="110">
        <v>0</v>
      </c>
      <c r="R30" s="114">
        <v>233696</v>
      </c>
      <c r="S30" s="114">
        <v>187670</v>
      </c>
      <c r="T30" s="114">
        <v>187286</v>
      </c>
      <c r="U30" s="114">
        <v>191560</v>
      </c>
      <c r="V30" s="114">
        <v>432524</v>
      </c>
      <c r="W30" s="113">
        <v>1232736</v>
      </c>
      <c r="X30" s="116">
        <v>1318669</v>
      </c>
      <c r="Y30" s="110">
        <v>0</v>
      </c>
      <c r="Z30" s="114">
        <v>0</v>
      </c>
      <c r="AA30" s="113">
        <v>0</v>
      </c>
      <c r="AB30" s="110">
        <v>0</v>
      </c>
      <c r="AC30" s="114">
        <v>87697</v>
      </c>
      <c r="AD30" s="114">
        <v>93008</v>
      </c>
      <c r="AE30" s="114">
        <v>52818</v>
      </c>
      <c r="AF30" s="114">
        <v>11264</v>
      </c>
      <c r="AG30" s="114">
        <v>22297</v>
      </c>
      <c r="AH30" s="113">
        <v>267084</v>
      </c>
      <c r="AI30" s="116">
        <v>267084</v>
      </c>
      <c r="AJ30" s="110">
        <v>0</v>
      </c>
      <c r="AK30" s="114">
        <v>0</v>
      </c>
      <c r="AL30" s="113">
        <v>0</v>
      </c>
      <c r="AM30" s="110">
        <v>0</v>
      </c>
      <c r="AN30" s="114">
        <v>0</v>
      </c>
      <c r="AO30" s="114">
        <v>0</v>
      </c>
      <c r="AP30" s="114">
        <v>0</v>
      </c>
      <c r="AQ30" s="114">
        <v>138392</v>
      </c>
      <c r="AR30" s="114">
        <v>248915</v>
      </c>
      <c r="AS30" s="113">
        <v>387307</v>
      </c>
      <c r="AT30" s="116">
        <v>387307</v>
      </c>
      <c r="AU30" s="110">
        <v>17780</v>
      </c>
      <c r="AV30" s="114">
        <v>49925</v>
      </c>
      <c r="AW30" s="113">
        <v>67705</v>
      </c>
      <c r="AX30" s="110">
        <v>0</v>
      </c>
      <c r="AY30" s="114">
        <v>128415</v>
      </c>
      <c r="AZ30" s="114">
        <v>70834</v>
      </c>
      <c r="BA30" s="114">
        <v>108295</v>
      </c>
      <c r="BB30" s="114">
        <v>26266</v>
      </c>
      <c r="BC30" s="114">
        <v>111892</v>
      </c>
      <c r="BD30" s="113">
        <v>445702</v>
      </c>
      <c r="BE30" s="116">
        <v>513407</v>
      </c>
      <c r="BF30" s="110">
        <v>0</v>
      </c>
      <c r="BG30" s="114">
        <v>0</v>
      </c>
      <c r="BH30" s="112">
        <v>0</v>
      </c>
      <c r="BI30" s="111">
        <v>0</v>
      </c>
      <c r="BJ30" s="114">
        <v>0</v>
      </c>
      <c r="BK30" s="114">
        <v>0</v>
      </c>
      <c r="BL30" s="114">
        <v>0</v>
      </c>
      <c r="BM30" s="114">
        <v>0</v>
      </c>
      <c r="BN30" s="114">
        <v>0</v>
      </c>
      <c r="BO30" s="113">
        <v>0</v>
      </c>
      <c r="BP30" s="116">
        <v>0</v>
      </c>
      <c r="BQ30" s="110">
        <v>16142</v>
      </c>
      <c r="BR30" s="114">
        <v>2086</v>
      </c>
      <c r="BS30" s="113">
        <v>18228</v>
      </c>
      <c r="BT30" s="110">
        <v>0</v>
      </c>
      <c r="BU30" s="114">
        <v>17584</v>
      </c>
      <c r="BV30" s="114">
        <v>23828</v>
      </c>
      <c r="BW30" s="114">
        <v>26173</v>
      </c>
      <c r="BX30" s="114">
        <v>15638</v>
      </c>
      <c r="BY30" s="114">
        <v>49420</v>
      </c>
      <c r="BZ30" s="113">
        <v>132643</v>
      </c>
      <c r="CA30" s="116">
        <v>150871</v>
      </c>
      <c r="CB30" s="110">
        <v>0</v>
      </c>
      <c r="CC30" s="114">
        <v>66399</v>
      </c>
      <c r="CD30" s="113">
        <v>66399</v>
      </c>
      <c r="CE30" s="110">
        <v>0</v>
      </c>
      <c r="CF30" s="114">
        <v>413170</v>
      </c>
      <c r="CG30" s="114">
        <v>727382</v>
      </c>
      <c r="CH30" s="114">
        <v>359687</v>
      </c>
      <c r="CI30" s="114">
        <v>25229</v>
      </c>
      <c r="CJ30" s="114">
        <v>238397</v>
      </c>
      <c r="CK30" s="113">
        <v>1763865</v>
      </c>
      <c r="CL30" s="116">
        <v>1830264</v>
      </c>
      <c r="CM30" s="110">
        <v>0</v>
      </c>
      <c r="CN30" s="114">
        <v>0</v>
      </c>
      <c r="CO30" s="113">
        <v>0</v>
      </c>
      <c r="CP30" s="111">
        <v>0</v>
      </c>
      <c r="CQ30" s="114">
        <v>291622</v>
      </c>
      <c r="CR30" s="114">
        <v>414129</v>
      </c>
      <c r="CS30" s="114">
        <v>291302</v>
      </c>
      <c r="CT30" s="114">
        <v>25229</v>
      </c>
      <c r="CU30" s="114">
        <v>0</v>
      </c>
      <c r="CV30" s="113">
        <v>1022282</v>
      </c>
      <c r="CW30" s="116">
        <v>1022282</v>
      </c>
      <c r="CX30" s="110">
        <v>0</v>
      </c>
      <c r="CY30" s="114">
        <v>66399</v>
      </c>
      <c r="CZ30" s="113">
        <v>66399</v>
      </c>
      <c r="DA30" s="110">
        <v>0</v>
      </c>
      <c r="DB30" s="114">
        <v>121548</v>
      </c>
      <c r="DC30" s="114">
        <v>313253</v>
      </c>
      <c r="DD30" s="114">
        <v>68385</v>
      </c>
      <c r="DE30" s="114">
        <v>0</v>
      </c>
      <c r="DF30" s="114">
        <v>238397</v>
      </c>
      <c r="DG30" s="113">
        <v>741583</v>
      </c>
      <c r="DH30" s="116">
        <v>807982</v>
      </c>
      <c r="DI30" s="110">
        <v>0</v>
      </c>
      <c r="DJ30" s="114">
        <v>0</v>
      </c>
      <c r="DK30" s="112">
        <v>0</v>
      </c>
      <c r="DL30" s="111">
        <v>0</v>
      </c>
      <c r="DM30" s="114">
        <v>27335</v>
      </c>
      <c r="DN30" s="114">
        <v>123822</v>
      </c>
      <c r="DO30" s="114">
        <v>123488</v>
      </c>
      <c r="DP30" s="114">
        <v>0</v>
      </c>
      <c r="DQ30" s="114">
        <v>0</v>
      </c>
      <c r="DR30" s="113">
        <v>274645</v>
      </c>
      <c r="DS30" s="116">
        <v>274645</v>
      </c>
      <c r="DT30" s="110">
        <v>0</v>
      </c>
      <c r="DU30" s="114">
        <v>0</v>
      </c>
      <c r="DV30" s="113">
        <v>0</v>
      </c>
      <c r="DW30" s="110">
        <v>0</v>
      </c>
      <c r="DX30" s="114">
        <v>0</v>
      </c>
      <c r="DY30" s="114">
        <v>123822</v>
      </c>
      <c r="DZ30" s="114">
        <v>113035</v>
      </c>
      <c r="EA30" s="114">
        <v>0</v>
      </c>
      <c r="EB30" s="114">
        <v>0</v>
      </c>
      <c r="EC30" s="113">
        <v>236857</v>
      </c>
      <c r="ED30" s="116">
        <v>236857</v>
      </c>
      <c r="EE30" s="110">
        <v>0</v>
      </c>
      <c r="EF30" s="112">
        <v>0</v>
      </c>
      <c r="EG30" s="113">
        <v>0</v>
      </c>
      <c r="EH30" s="110">
        <v>0</v>
      </c>
      <c r="EI30" s="114">
        <v>27335</v>
      </c>
      <c r="EJ30" s="114">
        <v>0</v>
      </c>
      <c r="EK30" s="114">
        <v>10453</v>
      </c>
      <c r="EL30" s="114">
        <v>0</v>
      </c>
      <c r="EM30" s="114">
        <v>0</v>
      </c>
      <c r="EN30" s="112">
        <v>37788</v>
      </c>
      <c r="EO30" s="116">
        <v>37788</v>
      </c>
      <c r="EP30" s="110">
        <v>0</v>
      </c>
      <c r="EQ30" s="114">
        <v>0</v>
      </c>
      <c r="ER30" s="112">
        <v>0</v>
      </c>
      <c r="ES30" s="111">
        <v>0</v>
      </c>
      <c r="ET30" s="114">
        <v>0</v>
      </c>
      <c r="EU30" s="114">
        <v>0</v>
      </c>
      <c r="EV30" s="114">
        <v>0</v>
      </c>
      <c r="EW30" s="114">
        <v>0</v>
      </c>
      <c r="EX30" s="114">
        <v>0</v>
      </c>
      <c r="EY30" s="113">
        <v>0</v>
      </c>
      <c r="EZ30" s="116">
        <v>0</v>
      </c>
      <c r="FA30" s="110">
        <v>0</v>
      </c>
      <c r="FB30" s="114">
        <v>0</v>
      </c>
      <c r="FC30" s="112">
        <v>0</v>
      </c>
      <c r="FD30" s="347"/>
      <c r="FE30" s="114">
        <v>0</v>
      </c>
      <c r="FF30" s="114">
        <v>0</v>
      </c>
      <c r="FG30" s="114">
        <v>0</v>
      </c>
      <c r="FH30" s="114">
        <v>0</v>
      </c>
      <c r="FI30" s="114">
        <v>0</v>
      </c>
      <c r="FJ30" s="113">
        <v>0</v>
      </c>
      <c r="FK30" s="116">
        <v>0</v>
      </c>
      <c r="FL30" s="110">
        <v>8694</v>
      </c>
      <c r="FM30" s="114">
        <v>83342</v>
      </c>
      <c r="FN30" s="113">
        <v>92036</v>
      </c>
      <c r="FO30" s="110">
        <v>0</v>
      </c>
      <c r="FP30" s="114">
        <v>150430</v>
      </c>
      <c r="FQ30" s="114">
        <v>201376</v>
      </c>
      <c r="FR30" s="114">
        <v>74788</v>
      </c>
      <c r="FS30" s="114">
        <v>102991</v>
      </c>
      <c r="FT30" s="114">
        <v>84735</v>
      </c>
      <c r="FU30" s="113">
        <v>614320</v>
      </c>
      <c r="FV30" s="116">
        <v>706356</v>
      </c>
      <c r="FW30" s="115">
        <v>8694</v>
      </c>
      <c r="FX30" s="114">
        <v>38962</v>
      </c>
      <c r="FY30" s="112">
        <v>47656</v>
      </c>
      <c r="FZ30" s="111">
        <v>0</v>
      </c>
      <c r="GA30" s="114">
        <v>31010</v>
      </c>
      <c r="GB30" s="114">
        <v>131376</v>
      </c>
      <c r="GC30" s="114">
        <v>74788</v>
      </c>
      <c r="GD30" s="114">
        <v>102991</v>
      </c>
      <c r="GE30" s="114">
        <v>84735</v>
      </c>
      <c r="GF30" s="113">
        <v>424900</v>
      </c>
      <c r="GG30" s="318">
        <v>472556</v>
      </c>
      <c r="GH30" s="115">
        <v>0</v>
      </c>
      <c r="GI30" s="114">
        <v>18480</v>
      </c>
      <c r="GJ30" s="112">
        <v>18480</v>
      </c>
      <c r="GK30" s="111">
        <v>0</v>
      </c>
      <c r="GL30" s="114">
        <v>20020</v>
      </c>
      <c r="GM30" s="114">
        <v>70000</v>
      </c>
      <c r="GN30" s="114">
        <v>0</v>
      </c>
      <c r="GO30" s="114">
        <v>0</v>
      </c>
      <c r="GP30" s="114">
        <v>0</v>
      </c>
      <c r="GQ30" s="113">
        <v>90020</v>
      </c>
      <c r="GR30" s="116">
        <v>108500</v>
      </c>
      <c r="GS30" s="110">
        <v>0</v>
      </c>
      <c r="GT30" s="114">
        <v>25900</v>
      </c>
      <c r="GU30" s="113">
        <v>25900</v>
      </c>
      <c r="GV30" s="110">
        <v>0</v>
      </c>
      <c r="GW30" s="114">
        <v>99400</v>
      </c>
      <c r="GX30" s="114">
        <v>0</v>
      </c>
      <c r="GY30" s="114">
        <v>0</v>
      </c>
      <c r="GZ30" s="114">
        <v>0</v>
      </c>
      <c r="HA30" s="114">
        <v>0</v>
      </c>
      <c r="HB30" s="112">
        <v>99400</v>
      </c>
      <c r="HC30" s="116">
        <v>125300</v>
      </c>
      <c r="HD30" s="110">
        <v>0</v>
      </c>
      <c r="HE30" s="114">
        <v>0</v>
      </c>
      <c r="HF30" s="112">
        <v>0</v>
      </c>
      <c r="HG30" s="111">
        <v>0</v>
      </c>
      <c r="HH30" s="114">
        <v>0</v>
      </c>
      <c r="HI30" s="114">
        <v>312700</v>
      </c>
      <c r="HJ30" s="114">
        <v>326101</v>
      </c>
      <c r="HK30" s="114">
        <v>374709</v>
      </c>
      <c r="HL30" s="114">
        <v>412893</v>
      </c>
      <c r="HM30" s="113">
        <v>1426403</v>
      </c>
      <c r="HN30" s="109">
        <v>1426403</v>
      </c>
      <c r="HO30" s="328"/>
      <c r="HP30" s="329"/>
      <c r="HQ30" s="330"/>
      <c r="HR30" s="331"/>
      <c r="HS30" s="329"/>
      <c r="HT30" s="329"/>
      <c r="HU30" s="329"/>
      <c r="HV30" s="329"/>
      <c r="HW30" s="329"/>
      <c r="HX30" s="332"/>
      <c r="HY30" s="333"/>
      <c r="HZ30" s="150">
        <v>0</v>
      </c>
      <c r="IA30" s="135">
        <v>0</v>
      </c>
      <c r="IB30" s="150">
        <v>0</v>
      </c>
      <c r="IC30" s="134">
        <v>0</v>
      </c>
      <c r="ID30" s="135">
        <v>272532</v>
      </c>
      <c r="IE30" s="136">
        <v>17299</v>
      </c>
      <c r="IF30" s="137">
        <v>34826</v>
      </c>
      <c r="IG30" s="135">
        <v>0</v>
      </c>
      <c r="IH30" s="137">
        <v>0</v>
      </c>
      <c r="II30" s="138">
        <v>324657</v>
      </c>
      <c r="IJ30" s="150">
        <v>324657</v>
      </c>
      <c r="IK30" s="232">
        <v>0</v>
      </c>
      <c r="IL30" s="236">
        <v>0</v>
      </c>
      <c r="IM30" s="237">
        <v>0</v>
      </c>
      <c r="IN30" s="140"/>
      <c r="IO30" s="119">
        <v>0</v>
      </c>
      <c r="IP30" s="119">
        <v>0</v>
      </c>
      <c r="IQ30" s="119">
        <v>0</v>
      </c>
      <c r="IR30" s="119">
        <v>0</v>
      </c>
      <c r="IS30" s="119">
        <v>0</v>
      </c>
      <c r="IT30" s="141">
        <v>0</v>
      </c>
      <c r="IU30" s="320">
        <v>0</v>
      </c>
      <c r="IV30" s="142">
        <v>0</v>
      </c>
      <c r="IW30" s="119">
        <v>0</v>
      </c>
      <c r="IX30" s="120">
        <v>0</v>
      </c>
      <c r="IY30" s="144"/>
      <c r="IZ30" s="119">
        <v>0</v>
      </c>
      <c r="JA30" s="119">
        <v>0</v>
      </c>
      <c r="JB30" s="119">
        <v>0</v>
      </c>
      <c r="JC30" s="119">
        <v>0</v>
      </c>
      <c r="JD30" s="119">
        <v>0</v>
      </c>
      <c r="JE30" s="120">
        <v>0</v>
      </c>
      <c r="JF30" s="121">
        <v>0</v>
      </c>
      <c r="JG30" s="142">
        <v>0</v>
      </c>
      <c r="JH30" s="119">
        <v>0</v>
      </c>
      <c r="JI30" s="141">
        <v>0</v>
      </c>
      <c r="JJ30" s="118">
        <v>0</v>
      </c>
      <c r="JK30" s="119">
        <v>73250</v>
      </c>
      <c r="JL30" s="119">
        <v>17299</v>
      </c>
      <c r="JM30" s="119">
        <v>34826</v>
      </c>
      <c r="JN30" s="119">
        <v>0</v>
      </c>
      <c r="JO30" s="119">
        <v>0</v>
      </c>
      <c r="JP30" s="120">
        <v>125375</v>
      </c>
      <c r="JQ30" s="320">
        <v>125375</v>
      </c>
      <c r="JR30" s="142">
        <v>0</v>
      </c>
      <c r="JS30" s="119">
        <v>0</v>
      </c>
      <c r="JT30" s="141">
        <v>0</v>
      </c>
      <c r="JU30" s="118">
        <v>0</v>
      </c>
      <c r="JV30" s="119">
        <v>0</v>
      </c>
      <c r="JW30" s="119">
        <v>0</v>
      </c>
      <c r="JX30" s="119">
        <v>0</v>
      </c>
      <c r="JY30" s="119">
        <v>0</v>
      </c>
      <c r="JZ30" s="119">
        <v>0</v>
      </c>
      <c r="KA30" s="120">
        <v>0</v>
      </c>
      <c r="KB30" s="320">
        <v>0</v>
      </c>
      <c r="KC30" s="234">
        <v>0</v>
      </c>
      <c r="KD30" s="230">
        <v>0</v>
      </c>
      <c r="KE30" s="120">
        <v>0</v>
      </c>
      <c r="KF30" s="118">
        <v>0</v>
      </c>
      <c r="KG30" s="119">
        <v>0</v>
      </c>
      <c r="KH30" s="119">
        <v>0</v>
      </c>
      <c r="KI30" s="119">
        <v>0</v>
      </c>
      <c r="KJ30" s="119">
        <v>0</v>
      </c>
      <c r="KK30" s="119">
        <v>0</v>
      </c>
      <c r="KL30" s="120">
        <v>0</v>
      </c>
      <c r="KM30" s="143">
        <v>0</v>
      </c>
      <c r="KN30" s="232">
        <v>0</v>
      </c>
      <c r="KO30" s="236">
        <v>0</v>
      </c>
      <c r="KP30" s="237">
        <v>0</v>
      </c>
      <c r="KQ30" s="140"/>
      <c r="KR30" s="119">
        <v>199282</v>
      </c>
      <c r="KS30" s="119">
        <v>0</v>
      </c>
      <c r="KT30" s="119">
        <v>0</v>
      </c>
      <c r="KU30" s="119">
        <v>0</v>
      </c>
      <c r="KV30" s="119">
        <v>0</v>
      </c>
      <c r="KW30" s="120">
        <v>199282</v>
      </c>
      <c r="KX30" s="320">
        <v>199282</v>
      </c>
      <c r="KY30" s="142">
        <v>0</v>
      </c>
      <c r="KZ30" s="119">
        <v>0</v>
      </c>
      <c r="LA30" s="120">
        <v>0</v>
      </c>
      <c r="LB30" s="145"/>
      <c r="LC30" s="119">
        <v>0</v>
      </c>
      <c r="LD30" s="119">
        <v>0</v>
      </c>
      <c r="LE30" s="119">
        <v>0</v>
      </c>
      <c r="LF30" s="119">
        <v>0</v>
      </c>
      <c r="LG30" s="119">
        <v>0</v>
      </c>
      <c r="LH30" s="120">
        <v>0</v>
      </c>
      <c r="LI30" s="121">
        <v>0</v>
      </c>
      <c r="LJ30" s="142">
        <v>0</v>
      </c>
      <c r="LK30" s="119">
        <v>0</v>
      </c>
      <c r="LL30" s="120">
        <v>0</v>
      </c>
      <c r="LM30" s="145"/>
      <c r="LN30" s="119">
        <v>0</v>
      </c>
      <c r="LO30" s="119">
        <v>0</v>
      </c>
      <c r="LP30" s="119">
        <v>0</v>
      </c>
      <c r="LQ30" s="119">
        <v>0</v>
      </c>
      <c r="LR30" s="119">
        <v>0</v>
      </c>
      <c r="LS30" s="120">
        <v>0</v>
      </c>
      <c r="LT30" s="320">
        <v>0</v>
      </c>
      <c r="LU30" s="142">
        <v>0</v>
      </c>
      <c r="LV30" s="119">
        <v>0</v>
      </c>
      <c r="LW30" s="120">
        <v>0</v>
      </c>
      <c r="LX30" s="145"/>
      <c r="LY30" s="119">
        <v>0</v>
      </c>
      <c r="LZ30" s="119">
        <v>0</v>
      </c>
      <c r="MA30" s="119">
        <v>0</v>
      </c>
      <c r="MB30" s="119">
        <v>0</v>
      </c>
      <c r="MC30" s="119">
        <v>0</v>
      </c>
      <c r="MD30" s="120">
        <v>0</v>
      </c>
      <c r="ME30" s="121">
        <v>0</v>
      </c>
      <c r="MF30" s="142">
        <v>0</v>
      </c>
      <c r="MG30" s="119">
        <v>0</v>
      </c>
      <c r="MH30" s="120">
        <v>0</v>
      </c>
      <c r="MI30" s="145"/>
      <c r="MJ30" s="119">
        <v>0</v>
      </c>
      <c r="MK30" s="119">
        <v>0</v>
      </c>
      <c r="ML30" s="119">
        <v>412030</v>
      </c>
      <c r="MM30" s="119">
        <v>465149</v>
      </c>
      <c r="MN30" s="119">
        <v>0</v>
      </c>
      <c r="MO30" s="120">
        <v>877179</v>
      </c>
      <c r="MP30" s="143">
        <v>877179</v>
      </c>
      <c r="MQ30" s="142">
        <v>0</v>
      </c>
      <c r="MR30" s="119">
        <v>0</v>
      </c>
      <c r="MS30" s="120">
        <v>0</v>
      </c>
      <c r="MT30" s="145"/>
      <c r="MU30" s="119">
        <v>0</v>
      </c>
      <c r="MV30" s="119">
        <v>0</v>
      </c>
      <c r="MW30" s="119">
        <v>412030</v>
      </c>
      <c r="MX30" s="119">
        <v>220525</v>
      </c>
      <c r="MY30" s="119">
        <v>0</v>
      </c>
      <c r="MZ30" s="120">
        <v>632555</v>
      </c>
      <c r="NA30" s="143">
        <v>632555</v>
      </c>
      <c r="NB30" s="142">
        <v>0</v>
      </c>
      <c r="NC30" s="119">
        <v>0</v>
      </c>
      <c r="ND30" s="120">
        <v>0</v>
      </c>
      <c r="NE30" s="145"/>
      <c r="NF30" s="119">
        <v>0</v>
      </c>
      <c r="NG30" s="119">
        <v>0</v>
      </c>
      <c r="NH30" s="119">
        <v>0</v>
      </c>
      <c r="NI30" s="119">
        <v>244624</v>
      </c>
      <c r="NJ30" s="119">
        <v>0</v>
      </c>
      <c r="NK30" s="120">
        <v>244624</v>
      </c>
      <c r="NL30" s="320">
        <v>244624</v>
      </c>
      <c r="NM30" s="142">
        <v>0</v>
      </c>
      <c r="NN30" s="119">
        <v>0</v>
      </c>
      <c r="NO30" s="120">
        <v>0</v>
      </c>
      <c r="NP30" s="145"/>
      <c r="NQ30" s="119">
        <v>0</v>
      </c>
      <c r="NR30" s="119">
        <v>0</v>
      </c>
      <c r="NS30" s="119">
        <v>0</v>
      </c>
      <c r="NT30" s="119">
        <v>0</v>
      </c>
      <c r="NU30" s="119">
        <v>0</v>
      </c>
      <c r="NV30" s="120">
        <v>0</v>
      </c>
      <c r="NW30" s="121">
        <v>0</v>
      </c>
      <c r="NX30" s="142">
        <v>0</v>
      </c>
      <c r="NY30" s="119">
        <v>0</v>
      </c>
      <c r="NZ30" s="120">
        <v>0</v>
      </c>
      <c r="OA30" s="145"/>
      <c r="OB30" s="119">
        <v>0</v>
      </c>
      <c r="OC30" s="119">
        <v>0</v>
      </c>
      <c r="OD30" s="119">
        <v>0</v>
      </c>
      <c r="OE30" s="119">
        <v>0</v>
      </c>
      <c r="OF30" s="119">
        <v>0</v>
      </c>
      <c r="OG30" s="120">
        <v>0</v>
      </c>
      <c r="OH30" s="121">
        <v>0</v>
      </c>
      <c r="OI30" s="142">
        <v>42616</v>
      </c>
      <c r="OJ30" s="119">
        <v>201752</v>
      </c>
      <c r="OK30" s="141">
        <v>244368</v>
      </c>
      <c r="OL30" s="118">
        <v>0</v>
      </c>
      <c r="OM30" s="119">
        <v>1097163</v>
      </c>
      <c r="ON30" s="119">
        <v>1570249</v>
      </c>
      <c r="OO30" s="119">
        <v>1518206</v>
      </c>
      <c r="OP30" s="119">
        <v>1159638</v>
      </c>
      <c r="OQ30" s="119">
        <v>1168549</v>
      </c>
      <c r="OR30" s="120">
        <v>6513805</v>
      </c>
      <c r="OS30" s="143">
        <v>6758173</v>
      </c>
    </row>
    <row r="31" spans="2:409" ht="21" customHeight="1" x14ac:dyDescent="0.2">
      <c r="B31" s="126" t="s">
        <v>26</v>
      </c>
      <c r="C31" s="110">
        <v>195412</v>
      </c>
      <c r="D31" s="114">
        <v>86525</v>
      </c>
      <c r="E31" s="113">
        <v>281937</v>
      </c>
      <c r="F31" s="109">
        <v>0</v>
      </c>
      <c r="G31" s="114">
        <v>1093251</v>
      </c>
      <c r="H31" s="114">
        <v>2172066</v>
      </c>
      <c r="I31" s="114">
        <v>711069</v>
      </c>
      <c r="J31" s="114">
        <v>880610</v>
      </c>
      <c r="K31" s="114">
        <v>866055</v>
      </c>
      <c r="L31" s="173">
        <v>5723051</v>
      </c>
      <c r="M31" s="116">
        <v>6004988</v>
      </c>
      <c r="N31" s="110">
        <v>40166</v>
      </c>
      <c r="O31" s="114">
        <v>29792</v>
      </c>
      <c r="P31" s="113">
        <v>69958</v>
      </c>
      <c r="Q31" s="110">
        <v>0</v>
      </c>
      <c r="R31" s="114">
        <v>318508</v>
      </c>
      <c r="S31" s="114">
        <v>361545</v>
      </c>
      <c r="T31" s="114">
        <v>384288</v>
      </c>
      <c r="U31" s="114">
        <v>703975</v>
      </c>
      <c r="V31" s="114">
        <v>552548</v>
      </c>
      <c r="W31" s="113">
        <v>2320864</v>
      </c>
      <c r="X31" s="116">
        <v>2390822</v>
      </c>
      <c r="Y31" s="110">
        <v>0</v>
      </c>
      <c r="Z31" s="114">
        <v>0</v>
      </c>
      <c r="AA31" s="113">
        <v>0</v>
      </c>
      <c r="AB31" s="110">
        <v>0</v>
      </c>
      <c r="AC31" s="114">
        <v>51992</v>
      </c>
      <c r="AD31" s="114">
        <v>25032</v>
      </c>
      <c r="AE31" s="114">
        <v>137038</v>
      </c>
      <c r="AF31" s="114">
        <v>427834</v>
      </c>
      <c r="AG31" s="114">
        <v>268747</v>
      </c>
      <c r="AH31" s="113">
        <v>910643</v>
      </c>
      <c r="AI31" s="116">
        <v>910643</v>
      </c>
      <c r="AJ31" s="110">
        <v>0</v>
      </c>
      <c r="AK31" s="114">
        <v>0</v>
      </c>
      <c r="AL31" s="113">
        <v>0</v>
      </c>
      <c r="AM31" s="110">
        <v>0</v>
      </c>
      <c r="AN31" s="114">
        <v>0</v>
      </c>
      <c r="AO31" s="114">
        <v>0</v>
      </c>
      <c r="AP31" s="114">
        <v>92950</v>
      </c>
      <c r="AQ31" s="114">
        <v>0</v>
      </c>
      <c r="AR31" s="114">
        <v>70959</v>
      </c>
      <c r="AS31" s="113">
        <v>163909</v>
      </c>
      <c r="AT31" s="116">
        <v>163909</v>
      </c>
      <c r="AU31" s="110">
        <v>0</v>
      </c>
      <c r="AV31" s="114">
        <v>24899</v>
      </c>
      <c r="AW31" s="113">
        <v>24899</v>
      </c>
      <c r="AX31" s="110">
        <v>0</v>
      </c>
      <c r="AY31" s="114">
        <v>241568</v>
      </c>
      <c r="AZ31" s="114">
        <v>138663</v>
      </c>
      <c r="BA31" s="114">
        <v>77112</v>
      </c>
      <c r="BB31" s="114">
        <v>225202</v>
      </c>
      <c r="BC31" s="114">
        <v>141288</v>
      </c>
      <c r="BD31" s="113">
        <v>823833</v>
      </c>
      <c r="BE31" s="116">
        <v>848732</v>
      </c>
      <c r="BF31" s="110">
        <v>0</v>
      </c>
      <c r="BG31" s="114">
        <v>0</v>
      </c>
      <c r="BH31" s="112">
        <v>0</v>
      </c>
      <c r="BI31" s="111">
        <v>0</v>
      </c>
      <c r="BJ31" s="114">
        <v>0</v>
      </c>
      <c r="BK31" s="114">
        <v>75231</v>
      </c>
      <c r="BL31" s="114">
        <v>62215</v>
      </c>
      <c r="BM31" s="114">
        <v>0</v>
      </c>
      <c r="BN31" s="114">
        <v>0</v>
      </c>
      <c r="BO31" s="113">
        <v>137446</v>
      </c>
      <c r="BP31" s="116">
        <v>137446</v>
      </c>
      <c r="BQ31" s="110">
        <v>40166</v>
      </c>
      <c r="BR31" s="114">
        <v>4893</v>
      </c>
      <c r="BS31" s="113">
        <v>45059</v>
      </c>
      <c r="BT31" s="110">
        <v>0</v>
      </c>
      <c r="BU31" s="114">
        <v>24948</v>
      </c>
      <c r="BV31" s="114">
        <v>122619</v>
      </c>
      <c r="BW31" s="114">
        <v>14973</v>
      </c>
      <c r="BX31" s="114">
        <v>50939</v>
      </c>
      <c r="BY31" s="114">
        <v>71554</v>
      </c>
      <c r="BZ31" s="113">
        <v>285033</v>
      </c>
      <c r="CA31" s="116">
        <v>330092</v>
      </c>
      <c r="CB31" s="110">
        <v>0</v>
      </c>
      <c r="CC31" s="114">
        <v>31953</v>
      </c>
      <c r="CD31" s="113">
        <v>31953</v>
      </c>
      <c r="CE31" s="110">
        <v>0</v>
      </c>
      <c r="CF31" s="114">
        <v>417147</v>
      </c>
      <c r="CG31" s="114">
        <v>375850</v>
      </c>
      <c r="CH31" s="114">
        <v>129211</v>
      </c>
      <c r="CI31" s="114">
        <v>74001</v>
      </c>
      <c r="CJ31" s="114">
        <v>0</v>
      </c>
      <c r="CK31" s="113">
        <v>996209</v>
      </c>
      <c r="CL31" s="116">
        <v>1028162</v>
      </c>
      <c r="CM31" s="110">
        <v>0</v>
      </c>
      <c r="CN31" s="114">
        <v>0</v>
      </c>
      <c r="CO31" s="113">
        <v>0</v>
      </c>
      <c r="CP31" s="111">
        <v>0</v>
      </c>
      <c r="CQ31" s="114">
        <v>293794</v>
      </c>
      <c r="CR31" s="114">
        <v>139422</v>
      </c>
      <c r="CS31" s="114">
        <v>74329</v>
      </c>
      <c r="CT31" s="114">
        <v>74001</v>
      </c>
      <c r="CU31" s="114">
        <v>0</v>
      </c>
      <c r="CV31" s="113">
        <v>581546</v>
      </c>
      <c r="CW31" s="116">
        <v>581546</v>
      </c>
      <c r="CX31" s="110">
        <v>0</v>
      </c>
      <c r="CY31" s="114">
        <v>31953</v>
      </c>
      <c r="CZ31" s="113">
        <v>31953</v>
      </c>
      <c r="DA31" s="110">
        <v>0</v>
      </c>
      <c r="DB31" s="114">
        <v>123353</v>
      </c>
      <c r="DC31" s="114">
        <v>236428</v>
      </c>
      <c r="DD31" s="114">
        <v>54882</v>
      </c>
      <c r="DE31" s="114">
        <v>0</v>
      </c>
      <c r="DF31" s="114">
        <v>0</v>
      </c>
      <c r="DG31" s="113">
        <v>414663</v>
      </c>
      <c r="DH31" s="116">
        <v>446616</v>
      </c>
      <c r="DI31" s="110">
        <v>0</v>
      </c>
      <c r="DJ31" s="114">
        <v>0</v>
      </c>
      <c r="DK31" s="112">
        <v>0</v>
      </c>
      <c r="DL31" s="111">
        <v>0</v>
      </c>
      <c r="DM31" s="114">
        <v>36665</v>
      </c>
      <c r="DN31" s="114">
        <v>16031</v>
      </c>
      <c r="DO31" s="114">
        <v>125568</v>
      </c>
      <c r="DP31" s="114">
        <v>0</v>
      </c>
      <c r="DQ31" s="114">
        <v>0</v>
      </c>
      <c r="DR31" s="113">
        <v>178264</v>
      </c>
      <c r="DS31" s="116">
        <v>178264</v>
      </c>
      <c r="DT31" s="110">
        <v>0</v>
      </c>
      <c r="DU31" s="114">
        <v>0</v>
      </c>
      <c r="DV31" s="113">
        <v>0</v>
      </c>
      <c r="DW31" s="110">
        <v>0</v>
      </c>
      <c r="DX31" s="114">
        <v>36665</v>
      </c>
      <c r="DY31" s="114">
        <v>0</v>
      </c>
      <c r="DZ31" s="114">
        <v>99365</v>
      </c>
      <c r="EA31" s="114">
        <v>0</v>
      </c>
      <c r="EB31" s="114">
        <v>0</v>
      </c>
      <c r="EC31" s="113">
        <v>136030</v>
      </c>
      <c r="ED31" s="116">
        <v>136030</v>
      </c>
      <c r="EE31" s="110">
        <v>0</v>
      </c>
      <c r="EF31" s="112">
        <v>0</v>
      </c>
      <c r="EG31" s="113">
        <v>0</v>
      </c>
      <c r="EH31" s="110">
        <v>0</v>
      </c>
      <c r="EI31" s="114">
        <v>0</v>
      </c>
      <c r="EJ31" s="114">
        <v>16031</v>
      </c>
      <c r="EK31" s="114">
        <v>26203</v>
      </c>
      <c r="EL31" s="114">
        <v>0</v>
      </c>
      <c r="EM31" s="114">
        <v>0</v>
      </c>
      <c r="EN31" s="112">
        <v>42234</v>
      </c>
      <c r="EO31" s="116">
        <v>42234</v>
      </c>
      <c r="EP31" s="110">
        <v>0</v>
      </c>
      <c r="EQ31" s="114">
        <v>0</v>
      </c>
      <c r="ER31" s="112">
        <v>0</v>
      </c>
      <c r="ES31" s="111">
        <v>0</v>
      </c>
      <c r="ET31" s="114">
        <v>0</v>
      </c>
      <c r="EU31" s="114">
        <v>0</v>
      </c>
      <c r="EV31" s="114">
        <v>0</v>
      </c>
      <c r="EW31" s="114">
        <v>0</v>
      </c>
      <c r="EX31" s="114">
        <v>0</v>
      </c>
      <c r="EY31" s="113">
        <v>0</v>
      </c>
      <c r="EZ31" s="116">
        <v>0</v>
      </c>
      <c r="FA31" s="110">
        <v>0</v>
      </c>
      <c r="FB31" s="114">
        <v>0</v>
      </c>
      <c r="FC31" s="112">
        <v>0</v>
      </c>
      <c r="FD31" s="347"/>
      <c r="FE31" s="114">
        <v>0</v>
      </c>
      <c r="FF31" s="114">
        <v>0</v>
      </c>
      <c r="FG31" s="114">
        <v>0</v>
      </c>
      <c r="FH31" s="114">
        <v>0</v>
      </c>
      <c r="FI31" s="114">
        <v>0</v>
      </c>
      <c r="FJ31" s="113">
        <v>0</v>
      </c>
      <c r="FK31" s="116">
        <v>0</v>
      </c>
      <c r="FL31" s="110">
        <v>10500</v>
      </c>
      <c r="FM31" s="114">
        <v>24780</v>
      </c>
      <c r="FN31" s="113">
        <v>35280</v>
      </c>
      <c r="FO31" s="110">
        <v>0</v>
      </c>
      <c r="FP31" s="114">
        <v>36708</v>
      </c>
      <c r="FQ31" s="114">
        <v>90286</v>
      </c>
      <c r="FR31" s="114">
        <v>72002</v>
      </c>
      <c r="FS31" s="114">
        <v>102634</v>
      </c>
      <c r="FT31" s="114">
        <v>110390</v>
      </c>
      <c r="FU31" s="113">
        <v>412020</v>
      </c>
      <c r="FV31" s="116">
        <v>447300</v>
      </c>
      <c r="FW31" s="115">
        <v>10500</v>
      </c>
      <c r="FX31" s="114">
        <v>24780</v>
      </c>
      <c r="FY31" s="112">
        <v>35280</v>
      </c>
      <c r="FZ31" s="111">
        <v>0</v>
      </c>
      <c r="GA31" s="114">
        <v>36708</v>
      </c>
      <c r="GB31" s="114">
        <v>90286</v>
      </c>
      <c r="GC31" s="114">
        <v>72002</v>
      </c>
      <c r="GD31" s="114">
        <v>83230</v>
      </c>
      <c r="GE31" s="114">
        <v>91294</v>
      </c>
      <c r="GF31" s="113">
        <v>373520</v>
      </c>
      <c r="GG31" s="318">
        <v>408800</v>
      </c>
      <c r="GH31" s="115">
        <v>0</v>
      </c>
      <c r="GI31" s="114">
        <v>0</v>
      </c>
      <c r="GJ31" s="112">
        <v>0</v>
      </c>
      <c r="GK31" s="111">
        <v>0</v>
      </c>
      <c r="GL31" s="114">
        <v>0</v>
      </c>
      <c r="GM31" s="114">
        <v>0</v>
      </c>
      <c r="GN31" s="114">
        <v>0</v>
      </c>
      <c r="GO31" s="114">
        <v>19404</v>
      </c>
      <c r="GP31" s="114">
        <v>19096</v>
      </c>
      <c r="GQ31" s="113">
        <v>38500</v>
      </c>
      <c r="GR31" s="116">
        <v>38500</v>
      </c>
      <c r="GS31" s="110">
        <v>0</v>
      </c>
      <c r="GT31" s="114">
        <v>0</v>
      </c>
      <c r="GU31" s="113">
        <v>0</v>
      </c>
      <c r="GV31" s="110">
        <v>0</v>
      </c>
      <c r="GW31" s="114">
        <v>0</v>
      </c>
      <c r="GX31" s="114">
        <v>0</v>
      </c>
      <c r="GY31" s="114">
        <v>0</v>
      </c>
      <c r="GZ31" s="114">
        <v>0</v>
      </c>
      <c r="HA31" s="114">
        <v>0</v>
      </c>
      <c r="HB31" s="112">
        <v>0</v>
      </c>
      <c r="HC31" s="116">
        <v>0</v>
      </c>
      <c r="HD31" s="110">
        <v>144746</v>
      </c>
      <c r="HE31" s="114">
        <v>0</v>
      </c>
      <c r="HF31" s="112">
        <v>144746</v>
      </c>
      <c r="HG31" s="111">
        <v>0</v>
      </c>
      <c r="HH31" s="114">
        <v>284223</v>
      </c>
      <c r="HI31" s="114">
        <v>1328354</v>
      </c>
      <c r="HJ31" s="114">
        <v>0</v>
      </c>
      <c r="HK31" s="114">
        <v>0</v>
      </c>
      <c r="HL31" s="114">
        <v>203117</v>
      </c>
      <c r="HM31" s="113">
        <v>1815694</v>
      </c>
      <c r="HN31" s="109">
        <v>1960440</v>
      </c>
      <c r="HO31" s="328"/>
      <c r="HP31" s="329"/>
      <c r="HQ31" s="330"/>
      <c r="HR31" s="331"/>
      <c r="HS31" s="329"/>
      <c r="HT31" s="329"/>
      <c r="HU31" s="329"/>
      <c r="HV31" s="329"/>
      <c r="HW31" s="329"/>
      <c r="HX31" s="332"/>
      <c r="HY31" s="333"/>
      <c r="HZ31" s="131">
        <v>0</v>
      </c>
      <c r="IA31" s="132">
        <v>0</v>
      </c>
      <c r="IB31" s="133">
        <v>0</v>
      </c>
      <c r="IC31" s="146">
        <v>0</v>
      </c>
      <c r="ID31" s="132">
        <v>285797</v>
      </c>
      <c r="IE31" s="147">
        <v>0</v>
      </c>
      <c r="IF31" s="133">
        <v>525901</v>
      </c>
      <c r="IG31" s="132">
        <v>221133</v>
      </c>
      <c r="IH31" s="133">
        <v>450850</v>
      </c>
      <c r="II31" s="148">
        <v>1483681</v>
      </c>
      <c r="IJ31" s="139">
        <v>1483681</v>
      </c>
      <c r="IK31" s="232">
        <v>0</v>
      </c>
      <c r="IL31" s="236">
        <v>0</v>
      </c>
      <c r="IM31" s="237">
        <v>0</v>
      </c>
      <c r="IN31" s="140"/>
      <c r="IO31" s="119">
        <v>0</v>
      </c>
      <c r="IP31" s="119">
        <v>0</v>
      </c>
      <c r="IQ31" s="119">
        <v>0</v>
      </c>
      <c r="IR31" s="119">
        <v>0</v>
      </c>
      <c r="IS31" s="119">
        <v>0</v>
      </c>
      <c r="IT31" s="141">
        <v>0</v>
      </c>
      <c r="IU31" s="320">
        <v>0</v>
      </c>
      <c r="IV31" s="142">
        <v>0</v>
      </c>
      <c r="IW31" s="119">
        <v>0</v>
      </c>
      <c r="IX31" s="120">
        <v>0</v>
      </c>
      <c r="IY31" s="144"/>
      <c r="IZ31" s="119">
        <v>0</v>
      </c>
      <c r="JA31" s="119">
        <v>0</v>
      </c>
      <c r="JB31" s="119">
        <v>0</v>
      </c>
      <c r="JC31" s="119">
        <v>0</v>
      </c>
      <c r="JD31" s="119">
        <v>0</v>
      </c>
      <c r="JE31" s="120">
        <v>0</v>
      </c>
      <c r="JF31" s="121">
        <v>0</v>
      </c>
      <c r="JG31" s="142">
        <v>0</v>
      </c>
      <c r="JH31" s="119">
        <v>0</v>
      </c>
      <c r="JI31" s="141">
        <v>0</v>
      </c>
      <c r="JJ31" s="118">
        <v>0</v>
      </c>
      <c r="JK31" s="119">
        <v>177774</v>
      </c>
      <c r="JL31" s="119">
        <v>0</v>
      </c>
      <c r="JM31" s="119">
        <v>190442</v>
      </c>
      <c r="JN31" s="119">
        <v>0</v>
      </c>
      <c r="JO31" s="119">
        <v>0</v>
      </c>
      <c r="JP31" s="120">
        <v>368216</v>
      </c>
      <c r="JQ31" s="320">
        <v>368216</v>
      </c>
      <c r="JR31" s="142">
        <v>0</v>
      </c>
      <c r="JS31" s="119">
        <v>0</v>
      </c>
      <c r="JT31" s="141">
        <v>0</v>
      </c>
      <c r="JU31" s="118">
        <v>0</v>
      </c>
      <c r="JV31" s="119">
        <v>0</v>
      </c>
      <c r="JW31" s="119">
        <v>0</v>
      </c>
      <c r="JX31" s="119">
        <v>0</v>
      </c>
      <c r="JY31" s="119">
        <v>0</v>
      </c>
      <c r="JZ31" s="119">
        <v>0</v>
      </c>
      <c r="KA31" s="120">
        <v>0</v>
      </c>
      <c r="KB31" s="320">
        <v>0</v>
      </c>
      <c r="KC31" s="234">
        <v>0</v>
      </c>
      <c r="KD31" s="230">
        <v>0</v>
      </c>
      <c r="KE31" s="120">
        <v>0</v>
      </c>
      <c r="KF31" s="118">
        <v>0</v>
      </c>
      <c r="KG31" s="119">
        <v>108023</v>
      </c>
      <c r="KH31" s="119">
        <v>0</v>
      </c>
      <c r="KI31" s="119">
        <v>0</v>
      </c>
      <c r="KJ31" s="119">
        <v>0</v>
      </c>
      <c r="KK31" s="119">
        <v>0</v>
      </c>
      <c r="KL31" s="120">
        <v>108023</v>
      </c>
      <c r="KM31" s="143">
        <v>108023</v>
      </c>
      <c r="KN31" s="232">
        <v>0</v>
      </c>
      <c r="KO31" s="236">
        <v>0</v>
      </c>
      <c r="KP31" s="237">
        <v>0</v>
      </c>
      <c r="KQ31" s="140"/>
      <c r="KR31" s="119">
        <v>0</v>
      </c>
      <c r="KS31" s="119">
        <v>0</v>
      </c>
      <c r="KT31" s="119">
        <v>335459</v>
      </c>
      <c r="KU31" s="119">
        <v>221133</v>
      </c>
      <c r="KV31" s="119">
        <v>450850</v>
      </c>
      <c r="KW31" s="120">
        <v>1007442</v>
      </c>
      <c r="KX31" s="320">
        <v>1007442</v>
      </c>
      <c r="KY31" s="142">
        <v>0</v>
      </c>
      <c r="KZ31" s="119">
        <v>0</v>
      </c>
      <c r="LA31" s="120">
        <v>0</v>
      </c>
      <c r="LB31" s="145"/>
      <c r="LC31" s="119">
        <v>0</v>
      </c>
      <c r="LD31" s="119">
        <v>0</v>
      </c>
      <c r="LE31" s="119">
        <v>0</v>
      </c>
      <c r="LF31" s="119">
        <v>0</v>
      </c>
      <c r="LG31" s="119">
        <v>0</v>
      </c>
      <c r="LH31" s="120">
        <v>0</v>
      </c>
      <c r="LI31" s="121">
        <v>0</v>
      </c>
      <c r="LJ31" s="142">
        <v>0</v>
      </c>
      <c r="LK31" s="119">
        <v>0</v>
      </c>
      <c r="LL31" s="120">
        <v>0</v>
      </c>
      <c r="LM31" s="145"/>
      <c r="LN31" s="119">
        <v>0</v>
      </c>
      <c r="LO31" s="119">
        <v>0</v>
      </c>
      <c r="LP31" s="119">
        <v>0</v>
      </c>
      <c r="LQ31" s="119">
        <v>0</v>
      </c>
      <c r="LR31" s="119">
        <v>0</v>
      </c>
      <c r="LS31" s="120">
        <v>0</v>
      </c>
      <c r="LT31" s="320">
        <v>0</v>
      </c>
      <c r="LU31" s="142">
        <v>0</v>
      </c>
      <c r="LV31" s="119">
        <v>0</v>
      </c>
      <c r="LW31" s="120">
        <v>0</v>
      </c>
      <c r="LX31" s="145"/>
      <c r="LY31" s="119">
        <v>0</v>
      </c>
      <c r="LZ31" s="119">
        <v>0</v>
      </c>
      <c r="MA31" s="119">
        <v>0</v>
      </c>
      <c r="MB31" s="119">
        <v>0</v>
      </c>
      <c r="MC31" s="119">
        <v>0</v>
      </c>
      <c r="MD31" s="120">
        <v>0</v>
      </c>
      <c r="ME31" s="121">
        <v>0</v>
      </c>
      <c r="MF31" s="142">
        <v>0</v>
      </c>
      <c r="MG31" s="119">
        <v>0</v>
      </c>
      <c r="MH31" s="120">
        <v>0</v>
      </c>
      <c r="MI31" s="145"/>
      <c r="MJ31" s="119">
        <v>199435</v>
      </c>
      <c r="MK31" s="119">
        <v>0</v>
      </c>
      <c r="ML31" s="119">
        <v>0</v>
      </c>
      <c r="MM31" s="119">
        <v>198225</v>
      </c>
      <c r="MN31" s="119">
        <v>-249</v>
      </c>
      <c r="MO31" s="120">
        <v>397411</v>
      </c>
      <c r="MP31" s="143">
        <v>397411</v>
      </c>
      <c r="MQ31" s="142">
        <v>0</v>
      </c>
      <c r="MR31" s="119">
        <v>0</v>
      </c>
      <c r="MS31" s="120">
        <v>0</v>
      </c>
      <c r="MT31" s="145"/>
      <c r="MU31" s="119">
        <v>0</v>
      </c>
      <c r="MV31" s="119">
        <v>0</v>
      </c>
      <c r="MW31" s="119">
        <v>0</v>
      </c>
      <c r="MX31" s="119">
        <v>198225</v>
      </c>
      <c r="MY31" s="119">
        <v>-249</v>
      </c>
      <c r="MZ31" s="120">
        <v>197976</v>
      </c>
      <c r="NA31" s="143">
        <v>197976</v>
      </c>
      <c r="NB31" s="142">
        <v>0</v>
      </c>
      <c r="NC31" s="119">
        <v>0</v>
      </c>
      <c r="ND31" s="120">
        <v>0</v>
      </c>
      <c r="NE31" s="145"/>
      <c r="NF31" s="119">
        <v>199435</v>
      </c>
      <c r="NG31" s="119">
        <v>0</v>
      </c>
      <c r="NH31" s="119">
        <v>0</v>
      </c>
      <c r="NI31" s="119">
        <v>0</v>
      </c>
      <c r="NJ31" s="119">
        <v>0</v>
      </c>
      <c r="NK31" s="120">
        <v>199435</v>
      </c>
      <c r="NL31" s="320">
        <v>199435</v>
      </c>
      <c r="NM31" s="142">
        <v>0</v>
      </c>
      <c r="NN31" s="119">
        <v>0</v>
      </c>
      <c r="NO31" s="120">
        <v>0</v>
      </c>
      <c r="NP31" s="145"/>
      <c r="NQ31" s="119">
        <v>0</v>
      </c>
      <c r="NR31" s="119">
        <v>0</v>
      </c>
      <c r="NS31" s="119">
        <v>0</v>
      </c>
      <c r="NT31" s="119">
        <v>0</v>
      </c>
      <c r="NU31" s="119">
        <v>0</v>
      </c>
      <c r="NV31" s="120">
        <v>0</v>
      </c>
      <c r="NW31" s="121">
        <v>0</v>
      </c>
      <c r="NX31" s="142">
        <v>0</v>
      </c>
      <c r="NY31" s="119">
        <v>0</v>
      </c>
      <c r="NZ31" s="120">
        <v>0</v>
      </c>
      <c r="OA31" s="145"/>
      <c r="OB31" s="119">
        <v>0</v>
      </c>
      <c r="OC31" s="119">
        <v>0</v>
      </c>
      <c r="OD31" s="119">
        <v>0</v>
      </c>
      <c r="OE31" s="119">
        <v>0</v>
      </c>
      <c r="OF31" s="119">
        <v>0</v>
      </c>
      <c r="OG31" s="120">
        <v>0</v>
      </c>
      <c r="OH31" s="121">
        <v>0</v>
      </c>
      <c r="OI31" s="142">
        <v>195412</v>
      </c>
      <c r="OJ31" s="119">
        <v>86525</v>
      </c>
      <c r="OK31" s="141">
        <v>281937</v>
      </c>
      <c r="OL31" s="118">
        <v>0</v>
      </c>
      <c r="OM31" s="119">
        <v>1578483</v>
      </c>
      <c r="ON31" s="119">
        <v>2172066</v>
      </c>
      <c r="OO31" s="119">
        <v>1236970</v>
      </c>
      <c r="OP31" s="119">
        <v>1299968</v>
      </c>
      <c r="OQ31" s="119">
        <v>1316656</v>
      </c>
      <c r="OR31" s="120">
        <v>7604143</v>
      </c>
      <c r="OS31" s="143">
        <v>7886080</v>
      </c>
    </row>
    <row r="32" spans="2:409" ht="21" customHeight="1" x14ac:dyDescent="0.2">
      <c r="B32" s="126" t="s">
        <v>27</v>
      </c>
      <c r="C32" s="110">
        <v>95803</v>
      </c>
      <c r="D32" s="114">
        <v>253354</v>
      </c>
      <c r="E32" s="113">
        <v>349157</v>
      </c>
      <c r="F32" s="109">
        <v>0</v>
      </c>
      <c r="G32" s="114">
        <v>451009</v>
      </c>
      <c r="H32" s="114">
        <v>1036643</v>
      </c>
      <c r="I32" s="114">
        <v>2050055</v>
      </c>
      <c r="J32" s="114">
        <v>585122</v>
      </c>
      <c r="K32" s="114">
        <v>282002</v>
      </c>
      <c r="L32" s="173">
        <v>4404831</v>
      </c>
      <c r="M32" s="116">
        <v>4753988</v>
      </c>
      <c r="N32" s="110">
        <v>53164</v>
      </c>
      <c r="O32" s="114">
        <v>51612</v>
      </c>
      <c r="P32" s="113">
        <v>104776</v>
      </c>
      <c r="Q32" s="110">
        <v>0</v>
      </c>
      <c r="R32" s="114">
        <v>73768</v>
      </c>
      <c r="S32" s="114">
        <v>336821</v>
      </c>
      <c r="T32" s="114">
        <v>483639</v>
      </c>
      <c r="U32" s="114">
        <v>71526</v>
      </c>
      <c r="V32" s="114">
        <v>271852</v>
      </c>
      <c r="W32" s="113">
        <v>1237606</v>
      </c>
      <c r="X32" s="116">
        <v>1342382</v>
      </c>
      <c r="Y32" s="110">
        <v>0</v>
      </c>
      <c r="Z32" s="114">
        <v>0</v>
      </c>
      <c r="AA32" s="113">
        <v>0</v>
      </c>
      <c r="AB32" s="110">
        <v>0</v>
      </c>
      <c r="AC32" s="114">
        <v>35098</v>
      </c>
      <c r="AD32" s="114">
        <v>189685</v>
      </c>
      <c r="AE32" s="114">
        <v>303187</v>
      </c>
      <c r="AF32" s="114">
        <v>0</v>
      </c>
      <c r="AG32" s="114">
        <v>218610</v>
      </c>
      <c r="AH32" s="113">
        <v>746580</v>
      </c>
      <c r="AI32" s="116">
        <v>746580</v>
      </c>
      <c r="AJ32" s="110">
        <v>0</v>
      </c>
      <c r="AK32" s="114">
        <v>0</v>
      </c>
      <c r="AL32" s="113">
        <v>0</v>
      </c>
      <c r="AM32" s="110">
        <v>0</v>
      </c>
      <c r="AN32" s="114">
        <v>0</v>
      </c>
      <c r="AO32" s="114">
        <v>0</v>
      </c>
      <c r="AP32" s="114">
        <v>0</v>
      </c>
      <c r="AQ32" s="114">
        <v>0</v>
      </c>
      <c r="AR32" s="114">
        <v>0</v>
      </c>
      <c r="AS32" s="113">
        <v>0</v>
      </c>
      <c r="AT32" s="116">
        <v>0</v>
      </c>
      <c r="AU32" s="110">
        <v>53164</v>
      </c>
      <c r="AV32" s="114">
        <v>38438</v>
      </c>
      <c r="AW32" s="113">
        <v>91602</v>
      </c>
      <c r="AX32" s="110">
        <v>0</v>
      </c>
      <c r="AY32" s="114">
        <v>-3428</v>
      </c>
      <c r="AZ32" s="114">
        <v>112806</v>
      </c>
      <c r="BA32" s="114">
        <v>63923</v>
      </c>
      <c r="BB32" s="114">
        <v>19446</v>
      </c>
      <c r="BC32" s="114">
        <v>39165</v>
      </c>
      <c r="BD32" s="113">
        <v>231912</v>
      </c>
      <c r="BE32" s="116">
        <v>323514</v>
      </c>
      <c r="BF32" s="110">
        <v>0</v>
      </c>
      <c r="BG32" s="114">
        <v>0</v>
      </c>
      <c r="BH32" s="112">
        <v>0</v>
      </c>
      <c r="BI32" s="111">
        <v>0</v>
      </c>
      <c r="BJ32" s="114">
        <v>0</v>
      </c>
      <c r="BK32" s="114">
        <v>9053</v>
      </c>
      <c r="BL32" s="114">
        <v>0</v>
      </c>
      <c r="BM32" s="114">
        <v>0</v>
      </c>
      <c r="BN32" s="114">
        <v>0</v>
      </c>
      <c r="BO32" s="113">
        <v>9053</v>
      </c>
      <c r="BP32" s="116">
        <v>9053</v>
      </c>
      <c r="BQ32" s="110">
        <v>0</v>
      </c>
      <c r="BR32" s="114">
        <v>13174</v>
      </c>
      <c r="BS32" s="113">
        <v>13174</v>
      </c>
      <c r="BT32" s="110">
        <v>0</v>
      </c>
      <c r="BU32" s="114">
        <v>42098</v>
      </c>
      <c r="BV32" s="114">
        <v>25277</v>
      </c>
      <c r="BW32" s="114">
        <v>116529</v>
      </c>
      <c r="BX32" s="114">
        <v>52080</v>
      </c>
      <c r="BY32" s="114">
        <v>14077</v>
      </c>
      <c r="BZ32" s="113">
        <v>250061</v>
      </c>
      <c r="CA32" s="116">
        <v>263235</v>
      </c>
      <c r="CB32" s="110">
        <v>36689</v>
      </c>
      <c r="CC32" s="114">
        <v>66009</v>
      </c>
      <c r="CD32" s="113">
        <v>102698</v>
      </c>
      <c r="CE32" s="110">
        <v>0</v>
      </c>
      <c r="CF32" s="114">
        <v>14581</v>
      </c>
      <c r="CG32" s="114">
        <v>103013</v>
      </c>
      <c r="CH32" s="114">
        <v>264525</v>
      </c>
      <c r="CI32" s="114">
        <v>68740</v>
      </c>
      <c r="CJ32" s="114">
        <v>0</v>
      </c>
      <c r="CK32" s="113">
        <v>450859</v>
      </c>
      <c r="CL32" s="116">
        <v>553557</v>
      </c>
      <c r="CM32" s="110">
        <v>0</v>
      </c>
      <c r="CN32" s="114">
        <v>0</v>
      </c>
      <c r="CO32" s="113">
        <v>0</v>
      </c>
      <c r="CP32" s="111">
        <v>0</v>
      </c>
      <c r="CQ32" s="114">
        <v>0</v>
      </c>
      <c r="CR32" s="114">
        <v>52845</v>
      </c>
      <c r="CS32" s="114">
        <v>198738</v>
      </c>
      <c r="CT32" s="114">
        <v>68740</v>
      </c>
      <c r="CU32" s="114">
        <v>0</v>
      </c>
      <c r="CV32" s="113">
        <v>320323</v>
      </c>
      <c r="CW32" s="116">
        <v>320323</v>
      </c>
      <c r="CX32" s="110">
        <v>36689</v>
      </c>
      <c r="CY32" s="114">
        <v>66009</v>
      </c>
      <c r="CZ32" s="113">
        <v>102698</v>
      </c>
      <c r="DA32" s="110">
        <v>0</v>
      </c>
      <c r="DB32" s="114">
        <v>14581</v>
      </c>
      <c r="DC32" s="114">
        <v>50168</v>
      </c>
      <c r="DD32" s="114">
        <v>65787</v>
      </c>
      <c r="DE32" s="114">
        <v>0</v>
      </c>
      <c r="DF32" s="114">
        <v>0</v>
      </c>
      <c r="DG32" s="113">
        <v>130536</v>
      </c>
      <c r="DH32" s="116">
        <v>233234</v>
      </c>
      <c r="DI32" s="110">
        <v>0</v>
      </c>
      <c r="DJ32" s="114">
        <v>0</v>
      </c>
      <c r="DK32" s="112">
        <v>0</v>
      </c>
      <c r="DL32" s="111">
        <v>0</v>
      </c>
      <c r="DM32" s="114">
        <v>0</v>
      </c>
      <c r="DN32" s="114">
        <v>0</v>
      </c>
      <c r="DO32" s="114">
        <v>133122</v>
      </c>
      <c r="DP32" s="114">
        <v>47772</v>
      </c>
      <c r="DQ32" s="114">
        <v>0</v>
      </c>
      <c r="DR32" s="113">
        <v>180894</v>
      </c>
      <c r="DS32" s="116">
        <v>180894</v>
      </c>
      <c r="DT32" s="110">
        <v>0</v>
      </c>
      <c r="DU32" s="114">
        <v>0</v>
      </c>
      <c r="DV32" s="113">
        <v>0</v>
      </c>
      <c r="DW32" s="110">
        <v>0</v>
      </c>
      <c r="DX32" s="114">
        <v>0</v>
      </c>
      <c r="DY32" s="114">
        <v>0</v>
      </c>
      <c r="DZ32" s="114">
        <v>133122</v>
      </c>
      <c r="EA32" s="114">
        <v>47772</v>
      </c>
      <c r="EB32" s="114">
        <v>0</v>
      </c>
      <c r="EC32" s="113">
        <v>180894</v>
      </c>
      <c r="ED32" s="116">
        <v>180894</v>
      </c>
      <c r="EE32" s="110">
        <v>0</v>
      </c>
      <c r="EF32" s="112">
        <v>0</v>
      </c>
      <c r="EG32" s="113">
        <v>0</v>
      </c>
      <c r="EH32" s="110">
        <v>0</v>
      </c>
      <c r="EI32" s="114">
        <v>0</v>
      </c>
      <c r="EJ32" s="114">
        <v>0</v>
      </c>
      <c r="EK32" s="114">
        <v>0</v>
      </c>
      <c r="EL32" s="114">
        <v>0</v>
      </c>
      <c r="EM32" s="114">
        <v>0</v>
      </c>
      <c r="EN32" s="112">
        <v>0</v>
      </c>
      <c r="EO32" s="116">
        <v>0</v>
      </c>
      <c r="EP32" s="110">
        <v>0</v>
      </c>
      <c r="EQ32" s="114">
        <v>0</v>
      </c>
      <c r="ER32" s="112">
        <v>0</v>
      </c>
      <c r="ES32" s="111">
        <v>0</v>
      </c>
      <c r="ET32" s="114">
        <v>0</v>
      </c>
      <c r="EU32" s="114">
        <v>0</v>
      </c>
      <c r="EV32" s="114">
        <v>0</v>
      </c>
      <c r="EW32" s="114">
        <v>0</v>
      </c>
      <c r="EX32" s="114">
        <v>0</v>
      </c>
      <c r="EY32" s="113">
        <v>0</v>
      </c>
      <c r="EZ32" s="116">
        <v>0</v>
      </c>
      <c r="FA32" s="110">
        <v>0</v>
      </c>
      <c r="FB32" s="114">
        <v>0</v>
      </c>
      <c r="FC32" s="112">
        <v>0</v>
      </c>
      <c r="FD32" s="347"/>
      <c r="FE32" s="114">
        <v>0</v>
      </c>
      <c r="FF32" s="114">
        <v>0</v>
      </c>
      <c r="FG32" s="114">
        <v>0</v>
      </c>
      <c r="FH32" s="114">
        <v>0</v>
      </c>
      <c r="FI32" s="114">
        <v>0</v>
      </c>
      <c r="FJ32" s="113">
        <v>0</v>
      </c>
      <c r="FK32" s="116">
        <v>0</v>
      </c>
      <c r="FL32" s="110">
        <v>5950</v>
      </c>
      <c r="FM32" s="114">
        <v>48440</v>
      </c>
      <c r="FN32" s="113">
        <v>54390</v>
      </c>
      <c r="FO32" s="110">
        <v>0</v>
      </c>
      <c r="FP32" s="114">
        <v>39244</v>
      </c>
      <c r="FQ32" s="114">
        <v>69783</v>
      </c>
      <c r="FR32" s="114">
        <v>135457</v>
      </c>
      <c r="FS32" s="114">
        <v>16450</v>
      </c>
      <c r="FT32" s="114">
        <v>10150</v>
      </c>
      <c r="FU32" s="113">
        <v>271084</v>
      </c>
      <c r="FV32" s="116">
        <v>325474</v>
      </c>
      <c r="FW32" s="115">
        <v>5950</v>
      </c>
      <c r="FX32" s="114">
        <v>48440</v>
      </c>
      <c r="FY32" s="112">
        <v>54390</v>
      </c>
      <c r="FZ32" s="111">
        <v>0</v>
      </c>
      <c r="GA32" s="114">
        <v>25200</v>
      </c>
      <c r="GB32" s="114">
        <v>69783</v>
      </c>
      <c r="GC32" s="114">
        <v>49987</v>
      </c>
      <c r="GD32" s="114">
        <v>16450</v>
      </c>
      <c r="GE32" s="114">
        <v>10150</v>
      </c>
      <c r="GF32" s="113">
        <v>171570</v>
      </c>
      <c r="GG32" s="318">
        <v>225960</v>
      </c>
      <c r="GH32" s="115">
        <v>0</v>
      </c>
      <c r="GI32" s="114">
        <v>0</v>
      </c>
      <c r="GJ32" s="112">
        <v>0</v>
      </c>
      <c r="GK32" s="111">
        <v>0</v>
      </c>
      <c r="GL32" s="114">
        <v>14044</v>
      </c>
      <c r="GM32" s="114">
        <v>0</v>
      </c>
      <c r="GN32" s="114">
        <v>0</v>
      </c>
      <c r="GO32" s="114">
        <v>0</v>
      </c>
      <c r="GP32" s="114">
        <v>0</v>
      </c>
      <c r="GQ32" s="113">
        <v>14044</v>
      </c>
      <c r="GR32" s="116">
        <v>14044</v>
      </c>
      <c r="GS32" s="110">
        <v>0</v>
      </c>
      <c r="GT32" s="114">
        <v>0</v>
      </c>
      <c r="GU32" s="113">
        <v>0</v>
      </c>
      <c r="GV32" s="110">
        <v>0</v>
      </c>
      <c r="GW32" s="114">
        <v>0</v>
      </c>
      <c r="GX32" s="114">
        <v>0</v>
      </c>
      <c r="GY32" s="114">
        <v>85470</v>
      </c>
      <c r="GZ32" s="114">
        <v>0</v>
      </c>
      <c r="HA32" s="114">
        <v>0</v>
      </c>
      <c r="HB32" s="112">
        <v>85470</v>
      </c>
      <c r="HC32" s="116">
        <v>85470</v>
      </c>
      <c r="HD32" s="110">
        <v>0</v>
      </c>
      <c r="HE32" s="114">
        <v>87293</v>
      </c>
      <c r="HF32" s="112">
        <v>87293</v>
      </c>
      <c r="HG32" s="111">
        <v>0</v>
      </c>
      <c r="HH32" s="114">
        <v>323416</v>
      </c>
      <c r="HI32" s="114">
        <v>527026</v>
      </c>
      <c r="HJ32" s="114">
        <v>1033312</v>
      </c>
      <c r="HK32" s="114">
        <v>380634</v>
      </c>
      <c r="HL32" s="114">
        <v>0</v>
      </c>
      <c r="HM32" s="113">
        <v>2264388</v>
      </c>
      <c r="HN32" s="109">
        <v>2351681</v>
      </c>
      <c r="HO32" s="328"/>
      <c r="HP32" s="329"/>
      <c r="HQ32" s="330"/>
      <c r="HR32" s="331"/>
      <c r="HS32" s="329"/>
      <c r="HT32" s="329"/>
      <c r="HU32" s="329"/>
      <c r="HV32" s="329"/>
      <c r="HW32" s="329"/>
      <c r="HX32" s="332"/>
      <c r="HY32" s="333"/>
      <c r="HZ32" s="150">
        <v>0</v>
      </c>
      <c r="IA32" s="135">
        <v>0</v>
      </c>
      <c r="IB32" s="150">
        <v>0</v>
      </c>
      <c r="IC32" s="134">
        <v>0</v>
      </c>
      <c r="ID32" s="135">
        <v>49114</v>
      </c>
      <c r="IE32" s="136">
        <v>65664</v>
      </c>
      <c r="IF32" s="137">
        <v>82362</v>
      </c>
      <c r="IG32" s="135">
        <v>0</v>
      </c>
      <c r="IH32" s="137">
        <v>0</v>
      </c>
      <c r="II32" s="138">
        <v>197140</v>
      </c>
      <c r="IJ32" s="150">
        <v>197140</v>
      </c>
      <c r="IK32" s="232">
        <v>0</v>
      </c>
      <c r="IL32" s="236">
        <v>0</v>
      </c>
      <c r="IM32" s="237">
        <v>0</v>
      </c>
      <c r="IN32" s="140"/>
      <c r="IO32" s="119">
        <v>0</v>
      </c>
      <c r="IP32" s="119">
        <v>0</v>
      </c>
      <c r="IQ32" s="119">
        <v>0</v>
      </c>
      <c r="IR32" s="119">
        <v>0</v>
      </c>
      <c r="IS32" s="119">
        <v>0</v>
      </c>
      <c r="IT32" s="141">
        <v>0</v>
      </c>
      <c r="IU32" s="320">
        <v>0</v>
      </c>
      <c r="IV32" s="142">
        <v>0</v>
      </c>
      <c r="IW32" s="119">
        <v>0</v>
      </c>
      <c r="IX32" s="120">
        <v>0</v>
      </c>
      <c r="IY32" s="144"/>
      <c r="IZ32" s="119">
        <v>0</v>
      </c>
      <c r="JA32" s="119">
        <v>0</v>
      </c>
      <c r="JB32" s="119">
        <v>0</v>
      </c>
      <c r="JC32" s="119">
        <v>0</v>
      </c>
      <c r="JD32" s="119">
        <v>0</v>
      </c>
      <c r="JE32" s="120">
        <v>0</v>
      </c>
      <c r="JF32" s="121">
        <v>0</v>
      </c>
      <c r="JG32" s="142">
        <v>0</v>
      </c>
      <c r="JH32" s="119">
        <v>0</v>
      </c>
      <c r="JI32" s="141">
        <v>0</v>
      </c>
      <c r="JJ32" s="118">
        <v>0</v>
      </c>
      <c r="JK32" s="119">
        <v>49114</v>
      </c>
      <c r="JL32" s="119">
        <v>18568</v>
      </c>
      <c r="JM32" s="119">
        <v>0</v>
      </c>
      <c r="JN32" s="119">
        <v>0</v>
      </c>
      <c r="JO32" s="119">
        <v>0</v>
      </c>
      <c r="JP32" s="120">
        <v>67682</v>
      </c>
      <c r="JQ32" s="320">
        <v>67682</v>
      </c>
      <c r="JR32" s="142">
        <v>0</v>
      </c>
      <c r="JS32" s="119">
        <v>0</v>
      </c>
      <c r="JT32" s="141">
        <v>0</v>
      </c>
      <c r="JU32" s="118">
        <v>0</v>
      </c>
      <c r="JV32" s="119">
        <v>0</v>
      </c>
      <c r="JW32" s="119">
        <v>47096</v>
      </c>
      <c r="JX32" s="119">
        <v>82362</v>
      </c>
      <c r="JY32" s="119">
        <v>0</v>
      </c>
      <c r="JZ32" s="119">
        <v>0</v>
      </c>
      <c r="KA32" s="120">
        <v>129458</v>
      </c>
      <c r="KB32" s="320">
        <v>129458</v>
      </c>
      <c r="KC32" s="234">
        <v>0</v>
      </c>
      <c r="KD32" s="230">
        <v>0</v>
      </c>
      <c r="KE32" s="120">
        <v>0</v>
      </c>
      <c r="KF32" s="118">
        <v>0</v>
      </c>
      <c r="KG32" s="119">
        <v>0</v>
      </c>
      <c r="KH32" s="119">
        <v>0</v>
      </c>
      <c r="KI32" s="119">
        <v>0</v>
      </c>
      <c r="KJ32" s="119">
        <v>0</v>
      </c>
      <c r="KK32" s="119">
        <v>0</v>
      </c>
      <c r="KL32" s="120">
        <v>0</v>
      </c>
      <c r="KM32" s="143">
        <v>0</v>
      </c>
      <c r="KN32" s="232">
        <v>0</v>
      </c>
      <c r="KO32" s="236">
        <v>0</v>
      </c>
      <c r="KP32" s="237">
        <v>0</v>
      </c>
      <c r="KQ32" s="140"/>
      <c r="KR32" s="119">
        <v>0</v>
      </c>
      <c r="KS32" s="119">
        <v>0</v>
      </c>
      <c r="KT32" s="119">
        <v>0</v>
      </c>
      <c r="KU32" s="119">
        <v>0</v>
      </c>
      <c r="KV32" s="119">
        <v>0</v>
      </c>
      <c r="KW32" s="120">
        <v>0</v>
      </c>
      <c r="KX32" s="320">
        <v>0</v>
      </c>
      <c r="KY32" s="142">
        <v>0</v>
      </c>
      <c r="KZ32" s="119">
        <v>0</v>
      </c>
      <c r="LA32" s="120">
        <v>0</v>
      </c>
      <c r="LB32" s="145"/>
      <c r="LC32" s="119">
        <v>0</v>
      </c>
      <c r="LD32" s="119">
        <v>0</v>
      </c>
      <c r="LE32" s="119">
        <v>0</v>
      </c>
      <c r="LF32" s="119">
        <v>0</v>
      </c>
      <c r="LG32" s="119">
        <v>0</v>
      </c>
      <c r="LH32" s="120">
        <v>0</v>
      </c>
      <c r="LI32" s="121">
        <v>0</v>
      </c>
      <c r="LJ32" s="142">
        <v>0</v>
      </c>
      <c r="LK32" s="119">
        <v>0</v>
      </c>
      <c r="LL32" s="120">
        <v>0</v>
      </c>
      <c r="LM32" s="145"/>
      <c r="LN32" s="119">
        <v>0</v>
      </c>
      <c r="LO32" s="119">
        <v>0</v>
      </c>
      <c r="LP32" s="119">
        <v>0</v>
      </c>
      <c r="LQ32" s="119">
        <v>0</v>
      </c>
      <c r="LR32" s="119">
        <v>0</v>
      </c>
      <c r="LS32" s="120">
        <v>0</v>
      </c>
      <c r="LT32" s="320">
        <v>0</v>
      </c>
      <c r="LU32" s="142">
        <v>0</v>
      </c>
      <c r="LV32" s="119">
        <v>0</v>
      </c>
      <c r="LW32" s="120">
        <v>0</v>
      </c>
      <c r="LX32" s="145"/>
      <c r="LY32" s="119">
        <v>0</v>
      </c>
      <c r="LZ32" s="119">
        <v>0</v>
      </c>
      <c r="MA32" s="119">
        <v>0</v>
      </c>
      <c r="MB32" s="119">
        <v>0</v>
      </c>
      <c r="MC32" s="119">
        <v>0</v>
      </c>
      <c r="MD32" s="120">
        <v>0</v>
      </c>
      <c r="ME32" s="121">
        <v>0</v>
      </c>
      <c r="MF32" s="142">
        <v>0</v>
      </c>
      <c r="MG32" s="119">
        <v>0</v>
      </c>
      <c r="MH32" s="120">
        <v>0</v>
      </c>
      <c r="MI32" s="145"/>
      <c r="MJ32" s="119">
        <v>134449</v>
      </c>
      <c r="MK32" s="119">
        <v>0</v>
      </c>
      <c r="ML32" s="119">
        <v>198494</v>
      </c>
      <c r="MM32" s="119">
        <v>414027</v>
      </c>
      <c r="MN32" s="119">
        <v>0</v>
      </c>
      <c r="MO32" s="120">
        <v>746970</v>
      </c>
      <c r="MP32" s="143">
        <v>746970</v>
      </c>
      <c r="MQ32" s="142">
        <v>0</v>
      </c>
      <c r="MR32" s="119">
        <v>0</v>
      </c>
      <c r="MS32" s="120">
        <v>0</v>
      </c>
      <c r="MT32" s="145"/>
      <c r="MU32" s="119">
        <v>0</v>
      </c>
      <c r="MV32" s="119">
        <v>0</v>
      </c>
      <c r="MW32" s="119">
        <v>198494</v>
      </c>
      <c r="MX32" s="119">
        <v>414027</v>
      </c>
      <c r="MY32" s="119">
        <v>0</v>
      </c>
      <c r="MZ32" s="120">
        <v>612521</v>
      </c>
      <c r="NA32" s="143">
        <v>612521</v>
      </c>
      <c r="NB32" s="142">
        <v>0</v>
      </c>
      <c r="NC32" s="119">
        <v>0</v>
      </c>
      <c r="ND32" s="120">
        <v>0</v>
      </c>
      <c r="NE32" s="145"/>
      <c r="NF32" s="119">
        <v>134449</v>
      </c>
      <c r="NG32" s="119">
        <v>0</v>
      </c>
      <c r="NH32" s="119">
        <v>0</v>
      </c>
      <c r="NI32" s="119">
        <v>0</v>
      </c>
      <c r="NJ32" s="119">
        <v>0</v>
      </c>
      <c r="NK32" s="120">
        <v>134449</v>
      </c>
      <c r="NL32" s="320">
        <v>134449</v>
      </c>
      <c r="NM32" s="142">
        <v>0</v>
      </c>
      <c r="NN32" s="119">
        <v>0</v>
      </c>
      <c r="NO32" s="120">
        <v>0</v>
      </c>
      <c r="NP32" s="145"/>
      <c r="NQ32" s="119">
        <v>0</v>
      </c>
      <c r="NR32" s="119">
        <v>0</v>
      </c>
      <c r="NS32" s="119">
        <v>0</v>
      </c>
      <c r="NT32" s="119">
        <v>0</v>
      </c>
      <c r="NU32" s="119">
        <v>0</v>
      </c>
      <c r="NV32" s="120">
        <v>0</v>
      </c>
      <c r="NW32" s="121">
        <v>0</v>
      </c>
      <c r="NX32" s="142">
        <v>0</v>
      </c>
      <c r="NY32" s="119">
        <v>0</v>
      </c>
      <c r="NZ32" s="120">
        <v>0</v>
      </c>
      <c r="OA32" s="145"/>
      <c r="OB32" s="119">
        <v>0</v>
      </c>
      <c r="OC32" s="119">
        <v>0</v>
      </c>
      <c r="OD32" s="119">
        <v>0</v>
      </c>
      <c r="OE32" s="119">
        <v>0</v>
      </c>
      <c r="OF32" s="119">
        <v>0</v>
      </c>
      <c r="OG32" s="120">
        <v>0</v>
      </c>
      <c r="OH32" s="121">
        <v>0</v>
      </c>
      <c r="OI32" s="142">
        <v>95803</v>
      </c>
      <c r="OJ32" s="119">
        <v>253354</v>
      </c>
      <c r="OK32" s="141">
        <v>349157</v>
      </c>
      <c r="OL32" s="118">
        <v>0</v>
      </c>
      <c r="OM32" s="119">
        <v>634572</v>
      </c>
      <c r="ON32" s="119">
        <v>1102307</v>
      </c>
      <c r="OO32" s="119">
        <v>2330911</v>
      </c>
      <c r="OP32" s="119">
        <v>999149</v>
      </c>
      <c r="OQ32" s="119">
        <v>282002</v>
      </c>
      <c r="OR32" s="120">
        <v>5348941</v>
      </c>
      <c r="OS32" s="143">
        <v>5698098</v>
      </c>
    </row>
    <row r="33" spans="2:409" ht="21" customHeight="1" x14ac:dyDescent="0.2">
      <c r="B33" s="126" t="s">
        <v>28</v>
      </c>
      <c r="C33" s="110">
        <v>7910</v>
      </c>
      <c r="D33" s="114">
        <v>7700</v>
      </c>
      <c r="E33" s="113">
        <v>15610</v>
      </c>
      <c r="F33" s="109">
        <v>0</v>
      </c>
      <c r="G33" s="114">
        <v>210902</v>
      </c>
      <c r="H33" s="114">
        <v>257934</v>
      </c>
      <c r="I33" s="114">
        <v>272933</v>
      </c>
      <c r="J33" s="114">
        <v>301888</v>
      </c>
      <c r="K33" s="114">
        <v>173180</v>
      </c>
      <c r="L33" s="173">
        <v>1216837</v>
      </c>
      <c r="M33" s="116">
        <v>1232447</v>
      </c>
      <c r="N33" s="110">
        <v>0</v>
      </c>
      <c r="O33" s="114">
        <v>0</v>
      </c>
      <c r="P33" s="113">
        <v>0</v>
      </c>
      <c r="Q33" s="110">
        <v>0</v>
      </c>
      <c r="R33" s="114">
        <v>97685</v>
      </c>
      <c r="S33" s="114">
        <v>101848</v>
      </c>
      <c r="T33" s="114">
        <v>32844</v>
      </c>
      <c r="U33" s="114">
        <v>8400</v>
      </c>
      <c r="V33" s="114">
        <v>70630</v>
      </c>
      <c r="W33" s="113">
        <v>311407</v>
      </c>
      <c r="X33" s="116">
        <v>311407</v>
      </c>
      <c r="Y33" s="110">
        <v>0</v>
      </c>
      <c r="Z33" s="114">
        <v>0</v>
      </c>
      <c r="AA33" s="113">
        <v>0</v>
      </c>
      <c r="AB33" s="110">
        <v>0</v>
      </c>
      <c r="AC33" s="114">
        <v>31145</v>
      </c>
      <c r="AD33" s="114">
        <v>43617</v>
      </c>
      <c r="AE33" s="114">
        <v>0</v>
      </c>
      <c r="AF33" s="114">
        <v>0</v>
      </c>
      <c r="AG33" s="114">
        <v>63392</v>
      </c>
      <c r="AH33" s="113">
        <v>138154</v>
      </c>
      <c r="AI33" s="116">
        <v>138154</v>
      </c>
      <c r="AJ33" s="110">
        <v>0</v>
      </c>
      <c r="AK33" s="114">
        <v>0</v>
      </c>
      <c r="AL33" s="113">
        <v>0</v>
      </c>
      <c r="AM33" s="110">
        <v>0</v>
      </c>
      <c r="AN33" s="114">
        <v>0</v>
      </c>
      <c r="AO33" s="114">
        <v>0</v>
      </c>
      <c r="AP33" s="114">
        <v>0</v>
      </c>
      <c r="AQ33" s="114">
        <v>0</v>
      </c>
      <c r="AR33" s="114">
        <v>0</v>
      </c>
      <c r="AS33" s="113">
        <v>0</v>
      </c>
      <c r="AT33" s="116">
        <v>0</v>
      </c>
      <c r="AU33" s="110">
        <v>0</v>
      </c>
      <c r="AV33" s="114">
        <v>0</v>
      </c>
      <c r="AW33" s="113">
        <v>0</v>
      </c>
      <c r="AX33" s="110">
        <v>0</v>
      </c>
      <c r="AY33" s="114">
        <v>14532</v>
      </c>
      <c r="AZ33" s="114">
        <v>43223</v>
      </c>
      <c r="BA33" s="114">
        <v>14532</v>
      </c>
      <c r="BB33" s="114">
        <v>0</v>
      </c>
      <c r="BC33" s="114">
        <v>0</v>
      </c>
      <c r="BD33" s="113">
        <v>72287</v>
      </c>
      <c r="BE33" s="116">
        <v>72287</v>
      </c>
      <c r="BF33" s="110">
        <v>0</v>
      </c>
      <c r="BG33" s="114">
        <v>0</v>
      </c>
      <c r="BH33" s="112">
        <v>0</v>
      </c>
      <c r="BI33" s="111">
        <v>0</v>
      </c>
      <c r="BJ33" s="114">
        <v>48389</v>
      </c>
      <c r="BK33" s="114">
        <v>0</v>
      </c>
      <c r="BL33" s="114">
        <v>0</v>
      </c>
      <c r="BM33" s="114">
        <v>0</v>
      </c>
      <c r="BN33" s="114">
        <v>0</v>
      </c>
      <c r="BO33" s="113">
        <v>48389</v>
      </c>
      <c r="BP33" s="116">
        <v>48389</v>
      </c>
      <c r="BQ33" s="110">
        <v>0</v>
      </c>
      <c r="BR33" s="114">
        <v>0</v>
      </c>
      <c r="BS33" s="113">
        <v>0</v>
      </c>
      <c r="BT33" s="110">
        <v>0</v>
      </c>
      <c r="BU33" s="114">
        <v>3619</v>
      </c>
      <c r="BV33" s="114">
        <v>15008</v>
      </c>
      <c r="BW33" s="114">
        <v>18312</v>
      </c>
      <c r="BX33" s="114">
        <v>8400</v>
      </c>
      <c r="BY33" s="114">
        <v>7238</v>
      </c>
      <c r="BZ33" s="113">
        <v>52577</v>
      </c>
      <c r="CA33" s="116">
        <v>52577</v>
      </c>
      <c r="CB33" s="110">
        <v>0</v>
      </c>
      <c r="CC33" s="114">
        <v>0</v>
      </c>
      <c r="CD33" s="113">
        <v>0</v>
      </c>
      <c r="CE33" s="110">
        <v>0</v>
      </c>
      <c r="CF33" s="114">
        <v>92567</v>
      </c>
      <c r="CG33" s="114">
        <v>103038</v>
      </c>
      <c r="CH33" s="114">
        <v>62727</v>
      </c>
      <c r="CI33" s="114">
        <v>102977</v>
      </c>
      <c r="CJ33" s="114">
        <v>81200</v>
      </c>
      <c r="CK33" s="113">
        <v>442509</v>
      </c>
      <c r="CL33" s="116">
        <v>442509</v>
      </c>
      <c r="CM33" s="110">
        <v>0</v>
      </c>
      <c r="CN33" s="114">
        <v>0</v>
      </c>
      <c r="CO33" s="113">
        <v>0</v>
      </c>
      <c r="CP33" s="111">
        <v>0</v>
      </c>
      <c r="CQ33" s="114">
        <v>15876</v>
      </c>
      <c r="CR33" s="114">
        <v>83342</v>
      </c>
      <c r="CS33" s="114">
        <v>0</v>
      </c>
      <c r="CT33" s="114">
        <v>102977</v>
      </c>
      <c r="CU33" s="114">
        <v>0</v>
      </c>
      <c r="CV33" s="113">
        <v>202195</v>
      </c>
      <c r="CW33" s="116">
        <v>202195</v>
      </c>
      <c r="CX33" s="110">
        <v>0</v>
      </c>
      <c r="CY33" s="114">
        <v>0</v>
      </c>
      <c r="CZ33" s="113">
        <v>0</v>
      </c>
      <c r="DA33" s="110">
        <v>0</v>
      </c>
      <c r="DB33" s="114">
        <v>76691</v>
      </c>
      <c r="DC33" s="114">
        <v>19696</v>
      </c>
      <c r="DD33" s="114">
        <v>62727</v>
      </c>
      <c r="DE33" s="114">
        <v>0</v>
      </c>
      <c r="DF33" s="114">
        <v>81200</v>
      </c>
      <c r="DG33" s="113">
        <v>240314</v>
      </c>
      <c r="DH33" s="116">
        <v>240314</v>
      </c>
      <c r="DI33" s="110">
        <v>0</v>
      </c>
      <c r="DJ33" s="114">
        <v>0</v>
      </c>
      <c r="DK33" s="112">
        <v>0</v>
      </c>
      <c r="DL33" s="111">
        <v>0</v>
      </c>
      <c r="DM33" s="114">
        <v>0</v>
      </c>
      <c r="DN33" s="114">
        <v>6022</v>
      </c>
      <c r="DO33" s="114">
        <v>0</v>
      </c>
      <c r="DP33" s="114">
        <v>0</v>
      </c>
      <c r="DQ33" s="114">
        <v>0</v>
      </c>
      <c r="DR33" s="113">
        <v>6022</v>
      </c>
      <c r="DS33" s="116">
        <v>6022</v>
      </c>
      <c r="DT33" s="110">
        <v>0</v>
      </c>
      <c r="DU33" s="114">
        <v>0</v>
      </c>
      <c r="DV33" s="113">
        <v>0</v>
      </c>
      <c r="DW33" s="110">
        <v>0</v>
      </c>
      <c r="DX33" s="114">
        <v>0</v>
      </c>
      <c r="DY33" s="114">
        <v>6022</v>
      </c>
      <c r="DZ33" s="114">
        <v>0</v>
      </c>
      <c r="EA33" s="114">
        <v>0</v>
      </c>
      <c r="EB33" s="114">
        <v>0</v>
      </c>
      <c r="EC33" s="113">
        <v>6022</v>
      </c>
      <c r="ED33" s="116">
        <v>6022</v>
      </c>
      <c r="EE33" s="110">
        <v>0</v>
      </c>
      <c r="EF33" s="112">
        <v>0</v>
      </c>
      <c r="EG33" s="113">
        <v>0</v>
      </c>
      <c r="EH33" s="110">
        <v>0</v>
      </c>
      <c r="EI33" s="114">
        <v>0</v>
      </c>
      <c r="EJ33" s="114">
        <v>0</v>
      </c>
      <c r="EK33" s="114">
        <v>0</v>
      </c>
      <c r="EL33" s="114">
        <v>0</v>
      </c>
      <c r="EM33" s="114">
        <v>0</v>
      </c>
      <c r="EN33" s="112">
        <v>0</v>
      </c>
      <c r="EO33" s="116">
        <v>0</v>
      </c>
      <c r="EP33" s="110">
        <v>0</v>
      </c>
      <c r="EQ33" s="114">
        <v>0</v>
      </c>
      <c r="ER33" s="112">
        <v>0</v>
      </c>
      <c r="ES33" s="111">
        <v>0</v>
      </c>
      <c r="ET33" s="114">
        <v>0</v>
      </c>
      <c r="EU33" s="114">
        <v>0</v>
      </c>
      <c r="EV33" s="114">
        <v>0</v>
      </c>
      <c r="EW33" s="114">
        <v>0</v>
      </c>
      <c r="EX33" s="114">
        <v>0</v>
      </c>
      <c r="EY33" s="113">
        <v>0</v>
      </c>
      <c r="EZ33" s="116">
        <v>0</v>
      </c>
      <c r="FA33" s="110">
        <v>0</v>
      </c>
      <c r="FB33" s="114">
        <v>0</v>
      </c>
      <c r="FC33" s="112">
        <v>0</v>
      </c>
      <c r="FD33" s="347"/>
      <c r="FE33" s="114">
        <v>0</v>
      </c>
      <c r="FF33" s="114">
        <v>0</v>
      </c>
      <c r="FG33" s="114">
        <v>0</v>
      </c>
      <c r="FH33" s="114">
        <v>0</v>
      </c>
      <c r="FI33" s="114">
        <v>0</v>
      </c>
      <c r="FJ33" s="113">
        <v>0</v>
      </c>
      <c r="FK33" s="116">
        <v>0</v>
      </c>
      <c r="FL33" s="110">
        <v>7910</v>
      </c>
      <c r="FM33" s="114">
        <v>7700</v>
      </c>
      <c r="FN33" s="113">
        <v>15610</v>
      </c>
      <c r="FO33" s="110">
        <v>0</v>
      </c>
      <c r="FP33" s="114">
        <v>20650</v>
      </c>
      <c r="FQ33" s="114">
        <v>47026</v>
      </c>
      <c r="FR33" s="114">
        <v>7350</v>
      </c>
      <c r="FS33" s="114">
        <v>0</v>
      </c>
      <c r="FT33" s="114">
        <v>21350</v>
      </c>
      <c r="FU33" s="113">
        <v>96376</v>
      </c>
      <c r="FV33" s="116">
        <v>111986</v>
      </c>
      <c r="FW33" s="115">
        <v>7910</v>
      </c>
      <c r="FX33" s="114">
        <v>7700</v>
      </c>
      <c r="FY33" s="112">
        <v>15610</v>
      </c>
      <c r="FZ33" s="111">
        <v>0</v>
      </c>
      <c r="GA33" s="114">
        <v>20650</v>
      </c>
      <c r="GB33" s="114">
        <v>47026</v>
      </c>
      <c r="GC33" s="114">
        <v>7350</v>
      </c>
      <c r="GD33" s="114">
        <v>0</v>
      </c>
      <c r="GE33" s="114">
        <v>21350</v>
      </c>
      <c r="GF33" s="113">
        <v>96376</v>
      </c>
      <c r="GG33" s="318">
        <v>111986</v>
      </c>
      <c r="GH33" s="115">
        <v>0</v>
      </c>
      <c r="GI33" s="114">
        <v>0</v>
      </c>
      <c r="GJ33" s="112">
        <v>0</v>
      </c>
      <c r="GK33" s="111">
        <v>0</v>
      </c>
      <c r="GL33" s="114">
        <v>0</v>
      </c>
      <c r="GM33" s="114">
        <v>0</v>
      </c>
      <c r="GN33" s="114">
        <v>0</v>
      </c>
      <c r="GO33" s="114">
        <v>0</v>
      </c>
      <c r="GP33" s="114">
        <v>0</v>
      </c>
      <c r="GQ33" s="113">
        <v>0</v>
      </c>
      <c r="GR33" s="116">
        <v>0</v>
      </c>
      <c r="GS33" s="110">
        <v>0</v>
      </c>
      <c r="GT33" s="114">
        <v>0</v>
      </c>
      <c r="GU33" s="113">
        <v>0</v>
      </c>
      <c r="GV33" s="110">
        <v>0</v>
      </c>
      <c r="GW33" s="114">
        <v>0</v>
      </c>
      <c r="GX33" s="114">
        <v>0</v>
      </c>
      <c r="GY33" s="114">
        <v>0</v>
      </c>
      <c r="GZ33" s="114">
        <v>0</v>
      </c>
      <c r="HA33" s="114">
        <v>0</v>
      </c>
      <c r="HB33" s="112">
        <v>0</v>
      </c>
      <c r="HC33" s="116">
        <v>0</v>
      </c>
      <c r="HD33" s="110">
        <v>0</v>
      </c>
      <c r="HE33" s="114">
        <v>0</v>
      </c>
      <c r="HF33" s="112">
        <v>0</v>
      </c>
      <c r="HG33" s="111">
        <v>0</v>
      </c>
      <c r="HH33" s="114">
        <v>0</v>
      </c>
      <c r="HI33" s="114">
        <v>0</v>
      </c>
      <c r="HJ33" s="114">
        <v>170012</v>
      </c>
      <c r="HK33" s="114">
        <v>190511</v>
      </c>
      <c r="HL33" s="114">
        <v>0</v>
      </c>
      <c r="HM33" s="113">
        <v>360523</v>
      </c>
      <c r="HN33" s="109">
        <v>360523</v>
      </c>
      <c r="HO33" s="328"/>
      <c r="HP33" s="329"/>
      <c r="HQ33" s="330"/>
      <c r="HR33" s="331"/>
      <c r="HS33" s="329"/>
      <c r="HT33" s="329"/>
      <c r="HU33" s="329"/>
      <c r="HV33" s="329"/>
      <c r="HW33" s="329"/>
      <c r="HX33" s="332"/>
      <c r="HY33" s="333"/>
      <c r="HZ33" s="131">
        <v>0</v>
      </c>
      <c r="IA33" s="132">
        <v>0</v>
      </c>
      <c r="IB33" s="133">
        <v>0</v>
      </c>
      <c r="IC33" s="146">
        <v>0</v>
      </c>
      <c r="ID33" s="132">
        <v>130466</v>
      </c>
      <c r="IE33" s="147">
        <v>29085</v>
      </c>
      <c r="IF33" s="133">
        <v>0</v>
      </c>
      <c r="IG33" s="132">
        <v>0</v>
      </c>
      <c r="IH33" s="133">
        <v>0</v>
      </c>
      <c r="II33" s="148">
        <v>159551</v>
      </c>
      <c r="IJ33" s="139">
        <v>159551</v>
      </c>
      <c r="IK33" s="232">
        <v>0</v>
      </c>
      <c r="IL33" s="236">
        <v>0</v>
      </c>
      <c r="IM33" s="237">
        <v>0</v>
      </c>
      <c r="IN33" s="140"/>
      <c r="IO33" s="119">
        <v>0</v>
      </c>
      <c r="IP33" s="119">
        <v>0</v>
      </c>
      <c r="IQ33" s="119">
        <v>0</v>
      </c>
      <c r="IR33" s="119">
        <v>0</v>
      </c>
      <c r="IS33" s="119">
        <v>0</v>
      </c>
      <c r="IT33" s="141">
        <v>0</v>
      </c>
      <c r="IU33" s="320">
        <v>0</v>
      </c>
      <c r="IV33" s="142">
        <v>0</v>
      </c>
      <c r="IW33" s="119">
        <v>0</v>
      </c>
      <c r="IX33" s="120">
        <v>0</v>
      </c>
      <c r="IY33" s="144"/>
      <c r="IZ33" s="119">
        <v>0</v>
      </c>
      <c r="JA33" s="119">
        <v>0</v>
      </c>
      <c r="JB33" s="119">
        <v>0</v>
      </c>
      <c r="JC33" s="119">
        <v>0</v>
      </c>
      <c r="JD33" s="119">
        <v>0</v>
      </c>
      <c r="JE33" s="120">
        <v>0</v>
      </c>
      <c r="JF33" s="121">
        <v>0</v>
      </c>
      <c r="JG33" s="142">
        <v>0</v>
      </c>
      <c r="JH33" s="119">
        <v>0</v>
      </c>
      <c r="JI33" s="141">
        <v>0</v>
      </c>
      <c r="JJ33" s="118">
        <v>0</v>
      </c>
      <c r="JK33" s="119">
        <v>130466</v>
      </c>
      <c r="JL33" s="119">
        <v>29085</v>
      </c>
      <c r="JM33" s="119">
        <v>0</v>
      </c>
      <c r="JN33" s="119">
        <v>0</v>
      </c>
      <c r="JO33" s="119">
        <v>0</v>
      </c>
      <c r="JP33" s="120">
        <v>159551</v>
      </c>
      <c r="JQ33" s="320">
        <v>159551</v>
      </c>
      <c r="JR33" s="142">
        <v>0</v>
      </c>
      <c r="JS33" s="119">
        <v>0</v>
      </c>
      <c r="JT33" s="141">
        <v>0</v>
      </c>
      <c r="JU33" s="118">
        <v>0</v>
      </c>
      <c r="JV33" s="119">
        <v>0</v>
      </c>
      <c r="JW33" s="119">
        <v>0</v>
      </c>
      <c r="JX33" s="119">
        <v>0</v>
      </c>
      <c r="JY33" s="119">
        <v>0</v>
      </c>
      <c r="JZ33" s="119">
        <v>0</v>
      </c>
      <c r="KA33" s="120">
        <v>0</v>
      </c>
      <c r="KB33" s="320">
        <v>0</v>
      </c>
      <c r="KC33" s="234">
        <v>0</v>
      </c>
      <c r="KD33" s="230">
        <v>0</v>
      </c>
      <c r="KE33" s="120">
        <v>0</v>
      </c>
      <c r="KF33" s="118">
        <v>0</v>
      </c>
      <c r="KG33" s="119">
        <v>0</v>
      </c>
      <c r="KH33" s="119">
        <v>0</v>
      </c>
      <c r="KI33" s="119">
        <v>0</v>
      </c>
      <c r="KJ33" s="119">
        <v>0</v>
      </c>
      <c r="KK33" s="119">
        <v>0</v>
      </c>
      <c r="KL33" s="120">
        <v>0</v>
      </c>
      <c r="KM33" s="143">
        <v>0</v>
      </c>
      <c r="KN33" s="232">
        <v>0</v>
      </c>
      <c r="KO33" s="236">
        <v>0</v>
      </c>
      <c r="KP33" s="237">
        <v>0</v>
      </c>
      <c r="KQ33" s="140"/>
      <c r="KR33" s="119">
        <v>0</v>
      </c>
      <c r="KS33" s="119">
        <v>0</v>
      </c>
      <c r="KT33" s="119">
        <v>0</v>
      </c>
      <c r="KU33" s="119">
        <v>0</v>
      </c>
      <c r="KV33" s="119">
        <v>0</v>
      </c>
      <c r="KW33" s="120">
        <v>0</v>
      </c>
      <c r="KX33" s="320">
        <v>0</v>
      </c>
      <c r="KY33" s="142">
        <v>0</v>
      </c>
      <c r="KZ33" s="119">
        <v>0</v>
      </c>
      <c r="LA33" s="120">
        <v>0</v>
      </c>
      <c r="LB33" s="145"/>
      <c r="LC33" s="119">
        <v>0</v>
      </c>
      <c r="LD33" s="119">
        <v>0</v>
      </c>
      <c r="LE33" s="119">
        <v>0</v>
      </c>
      <c r="LF33" s="119">
        <v>0</v>
      </c>
      <c r="LG33" s="119">
        <v>0</v>
      </c>
      <c r="LH33" s="120">
        <v>0</v>
      </c>
      <c r="LI33" s="121">
        <v>0</v>
      </c>
      <c r="LJ33" s="142">
        <v>0</v>
      </c>
      <c r="LK33" s="119">
        <v>0</v>
      </c>
      <c r="LL33" s="120">
        <v>0</v>
      </c>
      <c r="LM33" s="145"/>
      <c r="LN33" s="119">
        <v>0</v>
      </c>
      <c r="LO33" s="119">
        <v>0</v>
      </c>
      <c r="LP33" s="119">
        <v>0</v>
      </c>
      <c r="LQ33" s="119">
        <v>0</v>
      </c>
      <c r="LR33" s="119">
        <v>0</v>
      </c>
      <c r="LS33" s="120">
        <v>0</v>
      </c>
      <c r="LT33" s="320">
        <v>0</v>
      </c>
      <c r="LU33" s="142">
        <v>0</v>
      </c>
      <c r="LV33" s="119">
        <v>0</v>
      </c>
      <c r="LW33" s="120">
        <v>0</v>
      </c>
      <c r="LX33" s="145"/>
      <c r="LY33" s="119">
        <v>0</v>
      </c>
      <c r="LZ33" s="119">
        <v>0</v>
      </c>
      <c r="MA33" s="119">
        <v>0</v>
      </c>
      <c r="MB33" s="119">
        <v>0</v>
      </c>
      <c r="MC33" s="119">
        <v>0</v>
      </c>
      <c r="MD33" s="120">
        <v>0</v>
      </c>
      <c r="ME33" s="121">
        <v>0</v>
      </c>
      <c r="MF33" s="142">
        <v>0</v>
      </c>
      <c r="MG33" s="119">
        <v>0</v>
      </c>
      <c r="MH33" s="120">
        <v>0</v>
      </c>
      <c r="MI33" s="145"/>
      <c r="MJ33" s="119">
        <v>0</v>
      </c>
      <c r="MK33" s="119">
        <v>0</v>
      </c>
      <c r="ML33" s="119">
        <v>0</v>
      </c>
      <c r="MM33" s="119">
        <v>0</v>
      </c>
      <c r="MN33" s="119">
        <v>100336</v>
      </c>
      <c r="MO33" s="120">
        <v>100336</v>
      </c>
      <c r="MP33" s="143">
        <v>100336</v>
      </c>
      <c r="MQ33" s="142">
        <v>0</v>
      </c>
      <c r="MR33" s="119">
        <v>0</v>
      </c>
      <c r="MS33" s="120">
        <v>0</v>
      </c>
      <c r="MT33" s="145"/>
      <c r="MU33" s="119">
        <v>0</v>
      </c>
      <c r="MV33" s="119">
        <v>0</v>
      </c>
      <c r="MW33" s="119">
        <v>0</v>
      </c>
      <c r="MX33" s="119">
        <v>0</v>
      </c>
      <c r="MY33" s="119">
        <v>0</v>
      </c>
      <c r="MZ33" s="120">
        <v>0</v>
      </c>
      <c r="NA33" s="143">
        <v>0</v>
      </c>
      <c r="NB33" s="142">
        <v>0</v>
      </c>
      <c r="NC33" s="119">
        <v>0</v>
      </c>
      <c r="ND33" s="120">
        <v>0</v>
      </c>
      <c r="NE33" s="145"/>
      <c r="NF33" s="119">
        <v>0</v>
      </c>
      <c r="NG33" s="119">
        <v>0</v>
      </c>
      <c r="NH33" s="119">
        <v>0</v>
      </c>
      <c r="NI33" s="119">
        <v>0</v>
      </c>
      <c r="NJ33" s="119">
        <v>100336</v>
      </c>
      <c r="NK33" s="120">
        <v>100336</v>
      </c>
      <c r="NL33" s="320">
        <v>100336</v>
      </c>
      <c r="NM33" s="142">
        <v>0</v>
      </c>
      <c r="NN33" s="119">
        <v>0</v>
      </c>
      <c r="NO33" s="120">
        <v>0</v>
      </c>
      <c r="NP33" s="145"/>
      <c r="NQ33" s="119">
        <v>0</v>
      </c>
      <c r="NR33" s="119">
        <v>0</v>
      </c>
      <c r="NS33" s="119">
        <v>0</v>
      </c>
      <c r="NT33" s="119">
        <v>0</v>
      </c>
      <c r="NU33" s="119">
        <v>0</v>
      </c>
      <c r="NV33" s="120">
        <v>0</v>
      </c>
      <c r="NW33" s="121">
        <v>0</v>
      </c>
      <c r="NX33" s="142">
        <v>0</v>
      </c>
      <c r="NY33" s="119">
        <v>0</v>
      </c>
      <c r="NZ33" s="120">
        <v>0</v>
      </c>
      <c r="OA33" s="145"/>
      <c r="OB33" s="119">
        <v>0</v>
      </c>
      <c r="OC33" s="119">
        <v>0</v>
      </c>
      <c r="OD33" s="119">
        <v>0</v>
      </c>
      <c r="OE33" s="119">
        <v>0</v>
      </c>
      <c r="OF33" s="119">
        <v>0</v>
      </c>
      <c r="OG33" s="120">
        <v>0</v>
      </c>
      <c r="OH33" s="121">
        <v>0</v>
      </c>
      <c r="OI33" s="142">
        <v>7910</v>
      </c>
      <c r="OJ33" s="119">
        <v>7700</v>
      </c>
      <c r="OK33" s="141">
        <v>15610</v>
      </c>
      <c r="OL33" s="118">
        <v>0</v>
      </c>
      <c r="OM33" s="119">
        <v>341368</v>
      </c>
      <c r="ON33" s="119">
        <v>287019</v>
      </c>
      <c r="OO33" s="119">
        <v>272933</v>
      </c>
      <c r="OP33" s="119">
        <v>301888</v>
      </c>
      <c r="OQ33" s="119">
        <v>273516</v>
      </c>
      <c r="OR33" s="120">
        <v>1476724</v>
      </c>
      <c r="OS33" s="143">
        <v>1492334</v>
      </c>
    </row>
    <row r="34" spans="2:409" ht="21" customHeight="1" x14ac:dyDescent="0.2">
      <c r="B34" s="126" t="s">
        <v>29</v>
      </c>
      <c r="C34" s="110">
        <v>3500</v>
      </c>
      <c r="D34" s="114">
        <v>2100</v>
      </c>
      <c r="E34" s="113">
        <v>5600</v>
      </c>
      <c r="F34" s="109">
        <v>0</v>
      </c>
      <c r="G34" s="114">
        <v>327367</v>
      </c>
      <c r="H34" s="114">
        <v>166565</v>
      </c>
      <c r="I34" s="114">
        <v>541576</v>
      </c>
      <c r="J34" s="114">
        <v>494502</v>
      </c>
      <c r="K34" s="114">
        <v>350</v>
      </c>
      <c r="L34" s="173">
        <v>1530360</v>
      </c>
      <c r="M34" s="116">
        <v>1535960</v>
      </c>
      <c r="N34" s="110">
        <v>0</v>
      </c>
      <c r="O34" s="114">
        <v>0</v>
      </c>
      <c r="P34" s="113">
        <v>0</v>
      </c>
      <c r="Q34" s="110">
        <v>0</v>
      </c>
      <c r="R34" s="114">
        <v>35077</v>
      </c>
      <c r="S34" s="114">
        <v>97251</v>
      </c>
      <c r="T34" s="114">
        <v>269094</v>
      </c>
      <c r="U34" s="114">
        <v>177457</v>
      </c>
      <c r="V34" s="114">
        <v>0</v>
      </c>
      <c r="W34" s="113">
        <v>578879</v>
      </c>
      <c r="X34" s="116">
        <v>578879</v>
      </c>
      <c r="Y34" s="110">
        <v>0</v>
      </c>
      <c r="Z34" s="114">
        <v>0</v>
      </c>
      <c r="AA34" s="113">
        <v>0</v>
      </c>
      <c r="AB34" s="110">
        <v>0</v>
      </c>
      <c r="AC34" s="114">
        <v>26677</v>
      </c>
      <c r="AD34" s="114">
        <v>34706</v>
      </c>
      <c r="AE34" s="114">
        <v>73731</v>
      </c>
      <c r="AF34" s="114">
        <v>149513</v>
      </c>
      <c r="AG34" s="114">
        <v>0</v>
      </c>
      <c r="AH34" s="113">
        <v>284627</v>
      </c>
      <c r="AI34" s="116">
        <v>284627</v>
      </c>
      <c r="AJ34" s="110">
        <v>0</v>
      </c>
      <c r="AK34" s="114">
        <v>0</v>
      </c>
      <c r="AL34" s="113">
        <v>0</v>
      </c>
      <c r="AM34" s="110">
        <v>0</v>
      </c>
      <c r="AN34" s="114">
        <v>0</v>
      </c>
      <c r="AO34" s="114">
        <v>0</v>
      </c>
      <c r="AP34" s="114">
        <v>0</v>
      </c>
      <c r="AQ34" s="114">
        <v>0</v>
      </c>
      <c r="AR34" s="114">
        <v>0</v>
      </c>
      <c r="AS34" s="113">
        <v>0</v>
      </c>
      <c r="AT34" s="116">
        <v>0</v>
      </c>
      <c r="AU34" s="110">
        <v>0</v>
      </c>
      <c r="AV34" s="114">
        <v>0</v>
      </c>
      <c r="AW34" s="113">
        <v>0</v>
      </c>
      <c r="AX34" s="110">
        <v>0</v>
      </c>
      <c r="AY34" s="114">
        <v>0</v>
      </c>
      <c r="AZ34" s="114">
        <v>35777</v>
      </c>
      <c r="BA34" s="114">
        <v>115304</v>
      </c>
      <c r="BB34" s="114">
        <v>0</v>
      </c>
      <c r="BC34" s="114">
        <v>0</v>
      </c>
      <c r="BD34" s="113">
        <v>151081</v>
      </c>
      <c r="BE34" s="116">
        <v>151081</v>
      </c>
      <c r="BF34" s="110">
        <v>0</v>
      </c>
      <c r="BG34" s="114">
        <v>0</v>
      </c>
      <c r="BH34" s="112">
        <v>0</v>
      </c>
      <c r="BI34" s="111">
        <v>0</v>
      </c>
      <c r="BJ34" s="114">
        <v>0</v>
      </c>
      <c r="BK34" s="114">
        <v>26768</v>
      </c>
      <c r="BL34" s="114">
        <v>60228</v>
      </c>
      <c r="BM34" s="114">
        <v>0</v>
      </c>
      <c r="BN34" s="114">
        <v>0</v>
      </c>
      <c r="BO34" s="113">
        <v>86996</v>
      </c>
      <c r="BP34" s="116">
        <v>86996</v>
      </c>
      <c r="BQ34" s="110">
        <v>0</v>
      </c>
      <c r="BR34" s="114">
        <v>0</v>
      </c>
      <c r="BS34" s="113">
        <v>0</v>
      </c>
      <c r="BT34" s="110">
        <v>0</v>
      </c>
      <c r="BU34" s="114">
        <v>8400</v>
      </c>
      <c r="BV34" s="114">
        <v>0</v>
      </c>
      <c r="BW34" s="114">
        <v>19831</v>
      </c>
      <c r="BX34" s="114">
        <v>27944</v>
      </c>
      <c r="BY34" s="114">
        <v>0</v>
      </c>
      <c r="BZ34" s="113">
        <v>56175</v>
      </c>
      <c r="CA34" s="116">
        <v>56175</v>
      </c>
      <c r="CB34" s="110">
        <v>0</v>
      </c>
      <c r="CC34" s="114">
        <v>0</v>
      </c>
      <c r="CD34" s="113">
        <v>0</v>
      </c>
      <c r="CE34" s="110">
        <v>0</v>
      </c>
      <c r="CF34" s="114">
        <v>123763</v>
      </c>
      <c r="CG34" s="114">
        <v>51611</v>
      </c>
      <c r="CH34" s="114">
        <v>133812</v>
      </c>
      <c r="CI34" s="114">
        <v>71330</v>
      </c>
      <c r="CJ34" s="114">
        <v>0</v>
      </c>
      <c r="CK34" s="113">
        <v>380516</v>
      </c>
      <c r="CL34" s="116">
        <v>380516</v>
      </c>
      <c r="CM34" s="110">
        <v>0</v>
      </c>
      <c r="CN34" s="114">
        <v>0</v>
      </c>
      <c r="CO34" s="113">
        <v>0</v>
      </c>
      <c r="CP34" s="111">
        <v>0</v>
      </c>
      <c r="CQ34" s="114">
        <v>68502</v>
      </c>
      <c r="CR34" s="114">
        <v>0</v>
      </c>
      <c r="CS34" s="114">
        <v>25158</v>
      </c>
      <c r="CT34" s="114">
        <v>0</v>
      </c>
      <c r="CU34" s="114">
        <v>0</v>
      </c>
      <c r="CV34" s="113">
        <v>93660</v>
      </c>
      <c r="CW34" s="116">
        <v>93660</v>
      </c>
      <c r="CX34" s="110">
        <v>0</v>
      </c>
      <c r="CY34" s="114">
        <v>0</v>
      </c>
      <c r="CZ34" s="113">
        <v>0</v>
      </c>
      <c r="DA34" s="110">
        <v>0</v>
      </c>
      <c r="DB34" s="114">
        <v>55261</v>
      </c>
      <c r="DC34" s="114">
        <v>51611</v>
      </c>
      <c r="DD34" s="114">
        <v>108654</v>
      </c>
      <c r="DE34" s="114">
        <v>71330</v>
      </c>
      <c r="DF34" s="114">
        <v>0</v>
      </c>
      <c r="DG34" s="113">
        <v>286856</v>
      </c>
      <c r="DH34" s="116">
        <v>286856</v>
      </c>
      <c r="DI34" s="110">
        <v>0</v>
      </c>
      <c r="DJ34" s="114">
        <v>0</v>
      </c>
      <c r="DK34" s="112">
        <v>0</v>
      </c>
      <c r="DL34" s="111">
        <v>0</v>
      </c>
      <c r="DM34" s="114">
        <v>0</v>
      </c>
      <c r="DN34" s="114">
        <v>15603</v>
      </c>
      <c r="DO34" s="114">
        <v>0</v>
      </c>
      <c r="DP34" s="114">
        <v>0</v>
      </c>
      <c r="DQ34" s="114">
        <v>0</v>
      </c>
      <c r="DR34" s="113">
        <v>15603</v>
      </c>
      <c r="DS34" s="116">
        <v>15603</v>
      </c>
      <c r="DT34" s="110">
        <v>0</v>
      </c>
      <c r="DU34" s="114">
        <v>0</v>
      </c>
      <c r="DV34" s="113">
        <v>0</v>
      </c>
      <c r="DW34" s="110">
        <v>0</v>
      </c>
      <c r="DX34" s="114">
        <v>0</v>
      </c>
      <c r="DY34" s="114">
        <v>0</v>
      </c>
      <c r="DZ34" s="114">
        <v>0</v>
      </c>
      <c r="EA34" s="114">
        <v>0</v>
      </c>
      <c r="EB34" s="114">
        <v>0</v>
      </c>
      <c r="EC34" s="113">
        <v>0</v>
      </c>
      <c r="ED34" s="116">
        <v>0</v>
      </c>
      <c r="EE34" s="110">
        <v>0</v>
      </c>
      <c r="EF34" s="112">
        <v>0</v>
      </c>
      <c r="EG34" s="113">
        <v>0</v>
      </c>
      <c r="EH34" s="110">
        <v>0</v>
      </c>
      <c r="EI34" s="114">
        <v>0</v>
      </c>
      <c r="EJ34" s="114">
        <v>15603</v>
      </c>
      <c r="EK34" s="114">
        <v>0</v>
      </c>
      <c r="EL34" s="114">
        <v>0</v>
      </c>
      <c r="EM34" s="114">
        <v>0</v>
      </c>
      <c r="EN34" s="112">
        <v>15603</v>
      </c>
      <c r="EO34" s="116">
        <v>15603</v>
      </c>
      <c r="EP34" s="110">
        <v>0</v>
      </c>
      <c r="EQ34" s="114">
        <v>0</v>
      </c>
      <c r="ER34" s="112">
        <v>0</v>
      </c>
      <c r="ES34" s="111">
        <v>0</v>
      </c>
      <c r="ET34" s="114">
        <v>0</v>
      </c>
      <c r="EU34" s="114">
        <v>0</v>
      </c>
      <c r="EV34" s="114">
        <v>0</v>
      </c>
      <c r="EW34" s="114">
        <v>0</v>
      </c>
      <c r="EX34" s="114">
        <v>0</v>
      </c>
      <c r="EY34" s="113">
        <v>0</v>
      </c>
      <c r="EZ34" s="116">
        <v>0</v>
      </c>
      <c r="FA34" s="110">
        <v>0</v>
      </c>
      <c r="FB34" s="114">
        <v>0</v>
      </c>
      <c r="FC34" s="112">
        <v>0</v>
      </c>
      <c r="FD34" s="347"/>
      <c r="FE34" s="114">
        <v>0</v>
      </c>
      <c r="FF34" s="114">
        <v>0</v>
      </c>
      <c r="FG34" s="114">
        <v>0</v>
      </c>
      <c r="FH34" s="114">
        <v>0</v>
      </c>
      <c r="FI34" s="114">
        <v>0</v>
      </c>
      <c r="FJ34" s="113">
        <v>0</v>
      </c>
      <c r="FK34" s="116">
        <v>0</v>
      </c>
      <c r="FL34" s="110">
        <v>3500</v>
      </c>
      <c r="FM34" s="114">
        <v>2100</v>
      </c>
      <c r="FN34" s="113">
        <v>5600</v>
      </c>
      <c r="FO34" s="110">
        <v>0</v>
      </c>
      <c r="FP34" s="114">
        <v>32900</v>
      </c>
      <c r="FQ34" s="114">
        <v>2100</v>
      </c>
      <c r="FR34" s="114">
        <v>138670</v>
      </c>
      <c r="FS34" s="114">
        <v>28000</v>
      </c>
      <c r="FT34" s="114">
        <v>350</v>
      </c>
      <c r="FU34" s="113">
        <v>202020</v>
      </c>
      <c r="FV34" s="116">
        <v>207620</v>
      </c>
      <c r="FW34" s="115">
        <v>3500</v>
      </c>
      <c r="FX34" s="114">
        <v>2100</v>
      </c>
      <c r="FY34" s="112">
        <v>5600</v>
      </c>
      <c r="FZ34" s="111">
        <v>0</v>
      </c>
      <c r="GA34" s="114">
        <v>32900</v>
      </c>
      <c r="GB34" s="114">
        <v>2100</v>
      </c>
      <c r="GC34" s="114">
        <v>83230</v>
      </c>
      <c r="GD34" s="114">
        <v>28000</v>
      </c>
      <c r="GE34" s="114">
        <v>350</v>
      </c>
      <c r="GF34" s="113">
        <v>146580</v>
      </c>
      <c r="GG34" s="318">
        <v>152180</v>
      </c>
      <c r="GH34" s="115">
        <v>0</v>
      </c>
      <c r="GI34" s="114">
        <v>0</v>
      </c>
      <c r="GJ34" s="112">
        <v>0</v>
      </c>
      <c r="GK34" s="111">
        <v>0</v>
      </c>
      <c r="GL34" s="114">
        <v>0</v>
      </c>
      <c r="GM34" s="114">
        <v>0</v>
      </c>
      <c r="GN34" s="114">
        <v>55440</v>
      </c>
      <c r="GO34" s="114">
        <v>0</v>
      </c>
      <c r="GP34" s="114">
        <v>0</v>
      </c>
      <c r="GQ34" s="113">
        <v>55440</v>
      </c>
      <c r="GR34" s="116">
        <v>55440</v>
      </c>
      <c r="GS34" s="110">
        <v>0</v>
      </c>
      <c r="GT34" s="114">
        <v>0</v>
      </c>
      <c r="GU34" s="113">
        <v>0</v>
      </c>
      <c r="GV34" s="110">
        <v>0</v>
      </c>
      <c r="GW34" s="114">
        <v>0</v>
      </c>
      <c r="GX34" s="114">
        <v>0</v>
      </c>
      <c r="GY34" s="114">
        <v>0</v>
      </c>
      <c r="GZ34" s="114">
        <v>0</v>
      </c>
      <c r="HA34" s="114">
        <v>0</v>
      </c>
      <c r="HB34" s="112">
        <v>0</v>
      </c>
      <c r="HC34" s="116">
        <v>0</v>
      </c>
      <c r="HD34" s="110">
        <v>0</v>
      </c>
      <c r="HE34" s="114">
        <v>0</v>
      </c>
      <c r="HF34" s="112">
        <v>0</v>
      </c>
      <c r="HG34" s="111">
        <v>0</v>
      </c>
      <c r="HH34" s="114">
        <v>135627</v>
      </c>
      <c r="HI34" s="114">
        <v>0</v>
      </c>
      <c r="HJ34" s="114">
        <v>0</v>
      </c>
      <c r="HK34" s="114">
        <v>217715</v>
      </c>
      <c r="HL34" s="114">
        <v>0</v>
      </c>
      <c r="HM34" s="113">
        <v>353342</v>
      </c>
      <c r="HN34" s="109">
        <v>353342</v>
      </c>
      <c r="HO34" s="328"/>
      <c r="HP34" s="329"/>
      <c r="HQ34" s="330"/>
      <c r="HR34" s="331"/>
      <c r="HS34" s="329"/>
      <c r="HT34" s="329"/>
      <c r="HU34" s="329"/>
      <c r="HV34" s="329"/>
      <c r="HW34" s="329"/>
      <c r="HX34" s="332"/>
      <c r="HY34" s="333"/>
      <c r="HZ34" s="150">
        <v>0</v>
      </c>
      <c r="IA34" s="135">
        <v>0</v>
      </c>
      <c r="IB34" s="150">
        <v>0</v>
      </c>
      <c r="IC34" s="134">
        <v>0</v>
      </c>
      <c r="ID34" s="135">
        <v>335062</v>
      </c>
      <c r="IE34" s="136">
        <v>16487</v>
      </c>
      <c r="IF34" s="137">
        <v>292425</v>
      </c>
      <c r="IG34" s="135">
        <v>227311</v>
      </c>
      <c r="IH34" s="137">
        <v>0</v>
      </c>
      <c r="II34" s="138">
        <v>871285</v>
      </c>
      <c r="IJ34" s="150">
        <v>871285</v>
      </c>
      <c r="IK34" s="232">
        <v>0</v>
      </c>
      <c r="IL34" s="236">
        <v>0</v>
      </c>
      <c r="IM34" s="237">
        <v>0</v>
      </c>
      <c r="IN34" s="140"/>
      <c r="IO34" s="119">
        <v>0</v>
      </c>
      <c r="IP34" s="119">
        <v>0</v>
      </c>
      <c r="IQ34" s="119">
        <v>0</v>
      </c>
      <c r="IR34" s="119">
        <v>0</v>
      </c>
      <c r="IS34" s="119">
        <v>0</v>
      </c>
      <c r="IT34" s="141">
        <v>0</v>
      </c>
      <c r="IU34" s="320">
        <v>0</v>
      </c>
      <c r="IV34" s="142">
        <v>0</v>
      </c>
      <c r="IW34" s="119">
        <v>0</v>
      </c>
      <c r="IX34" s="120">
        <v>0</v>
      </c>
      <c r="IY34" s="144"/>
      <c r="IZ34" s="119">
        <v>0</v>
      </c>
      <c r="JA34" s="119">
        <v>0</v>
      </c>
      <c r="JB34" s="119">
        <v>0</v>
      </c>
      <c r="JC34" s="119">
        <v>0</v>
      </c>
      <c r="JD34" s="119">
        <v>0</v>
      </c>
      <c r="JE34" s="120">
        <v>0</v>
      </c>
      <c r="JF34" s="121">
        <v>0</v>
      </c>
      <c r="JG34" s="142">
        <v>0</v>
      </c>
      <c r="JH34" s="119">
        <v>0</v>
      </c>
      <c r="JI34" s="141">
        <v>0</v>
      </c>
      <c r="JJ34" s="118">
        <v>0</v>
      </c>
      <c r="JK34" s="119">
        <v>0</v>
      </c>
      <c r="JL34" s="119">
        <v>16487</v>
      </c>
      <c r="JM34" s="119">
        <v>0</v>
      </c>
      <c r="JN34" s="119">
        <v>0</v>
      </c>
      <c r="JO34" s="119">
        <v>0</v>
      </c>
      <c r="JP34" s="120">
        <v>16487</v>
      </c>
      <c r="JQ34" s="320">
        <v>16487</v>
      </c>
      <c r="JR34" s="142">
        <v>0</v>
      </c>
      <c r="JS34" s="119">
        <v>0</v>
      </c>
      <c r="JT34" s="141">
        <v>0</v>
      </c>
      <c r="JU34" s="118">
        <v>0</v>
      </c>
      <c r="JV34" s="119">
        <v>0</v>
      </c>
      <c r="JW34" s="119">
        <v>0</v>
      </c>
      <c r="JX34" s="119">
        <v>82362</v>
      </c>
      <c r="JY34" s="119">
        <v>0</v>
      </c>
      <c r="JZ34" s="119">
        <v>0</v>
      </c>
      <c r="KA34" s="120">
        <v>82362</v>
      </c>
      <c r="KB34" s="320">
        <v>82362</v>
      </c>
      <c r="KC34" s="234">
        <v>0</v>
      </c>
      <c r="KD34" s="230">
        <v>0</v>
      </c>
      <c r="KE34" s="120">
        <v>0</v>
      </c>
      <c r="KF34" s="118">
        <v>0</v>
      </c>
      <c r="KG34" s="119">
        <v>335062</v>
      </c>
      <c r="KH34" s="119">
        <v>0</v>
      </c>
      <c r="KI34" s="119">
        <v>210063</v>
      </c>
      <c r="KJ34" s="119">
        <v>0</v>
      </c>
      <c r="KK34" s="119">
        <v>0</v>
      </c>
      <c r="KL34" s="120">
        <v>545125</v>
      </c>
      <c r="KM34" s="143">
        <v>545125</v>
      </c>
      <c r="KN34" s="232">
        <v>0</v>
      </c>
      <c r="KO34" s="236">
        <v>0</v>
      </c>
      <c r="KP34" s="237">
        <v>0</v>
      </c>
      <c r="KQ34" s="140"/>
      <c r="KR34" s="119">
        <v>0</v>
      </c>
      <c r="KS34" s="119">
        <v>0</v>
      </c>
      <c r="KT34" s="119">
        <v>0</v>
      </c>
      <c r="KU34" s="119">
        <v>0</v>
      </c>
      <c r="KV34" s="119">
        <v>0</v>
      </c>
      <c r="KW34" s="120">
        <v>0</v>
      </c>
      <c r="KX34" s="320">
        <v>0</v>
      </c>
      <c r="KY34" s="142">
        <v>0</v>
      </c>
      <c r="KZ34" s="119">
        <v>0</v>
      </c>
      <c r="LA34" s="120">
        <v>0</v>
      </c>
      <c r="LB34" s="145"/>
      <c r="LC34" s="119">
        <v>0</v>
      </c>
      <c r="LD34" s="119">
        <v>0</v>
      </c>
      <c r="LE34" s="119">
        <v>0</v>
      </c>
      <c r="LF34" s="119">
        <v>0</v>
      </c>
      <c r="LG34" s="119">
        <v>0</v>
      </c>
      <c r="LH34" s="120">
        <v>0</v>
      </c>
      <c r="LI34" s="121">
        <v>0</v>
      </c>
      <c r="LJ34" s="142">
        <v>0</v>
      </c>
      <c r="LK34" s="119">
        <v>0</v>
      </c>
      <c r="LL34" s="120">
        <v>0</v>
      </c>
      <c r="LM34" s="145"/>
      <c r="LN34" s="119">
        <v>0</v>
      </c>
      <c r="LO34" s="119">
        <v>0</v>
      </c>
      <c r="LP34" s="119">
        <v>0</v>
      </c>
      <c r="LQ34" s="119">
        <v>227311</v>
      </c>
      <c r="LR34" s="119">
        <v>0</v>
      </c>
      <c r="LS34" s="120">
        <v>227311</v>
      </c>
      <c r="LT34" s="320">
        <v>227311</v>
      </c>
      <c r="LU34" s="142">
        <v>0</v>
      </c>
      <c r="LV34" s="119">
        <v>0</v>
      </c>
      <c r="LW34" s="120">
        <v>0</v>
      </c>
      <c r="LX34" s="145"/>
      <c r="LY34" s="119">
        <v>0</v>
      </c>
      <c r="LZ34" s="119">
        <v>0</v>
      </c>
      <c r="MA34" s="119">
        <v>0</v>
      </c>
      <c r="MB34" s="119">
        <v>0</v>
      </c>
      <c r="MC34" s="119">
        <v>0</v>
      </c>
      <c r="MD34" s="120">
        <v>0</v>
      </c>
      <c r="ME34" s="121">
        <v>0</v>
      </c>
      <c r="MF34" s="142">
        <v>0</v>
      </c>
      <c r="MG34" s="119">
        <v>0</v>
      </c>
      <c r="MH34" s="120">
        <v>0</v>
      </c>
      <c r="MI34" s="145"/>
      <c r="MJ34" s="119">
        <v>0</v>
      </c>
      <c r="MK34" s="119">
        <v>0</v>
      </c>
      <c r="ML34" s="119">
        <v>91854</v>
      </c>
      <c r="MM34" s="119">
        <v>249270</v>
      </c>
      <c r="MN34" s="119">
        <v>0</v>
      </c>
      <c r="MO34" s="120">
        <v>341124</v>
      </c>
      <c r="MP34" s="143">
        <v>341124</v>
      </c>
      <c r="MQ34" s="142">
        <v>0</v>
      </c>
      <c r="MR34" s="119">
        <v>0</v>
      </c>
      <c r="MS34" s="120">
        <v>0</v>
      </c>
      <c r="MT34" s="145"/>
      <c r="MU34" s="119">
        <v>0</v>
      </c>
      <c r="MV34" s="119">
        <v>0</v>
      </c>
      <c r="MW34" s="119">
        <v>0</v>
      </c>
      <c r="MX34" s="119">
        <v>0</v>
      </c>
      <c r="MY34" s="119">
        <v>0</v>
      </c>
      <c r="MZ34" s="120">
        <v>0</v>
      </c>
      <c r="NA34" s="143">
        <v>0</v>
      </c>
      <c r="NB34" s="142">
        <v>0</v>
      </c>
      <c r="NC34" s="119">
        <v>0</v>
      </c>
      <c r="ND34" s="120">
        <v>0</v>
      </c>
      <c r="NE34" s="145"/>
      <c r="NF34" s="119">
        <v>0</v>
      </c>
      <c r="NG34" s="119">
        <v>0</v>
      </c>
      <c r="NH34" s="119">
        <v>91854</v>
      </c>
      <c r="NI34" s="119">
        <v>249270</v>
      </c>
      <c r="NJ34" s="119">
        <v>0</v>
      </c>
      <c r="NK34" s="120">
        <v>341124</v>
      </c>
      <c r="NL34" s="320">
        <v>341124</v>
      </c>
      <c r="NM34" s="142">
        <v>0</v>
      </c>
      <c r="NN34" s="119">
        <v>0</v>
      </c>
      <c r="NO34" s="120">
        <v>0</v>
      </c>
      <c r="NP34" s="145"/>
      <c r="NQ34" s="119">
        <v>0</v>
      </c>
      <c r="NR34" s="119">
        <v>0</v>
      </c>
      <c r="NS34" s="119">
        <v>0</v>
      </c>
      <c r="NT34" s="119">
        <v>0</v>
      </c>
      <c r="NU34" s="119">
        <v>0</v>
      </c>
      <c r="NV34" s="120">
        <v>0</v>
      </c>
      <c r="NW34" s="121">
        <v>0</v>
      </c>
      <c r="NX34" s="142">
        <v>0</v>
      </c>
      <c r="NY34" s="119">
        <v>0</v>
      </c>
      <c r="NZ34" s="120">
        <v>0</v>
      </c>
      <c r="OA34" s="145"/>
      <c r="OB34" s="119">
        <v>0</v>
      </c>
      <c r="OC34" s="119">
        <v>0</v>
      </c>
      <c r="OD34" s="119">
        <v>0</v>
      </c>
      <c r="OE34" s="119">
        <v>0</v>
      </c>
      <c r="OF34" s="119">
        <v>0</v>
      </c>
      <c r="OG34" s="120">
        <v>0</v>
      </c>
      <c r="OH34" s="121">
        <v>0</v>
      </c>
      <c r="OI34" s="142">
        <v>3500</v>
      </c>
      <c r="OJ34" s="119">
        <v>2100</v>
      </c>
      <c r="OK34" s="141">
        <v>5600</v>
      </c>
      <c r="OL34" s="118">
        <v>0</v>
      </c>
      <c r="OM34" s="119">
        <v>662429</v>
      </c>
      <c r="ON34" s="119">
        <v>183052</v>
      </c>
      <c r="OO34" s="119">
        <v>925855</v>
      </c>
      <c r="OP34" s="119">
        <v>971083</v>
      </c>
      <c r="OQ34" s="119">
        <v>350</v>
      </c>
      <c r="OR34" s="120">
        <v>2742769</v>
      </c>
      <c r="OS34" s="143">
        <v>2748369</v>
      </c>
    </row>
    <row r="35" spans="2:409" ht="21" customHeight="1" x14ac:dyDescent="0.2">
      <c r="B35" s="126" t="s">
        <v>30</v>
      </c>
      <c r="C35" s="110">
        <v>18410</v>
      </c>
      <c r="D35" s="114">
        <v>2100</v>
      </c>
      <c r="E35" s="174">
        <v>20510</v>
      </c>
      <c r="F35" s="175">
        <v>0</v>
      </c>
      <c r="G35" s="176">
        <v>558826</v>
      </c>
      <c r="H35" s="176">
        <v>259602</v>
      </c>
      <c r="I35" s="176">
        <v>213479</v>
      </c>
      <c r="J35" s="176">
        <v>127379</v>
      </c>
      <c r="K35" s="176">
        <v>0</v>
      </c>
      <c r="L35" s="177">
        <v>1159286</v>
      </c>
      <c r="M35" s="116">
        <v>1179796</v>
      </c>
      <c r="N35" s="110">
        <v>0</v>
      </c>
      <c r="O35" s="114">
        <v>0</v>
      </c>
      <c r="P35" s="113">
        <v>0</v>
      </c>
      <c r="Q35" s="110">
        <v>0</v>
      </c>
      <c r="R35" s="114">
        <v>66549</v>
      </c>
      <c r="S35" s="114">
        <v>2086</v>
      </c>
      <c r="T35" s="114">
        <v>206269</v>
      </c>
      <c r="U35" s="114">
        <v>89089</v>
      </c>
      <c r="V35" s="114">
        <v>0</v>
      </c>
      <c r="W35" s="113">
        <v>363993</v>
      </c>
      <c r="X35" s="116">
        <v>363993</v>
      </c>
      <c r="Y35" s="110">
        <v>0</v>
      </c>
      <c r="Z35" s="114">
        <v>0</v>
      </c>
      <c r="AA35" s="113">
        <v>0</v>
      </c>
      <c r="AB35" s="110">
        <v>0</v>
      </c>
      <c r="AC35" s="114">
        <v>29106</v>
      </c>
      <c r="AD35" s="114">
        <v>0</v>
      </c>
      <c r="AE35" s="114">
        <v>186515</v>
      </c>
      <c r="AF35" s="114">
        <v>12362</v>
      </c>
      <c r="AG35" s="114">
        <v>0</v>
      </c>
      <c r="AH35" s="113">
        <v>227983</v>
      </c>
      <c r="AI35" s="116">
        <v>227983</v>
      </c>
      <c r="AJ35" s="110">
        <v>0</v>
      </c>
      <c r="AK35" s="114">
        <v>0</v>
      </c>
      <c r="AL35" s="113">
        <v>0</v>
      </c>
      <c r="AM35" s="110">
        <v>0</v>
      </c>
      <c r="AN35" s="114">
        <v>0</v>
      </c>
      <c r="AO35" s="114">
        <v>0</v>
      </c>
      <c r="AP35" s="114">
        <v>0</v>
      </c>
      <c r="AQ35" s="114">
        <v>47803</v>
      </c>
      <c r="AR35" s="114">
        <v>0</v>
      </c>
      <c r="AS35" s="113">
        <v>47803</v>
      </c>
      <c r="AT35" s="116">
        <v>47803</v>
      </c>
      <c r="AU35" s="110">
        <v>0</v>
      </c>
      <c r="AV35" s="114">
        <v>0</v>
      </c>
      <c r="AW35" s="113">
        <v>0</v>
      </c>
      <c r="AX35" s="110">
        <v>0</v>
      </c>
      <c r="AY35" s="114">
        <v>17346</v>
      </c>
      <c r="AZ35" s="114">
        <v>0</v>
      </c>
      <c r="BA35" s="114">
        <v>0</v>
      </c>
      <c r="BB35" s="114">
        <v>28924</v>
      </c>
      <c r="BC35" s="114">
        <v>0</v>
      </c>
      <c r="BD35" s="113">
        <v>46270</v>
      </c>
      <c r="BE35" s="116">
        <v>46270</v>
      </c>
      <c r="BF35" s="110">
        <v>0</v>
      </c>
      <c r="BG35" s="114">
        <v>0</v>
      </c>
      <c r="BH35" s="112">
        <v>0</v>
      </c>
      <c r="BI35" s="111">
        <v>0</v>
      </c>
      <c r="BJ35" s="114">
        <v>0</v>
      </c>
      <c r="BK35" s="114">
        <v>0</v>
      </c>
      <c r="BL35" s="114">
        <v>0</v>
      </c>
      <c r="BM35" s="114">
        <v>0</v>
      </c>
      <c r="BN35" s="114">
        <v>0</v>
      </c>
      <c r="BO35" s="113">
        <v>0</v>
      </c>
      <c r="BP35" s="116">
        <v>0</v>
      </c>
      <c r="BQ35" s="110">
        <v>0</v>
      </c>
      <c r="BR35" s="114">
        <v>0</v>
      </c>
      <c r="BS35" s="113">
        <v>0</v>
      </c>
      <c r="BT35" s="110">
        <v>0</v>
      </c>
      <c r="BU35" s="114">
        <v>20097</v>
      </c>
      <c r="BV35" s="114">
        <v>2086</v>
      </c>
      <c r="BW35" s="114">
        <v>19754</v>
      </c>
      <c r="BX35" s="114">
        <v>0</v>
      </c>
      <c r="BY35" s="114">
        <v>0</v>
      </c>
      <c r="BZ35" s="113">
        <v>41937</v>
      </c>
      <c r="CA35" s="116">
        <v>41937</v>
      </c>
      <c r="CB35" s="110">
        <v>0</v>
      </c>
      <c r="CC35" s="114">
        <v>0</v>
      </c>
      <c r="CD35" s="113">
        <v>0</v>
      </c>
      <c r="CE35" s="110">
        <v>0</v>
      </c>
      <c r="CF35" s="114">
        <v>53738</v>
      </c>
      <c r="CG35" s="114">
        <v>180089</v>
      </c>
      <c r="CH35" s="114">
        <v>0</v>
      </c>
      <c r="CI35" s="114">
        <v>0</v>
      </c>
      <c r="CJ35" s="114">
        <v>0</v>
      </c>
      <c r="CK35" s="113">
        <v>233827</v>
      </c>
      <c r="CL35" s="116">
        <v>233827</v>
      </c>
      <c r="CM35" s="110">
        <v>0</v>
      </c>
      <c r="CN35" s="114">
        <v>0</v>
      </c>
      <c r="CO35" s="113">
        <v>0</v>
      </c>
      <c r="CP35" s="111">
        <v>0</v>
      </c>
      <c r="CQ35" s="114">
        <v>53738</v>
      </c>
      <c r="CR35" s="114">
        <v>68852</v>
      </c>
      <c r="CS35" s="114">
        <v>0</v>
      </c>
      <c r="CT35" s="114">
        <v>0</v>
      </c>
      <c r="CU35" s="114">
        <v>0</v>
      </c>
      <c r="CV35" s="113">
        <v>122590</v>
      </c>
      <c r="CW35" s="116">
        <v>122590</v>
      </c>
      <c r="CX35" s="110">
        <v>0</v>
      </c>
      <c r="CY35" s="114">
        <v>0</v>
      </c>
      <c r="CZ35" s="113">
        <v>0</v>
      </c>
      <c r="DA35" s="110">
        <v>0</v>
      </c>
      <c r="DB35" s="114">
        <v>0</v>
      </c>
      <c r="DC35" s="114">
        <v>111237</v>
      </c>
      <c r="DD35" s="114">
        <v>0</v>
      </c>
      <c r="DE35" s="114">
        <v>0</v>
      </c>
      <c r="DF35" s="114">
        <v>0</v>
      </c>
      <c r="DG35" s="113">
        <v>111237</v>
      </c>
      <c r="DH35" s="116">
        <v>111237</v>
      </c>
      <c r="DI35" s="110">
        <v>0</v>
      </c>
      <c r="DJ35" s="114">
        <v>0</v>
      </c>
      <c r="DK35" s="112">
        <v>0</v>
      </c>
      <c r="DL35" s="111">
        <v>0</v>
      </c>
      <c r="DM35" s="114">
        <v>46294</v>
      </c>
      <c r="DN35" s="114">
        <v>39683</v>
      </c>
      <c r="DO35" s="114">
        <v>0</v>
      </c>
      <c r="DP35" s="114">
        <v>0</v>
      </c>
      <c r="DQ35" s="114">
        <v>0</v>
      </c>
      <c r="DR35" s="113">
        <v>85977</v>
      </c>
      <c r="DS35" s="116">
        <v>85977</v>
      </c>
      <c r="DT35" s="110">
        <v>0</v>
      </c>
      <c r="DU35" s="114">
        <v>0</v>
      </c>
      <c r="DV35" s="113">
        <v>0</v>
      </c>
      <c r="DW35" s="110">
        <v>0</v>
      </c>
      <c r="DX35" s="114">
        <v>46294</v>
      </c>
      <c r="DY35" s="114">
        <v>0</v>
      </c>
      <c r="DZ35" s="114">
        <v>0</v>
      </c>
      <c r="EA35" s="114">
        <v>0</v>
      </c>
      <c r="EB35" s="114">
        <v>0</v>
      </c>
      <c r="EC35" s="113">
        <v>46294</v>
      </c>
      <c r="ED35" s="116">
        <v>46294</v>
      </c>
      <c r="EE35" s="110">
        <v>0</v>
      </c>
      <c r="EF35" s="112">
        <v>0</v>
      </c>
      <c r="EG35" s="113">
        <v>0</v>
      </c>
      <c r="EH35" s="110">
        <v>0</v>
      </c>
      <c r="EI35" s="114">
        <v>0</v>
      </c>
      <c r="EJ35" s="114">
        <v>39683</v>
      </c>
      <c r="EK35" s="114">
        <v>0</v>
      </c>
      <c r="EL35" s="114">
        <v>0</v>
      </c>
      <c r="EM35" s="114">
        <v>0</v>
      </c>
      <c r="EN35" s="112">
        <v>39683</v>
      </c>
      <c r="EO35" s="116">
        <v>39683</v>
      </c>
      <c r="EP35" s="110">
        <v>0</v>
      </c>
      <c r="EQ35" s="114">
        <v>0</v>
      </c>
      <c r="ER35" s="112">
        <v>0</v>
      </c>
      <c r="ES35" s="111">
        <v>0</v>
      </c>
      <c r="ET35" s="114">
        <v>0</v>
      </c>
      <c r="EU35" s="114">
        <v>0</v>
      </c>
      <c r="EV35" s="114">
        <v>0</v>
      </c>
      <c r="EW35" s="114">
        <v>0</v>
      </c>
      <c r="EX35" s="114">
        <v>0</v>
      </c>
      <c r="EY35" s="113">
        <v>0</v>
      </c>
      <c r="EZ35" s="116">
        <v>0</v>
      </c>
      <c r="FA35" s="110">
        <v>0</v>
      </c>
      <c r="FB35" s="114">
        <v>0</v>
      </c>
      <c r="FC35" s="112">
        <v>0</v>
      </c>
      <c r="FD35" s="347"/>
      <c r="FE35" s="114">
        <v>0</v>
      </c>
      <c r="FF35" s="114">
        <v>0</v>
      </c>
      <c r="FG35" s="114">
        <v>0</v>
      </c>
      <c r="FH35" s="114">
        <v>0</v>
      </c>
      <c r="FI35" s="114">
        <v>0</v>
      </c>
      <c r="FJ35" s="113">
        <v>0</v>
      </c>
      <c r="FK35" s="116">
        <v>0</v>
      </c>
      <c r="FL35" s="110">
        <v>18410</v>
      </c>
      <c r="FM35" s="114">
        <v>2100</v>
      </c>
      <c r="FN35" s="113">
        <v>20510</v>
      </c>
      <c r="FO35" s="110">
        <v>0</v>
      </c>
      <c r="FP35" s="114">
        <v>0</v>
      </c>
      <c r="FQ35" s="114">
        <v>37744</v>
      </c>
      <c r="FR35" s="114">
        <v>7210</v>
      </c>
      <c r="FS35" s="114">
        <v>38290</v>
      </c>
      <c r="FT35" s="114">
        <v>0</v>
      </c>
      <c r="FU35" s="113">
        <v>83244</v>
      </c>
      <c r="FV35" s="116">
        <v>103754</v>
      </c>
      <c r="FW35" s="115">
        <v>18410</v>
      </c>
      <c r="FX35" s="114">
        <v>2100</v>
      </c>
      <c r="FY35" s="112">
        <v>20510</v>
      </c>
      <c r="FZ35" s="111">
        <v>0</v>
      </c>
      <c r="GA35" s="114">
        <v>0</v>
      </c>
      <c r="GB35" s="114">
        <v>37744</v>
      </c>
      <c r="GC35" s="114">
        <v>7210</v>
      </c>
      <c r="GD35" s="114">
        <v>38290</v>
      </c>
      <c r="GE35" s="114">
        <v>0</v>
      </c>
      <c r="GF35" s="113">
        <v>83244</v>
      </c>
      <c r="GG35" s="318">
        <v>103754</v>
      </c>
      <c r="GH35" s="115">
        <v>0</v>
      </c>
      <c r="GI35" s="114">
        <v>0</v>
      </c>
      <c r="GJ35" s="112">
        <v>0</v>
      </c>
      <c r="GK35" s="111">
        <v>0</v>
      </c>
      <c r="GL35" s="114">
        <v>0</v>
      </c>
      <c r="GM35" s="114">
        <v>0</v>
      </c>
      <c r="GN35" s="114">
        <v>0</v>
      </c>
      <c r="GO35" s="114">
        <v>0</v>
      </c>
      <c r="GP35" s="114">
        <v>0</v>
      </c>
      <c r="GQ35" s="113">
        <v>0</v>
      </c>
      <c r="GR35" s="116">
        <v>0</v>
      </c>
      <c r="GS35" s="110">
        <v>0</v>
      </c>
      <c r="GT35" s="114">
        <v>0</v>
      </c>
      <c r="GU35" s="113">
        <v>0</v>
      </c>
      <c r="GV35" s="110">
        <v>0</v>
      </c>
      <c r="GW35" s="114">
        <v>0</v>
      </c>
      <c r="GX35" s="114">
        <v>0</v>
      </c>
      <c r="GY35" s="114">
        <v>0</v>
      </c>
      <c r="GZ35" s="114">
        <v>0</v>
      </c>
      <c r="HA35" s="114">
        <v>0</v>
      </c>
      <c r="HB35" s="112">
        <v>0</v>
      </c>
      <c r="HC35" s="116">
        <v>0</v>
      </c>
      <c r="HD35" s="110">
        <v>0</v>
      </c>
      <c r="HE35" s="114">
        <v>0</v>
      </c>
      <c r="HF35" s="112">
        <v>0</v>
      </c>
      <c r="HG35" s="111">
        <v>0</v>
      </c>
      <c r="HH35" s="114">
        <v>392245</v>
      </c>
      <c r="HI35" s="114">
        <v>0</v>
      </c>
      <c r="HJ35" s="114">
        <v>0</v>
      </c>
      <c r="HK35" s="114">
        <v>0</v>
      </c>
      <c r="HL35" s="114">
        <v>0</v>
      </c>
      <c r="HM35" s="113">
        <v>392245</v>
      </c>
      <c r="HN35" s="109">
        <v>392245</v>
      </c>
      <c r="HO35" s="328"/>
      <c r="HP35" s="329"/>
      <c r="HQ35" s="330"/>
      <c r="HR35" s="331"/>
      <c r="HS35" s="329"/>
      <c r="HT35" s="329"/>
      <c r="HU35" s="329"/>
      <c r="HV35" s="329"/>
      <c r="HW35" s="329"/>
      <c r="HX35" s="332"/>
      <c r="HY35" s="333"/>
      <c r="HZ35" s="131">
        <v>0</v>
      </c>
      <c r="IA35" s="132">
        <v>0</v>
      </c>
      <c r="IB35" s="133">
        <v>0</v>
      </c>
      <c r="IC35" s="146">
        <v>0</v>
      </c>
      <c r="ID35" s="132">
        <v>52661</v>
      </c>
      <c r="IE35" s="147">
        <v>47096</v>
      </c>
      <c r="IF35" s="133">
        <v>0</v>
      </c>
      <c r="IG35" s="132">
        <v>73822</v>
      </c>
      <c r="IH35" s="133">
        <v>0</v>
      </c>
      <c r="II35" s="148">
        <v>173579</v>
      </c>
      <c r="IJ35" s="139">
        <v>173579</v>
      </c>
      <c r="IK35" s="232">
        <v>0</v>
      </c>
      <c r="IL35" s="236">
        <v>0</v>
      </c>
      <c r="IM35" s="237">
        <v>0</v>
      </c>
      <c r="IN35" s="140"/>
      <c r="IO35" s="119">
        <v>0</v>
      </c>
      <c r="IP35" s="119">
        <v>0</v>
      </c>
      <c r="IQ35" s="119">
        <v>0</v>
      </c>
      <c r="IR35" s="119">
        <v>0</v>
      </c>
      <c r="IS35" s="119">
        <v>0</v>
      </c>
      <c r="IT35" s="141">
        <v>0</v>
      </c>
      <c r="IU35" s="320">
        <v>0</v>
      </c>
      <c r="IV35" s="142">
        <v>0</v>
      </c>
      <c r="IW35" s="119">
        <v>0</v>
      </c>
      <c r="IX35" s="120">
        <v>0</v>
      </c>
      <c r="IY35" s="144"/>
      <c r="IZ35" s="119">
        <v>0</v>
      </c>
      <c r="JA35" s="119">
        <v>0</v>
      </c>
      <c r="JB35" s="119">
        <v>0</v>
      </c>
      <c r="JC35" s="119">
        <v>0</v>
      </c>
      <c r="JD35" s="119">
        <v>0</v>
      </c>
      <c r="JE35" s="120">
        <v>0</v>
      </c>
      <c r="JF35" s="121">
        <v>0</v>
      </c>
      <c r="JG35" s="142">
        <v>0</v>
      </c>
      <c r="JH35" s="119">
        <v>0</v>
      </c>
      <c r="JI35" s="141">
        <v>0</v>
      </c>
      <c r="JJ35" s="118">
        <v>0</v>
      </c>
      <c r="JK35" s="119">
        <v>52661</v>
      </c>
      <c r="JL35" s="119">
        <v>0</v>
      </c>
      <c r="JM35" s="119">
        <v>0</v>
      </c>
      <c r="JN35" s="119">
        <v>73822</v>
      </c>
      <c r="JO35" s="119">
        <v>0</v>
      </c>
      <c r="JP35" s="120">
        <v>126483</v>
      </c>
      <c r="JQ35" s="320">
        <v>126483</v>
      </c>
      <c r="JR35" s="142">
        <v>0</v>
      </c>
      <c r="JS35" s="119">
        <v>0</v>
      </c>
      <c r="JT35" s="141">
        <v>0</v>
      </c>
      <c r="JU35" s="118">
        <v>0</v>
      </c>
      <c r="JV35" s="119">
        <v>0</v>
      </c>
      <c r="JW35" s="119">
        <v>47096</v>
      </c>
      <c r="JX35" s="119">
        <v>0</v>
      </c>
      <c r="JY35" s="119">
        <v>0</v>
      </c>
      <c r="JZ35" s="119">
        <v>0</v>
      </c>
      <c r="KA35" s="120">
        <v>47096</v>
      </c>
      <c r="KB35" s="320">
        <v>47096</v>
      </c>
      <c r="KC35" s="234">
        <v>0</v>
      </c>
      <c r="KD35" s="230">
        <v>0</v>
      </c>
      <c r="KE35" s="120">
        <v>0</v>
      </c>
      <c r="KF35" s="118">
        <v>0</v>
      </c>
      <c r="KG35" s="119">
        <v>0</v>
      </c>
      <c r="KH35" s="119">
        <v>0</v>
      </c>
      <c r="KI35" s="119">
        <v>0</v>
      </c>
      <c r="KJ35" s="119">
        <v>0</v>
      </c>
      <c r="KK35" s="119">
        <v>0</v>
      </c>
      <c r="KL35" s="120">
        <v>0</v>
      </c>
      <c r="KM35" s="143">
        <v>0</v>
      </c>
      <c r="KN35" s="232">
        <v>0</v>
      </c>
      <c r="KO35" s="236">
        <v>0</v>
      </c>
      <c r="KP35" s="237">
        <v>0</v>
      </c>
      <c r="KQ35" s="140"/>
      <c r="KR35" s="119">
        <v>0</v>
      </c>
      <c r="KS35" s="119">
        <v>0</v>
      </c>
      <c r="KT35" s="119">
        <v>0</v>
      </c>
      <c r="KU35" s="119">
        <v>0</v>
      </c>
      <c r="KV35" s="119">
        <v>0</v>
      </c>
      <c r="KW35" s="120">
        <v>0</v>
      </c>
      <c r="KX35" s="320">
        <v>0</v>
      </c>
      <c r="KY35" s="142">
        <v>0</v>
      </c>
      <c r="KZ35" s="119">
        <v>0</v>
      </c>
      <c r="LA35" s="120">
        <v>0</v>
      </c>
      <c r="LB35" s="145"/>
      <c r="LC35" s="119">
        <v>0</v>
      </c>
      <c r="LD35" s="119">
        <v>0</v>
      </c>
      <c r="LE35" s="119">
        <v>0</v>
      </c>
      <c r="LF35" s="119">
        <v>0</v>
      </c>
      <c r="LG35" s="119">
        <v>0</v>
      </c>
      <c r="LH35" s="120">
        <v>0</v>
      </c>
      <c r="LI35" s="121">
        <v>0</v>
      </c>
      <c r="LJ35" s="142">
        <v>0</v>
      </c>
      <c r="LK35" s="119">
        <v>0</v>
      </c>
      <c r="LL35" s="120">
        <v>0</v>
      </c>
      <c r="LM35" s="145"/>
      <c r="LN35" s="119">
        <v>0</v>
      </c>
      <c r="LO35" s="119">
        <v>0</v>
      </c>
      <c r="LP35" s="119">
        <v>0</v>
      </c>
      <c r="LQ35" s="119">
        <v>0</v>
      </c>
      <c r="LR35" s="119">
        <v>0</v>
      </c>
      <c r="LS35" s="120">
        <v>0</v>
      </c>
      <c r="LT35" s="320">
        <v>0</v>
      </c>
      <c r="LU35" s="142">
        <v>0</v>
      </c>
      <c r="LV35" s="119">
        <v>0</v>
      </c>
      <c r="LW35" s="120">
        <v>0</v>
      </c>
      <c r="LX35" s="145"/>
      <c r="LY35" s="119">
        <v>0</v>
      </c>
      <c r="LZ35" s="119">
        <v>0</v>
      </c>
      <c r="MA35" s="119">
        <v>0</v>
      </c>
      <c r="MB35" s="119">
        <v>0</v>
      </c>
      <c r="MC35" s="119">
        <v>0</v>
      </c>
      <c r="MD35" s="120">
        <v>0</v>
      </c>
      <c r="ME35" s="121">
        <v>0</v>
      </c>
      <c r="MF35" s="142">
        <v>0</v>
      </c>
      <c r="MG35" s="119">
        <v>0</v>
      </c>
      <c r="MH35" s="120">
        <v>0</v>
      </c>
      <c r="MI35" s="145"/>
      <c r="MJ35" s="119">
        <v>179928</v>
      </c>
      <c r="MK35" s="119">
        <v>0</v>
      </c>
      <c r="ML35" s="119">
        <v>213563</v>
      </c>
      <c r="MM35" s="119">
        <v>457648</v>
      </c>
      <c r="MN35" s="119">
        <v>257443</v>
      </c>
      <c r="MO35" s="120">
        <v>1108582</v>
      </c>
      <c r="MP35" s="143">
        <v>1108582</v>
      </c>
      <c r="MQ35" s="142">
        <v>0</v>
      </c>
      <c r="MR35" s="119">
        <v>0</v>
      </c>
      <c r="MS35" s="120">
        <v>0</v>
      </c>
      <c r="MT35" s="145"/>
      <c r="MU35" s="119">
        <v>0</v>
      </c>
      <c r="MV35" s="119">
        <v>0</v>
      </c>
      <c r="MW35" s="119">
        <v>213563</v>
      </c>
      <c r="MX35" s="119">
        <v>209398</v>
      </c>
      <c r="MY35" s="119">
        <v>0</v>
      </c>
      <c r="MZ35" s="120">
        <v>422961</v>
      </c>
      <c r="NA35" s="143">
        <v>422961</v>
      </c>
      <c r="NB35" s="142">
        <v>0</v>
      </c>
      <c r="NC35" s="119">
        <v>0</v>
      </c>
      <c r="ND35" s="120">
        <v>0</v>
      </c>
      <c r="NE35" s="145"/>
      <c r="NF35" s="119">
        <v>179928</v>
      </c>
      <c r="NG35" s="119">
        <v>0</v>
      </c>
      <c r="NH35" s="119">
        <v>0</v>
      </c>
      <c r="NI35" s="119">
        <v>248250</v>
      </c>
      <c r="NJ35" s="119">
        <v>257443</v>
      </c>
      <c r="NK35" s="120">
        <v>685621</v>
      </c>
      <c r="NL35" s="320">
        <v>685621</v>
      </c>
      <c r="NM35" s="142">
        <v>0</v>
      </c>
      <c r="NN35" s="119">
        <v>0</v>
      </c>
      <c r="NO35" s="120">
        <v>0</v>
      </c>
      <c r="NP35" s="145"/>
      <c r="NQ35" s="119">
        <v>0</v>
      </c>
      <c r="NR35" s="119">
        <v>0</v>
      </c>
      <c r="NS35" s="119">
        <v>0</v>
      </c>
      <c r="NT35" s="119">
        <v>0</v>
      </c>
      <c r="NU35" s="119">
        <v>0</v>
      </c>
      <c r="NV35" s="120">
        <v>0</v>
      </c>
      <c r="NW35" s="121">
        <v>0</v>
      </c>
      <c r="NX35" s="142">
        <v>0</v>
      </c>
      <c r="NY35" s="119">
        <v>0</v>
      </c>
      <c r="NZ35" s="120">
        <v>0</v>
      </c>
      <c r="OA35" s="145"/>
      <c r="OB35" s="119">
        <v>0</v>
      </c>
      <c r="OC35" s="119">
        <v>0</v>
      </c>
      <c r="OD35" s="119">
        <v>0</v>
      </c>
      <c r="OE35" s="119">
        <v>0</v>
      </c>
      <c r="OF35" s="119">
        <v>0</v>
      </c>
      <c r="OG35" s="120">
        <v>0</v>
      </c>
      <c r="OH35" s="121">
        <v>0</v>
      </c>
      <c r="OI35" s="142">
        <v>18410</v>
      </c>
      <c r="OJ35" s="119">
        <v>2100</v>
      </c>
      <c r="OK35" s="141">
        <v>20510</v>
      </c>
      <c r="OL35" s="118">
        <v>0</v>
      </c>
      <c r="OM35" s="119">
        <v>791415</v>
      </c>
      <c r="ON35" s="119">
        <v>306698</v>
      </c>
      <c r="OO35" s="119">
        <v>427042</v>
      </c>
      <c r="OP35" s="119">
        <v>658849</v>
      </c>
      <c r="OQ35" s="119">
        <v>257443</v>
      </c>
      <c r="OR35" s="120">
        <v>2441447</v>
      </c>
      <c r="OS35" s="143">
        <v>2461957</v>
      </c>
    </row>
    <row r="36" spans="2:409" ht="21" customHeight="1" x14ac:dyDescent="0.2">
      <c r="B36" s="126" t="s">
        <v>31</v>
      </c>
      <c r="C36" s="110">
        <v>8400</v>
      </c>
      <c r="D36" s="114">
        <v>0</v>
      </c>
      <c r="E36" s="113">
        <v>8400</v>
      </c>
      <c r="F36" s="109">
        <v>0</v>
      </c>
      <c r="G36" s="114">
        <v>224634</v>
      </c>
      <c r="H36" s="114">
        <v>260047</v>
      </c>
      <c r="I36" s="114">
        <v>374736</v>
      </c>
      <c r="J36" s="114">
        <v>333372</v>
      </c>
      <c r="K36" s="114">
        <v>406872</v>
      </c>
      <c r="L36" s="173">
        <v>1599661</v>
      </c>
      <c r="M36" s="116">
        <v>1608061</v>
      </c>
      <c r="N36" s="110">
        <v>0</v>
      </c>
      <c r="O36" s="114">
        <v>0</v>
      </c>
      <c r="P36" s="113">
        <v>0</v>
      </c>
      <c r="Q36" s="110">
        <v>0</v>
      </c>
      <c r="R36" s="114">
        <v>33348</v>
      </c>
      <c r="S36" s="114">
        <v>58205</v>
      </c>
      <c r="T36" s="114">
        <v>92407</v>
      </c>
      <c r="U36" s="114">
        <v>49161</v>
      </c>
      <c r="V36" s="114">
        <v>163415</v>
      </c>
      <c r="W36" s="113">
        <v>396536</v>
      </c>
      <c r="X36" s="116">
        <v>396536</v>
      </c>
      <c r="Y36" s="110">
        <v>0</v>
      </c>
      <c r="Z36" s="114">
        <v>0</v>
      </c>
      <c r="AA36" s="113">
        <v>0</v>
      </c>
      <c r="AB36" s="110">
        <v>0</v>
      </c>
      <c r="AC36" s="114">
        <v>0</v>
      </c>
      <c r="AD36" s="114">
        <v>0</v>
      </c>
      <c r="AE36" s="114">
        <v>0</v>
      </c>
      <c r="AF36" s="114">
        <v>4746</v>
      </c>
      <c r="AG36" s="114">
        <v>0</v>
      </c>
      <c r="AH36" s="113">
        <v>4746</v>
      </c>
      <c r="AI36" s="116">
        <v>4746</v>
      </c>
      <c r="AJ36" s="110">
        <v>0</v>
      </c>
      <c r="AK36" s="114">
        <v>0</v>
      </c>
      <c r="AL36" s="113">
        <v>0</v>
      </c>
      <c r="AM36" s="110">
        <v>0</v>
      </c>
      <c r="AN36" s="114">
        <v>0</v>
      </c>
      <c r="AO36" s="114">
        <v>0</v>
      </c>
      <c r="AP36" s="114">
        <v>0</v>
      </c>
      <c r="AQ36" s="114">
        <v>0</v>
      </c>
      <c r="AR36" s="114">
        <v>76489</v>
      </c>
      <c r="AS36" s="113">
        <v>76489</v>
      </c>
      <c r="AT36" s="116">
        <v>76489</v>
      </c>
      <c r="AU36" s="110">
        <v>0</v>
      </c>
      <c r="AV36" s="114">
        <v>0</v>
      </c>
      <c r="AW36" s="113">
        <v>0</v>
      </c>
      <c r="AX36" s="110">
        <v>0</v>
      </c>
      <c r="AY36" s="114">
        <v>27335</v>
      </c>
      <c r="AZ36" s="114">
        <v>24696</v>
      </c>
      <c r="BA36" s="114">
        <v>0</v>
      </c>
      <c r="BB36" s="114">
        <v>44415</v>
      </c>
      <c r="BC36" s="114">
        <v>65142</v>
      </c>
      <c r="BD36" s="113">
        <v>161588</v>
      </c>
      <c r="BE36" s="116">
        <v>161588</v>
      </c>
      <c r="BF36" s="110">
        <v>0</v>
      </c>
      <c r="BG36" s="114">
        <v>0</v>
      </c>
      <c r="BH36" s="112">
        <v>0</v>
      </c>
      <c r="BI36" s="111">
        <v>0</v>
      </c>
      <c r="BJ36" s="114">
        <v>0</v>
      </c>
      <c r="BK36" s="114">
        <v>0</v>
      </c>
      <c r="BL36" s="114">
        <v>92407</v>
      </c>
      <c r="BM36" s="114">
        <v>0</v>
      </c>
      <c r="BN36" s="114">
        <v>0</v>
      </c>
      <c r="BO36" s="113">
        <v>92407</v>
      </c>
      <c r="BP36" s="116">
        <v>92407</v>
      </c>
      <c r="BQ36" s="110">
        <v>0</v>
      </c>
      <c r="BR36" s="114">
        <v>0</v>
      </c>
      <c r="BS36" s="113">
        <v>0</v>
      </c>
      <c r="BT36" s="110">
        <v>0</v>
      </c>
      <c r="BU36" s="114">
        <v>6013</v>
      </c>
      <c r="BV36" s="114">
        <v>33509</v>
      </c>
      <c r="BW36" s="114">
        <v>0</v>
      </c>
      <c r="BX36" s="114">
        <v>0</v>
      </c>
      <c r="BY36" s="114">
        <v>21784</v>
      </c>
      <c r="BZ36" s="113">
        <v>61306</v>
      </c>
      <c r="CA36" s="116">
        <v>61306</v>
      </c>
      <c r="CB36" s="110">
        <v>0</v>
      </c>
      <c r="CC36" s="114">
        <v>0</v>
      </c>
      <c r="CD36" s="113">
        <v>0</v>
      </c>
      <c r="CE36" s="110">
        <v>0</v>
      </c>
      <c r="CF36" s="114">
        <v>0</v>
      </c>
      <c r="CG36" s="114">
        <v>22190</v>
      </c>
      <c r="CH36" s="114">
        <v>254854</v>
      </c>
      <c r="CI36" s="114">
        <v>76871</v>
      </c>
      <c r="CJ36" s="114">
        <v>0</v>
      </c>
      <c r="CK36" s="113">
        <v>353915</v>
      </c>
      <c r="CL36" s="116">
        <v>353915</v>
      </c>
      <c r="CM36" s="110">
        <v>0</v>
      </c>
      <c r="CN36" s="114">
        <v>0</v>
      </c>
      <c r="CO36" s="113">
        <v>0</v>
      </c>
      <c r="CP36" s="111">
        <v>0</v>
      </c>
      <c r="CQ36" s="114">
        <v>0</v>
      </c>
      <c r="CR36" s="114">
        <v>22190</v>
      </c>
      <c r="CS36" s="114">
        <v>254854</v>
      </c>
      <c r="CT36" s="114">
        <v>76871</v>
      </c>
      <c r="CU36" s="114">
        <v>0</v>
      </c>
      <c r="CV36" s="113">
        <v>353915</v>
      </c>
      <c r="CW36" s="116">
        <v>353915</v>
      </c>
      <c r="CX36" s="110">
        <v>0</v>
      </c>
      <c r="CY36" s="114">
        <v>0</v>
      </c>
      <c r="CZ36" s="113">
        <v>0</v>
      </c>
      <c r="DA36" s="110">
        <v>0</v>
      </c>
      <c r="DB36" s="114">
        <v>0</v>
      </c>
      <c r="DC36" s="114">
        <v>0</v>
      </c>
      <c r="DD36" s="114">
        <v>0</v>
      </c>
      <c r="DE36" s="114">
        <v>0</v>
      </c>
      <c r="DF36" s="114">
        <v>0</v>
      </c>
      <c r="DG36" s="113">
        <v>0</v>
      </c>
      <c r="DH36" s="116">
        <v>0</v>
      </c>
      <c r="DI36" s="110">
        <v>0</v>
      </c>
      <c r="DJ36" s="114">
        <v>0</v>
      </c>
      <c r="DK36" s="112">
        <v>0</v>
      </c>
      <c r="DL36" s="111">
        <v>0</v>
      </c>
      <c r="DM36" s="114">
        <v>0</v>
      </c>
      <c r="DN36" s="114">
        <v>0</v>
      </c>
      <c r="DO36" s="114">
        <v>0</v>
      </c>
      <c r="DP36" s="114">
        <v>0</v>
      </c>
      <c r="DQ36" s="114">
        <v>0</v>
      </c>
      <c r="DR36" s="113">
        <v>0</v>
      </c>
      <c r="DS36" s="116">
        <v>0</v>
      </c>
      <c r="DT36" s="110">
        <v>0</v>
      </c>
      <c r="DU36" s="114">
        <v>0</v>
      </c>
      <c r="DV36" s="113">
        <v>0</v>
      </c>
      <c r="DW36" s="110">
        <v>0</v>
      </c>
      <c r="DX36" s="114">
        <v>0</v>
      </c>
      <c r="DY36" s="114">
        <v>0</v>
      </c>
      <c r="DZ36" s="114">
        <v>0</v>
      </c>
      <c r="EA36" s="114">
        <v>0</v>
      </c>
      <c r="EB36" s="114">
        <v>0</v>
      </c>
      <c r="EC36" s="113">
        <v>0</v>
      </c>
      <c r="ED36" s="116">
        <v>0</v>
      </c>
      <c r="EE36" s="110">
        <v>0</v>
      </c>
      <c r="EF36" s="112">
        <v>0</v>
      </c>
      <c r="EG36" s="113">
        <v>0</v>
      </c>
      <c r="EH36" s="110">
        <v>0</v>
      </c>
      <c r="EI36" s="114">
        <v>0</v>
      </c>
      <c r="EJ36" s="114">
        <v>0</v>
      </c>
      <c r="EK36" s="114">
        <v>0</v>
      </c>
      <c r="EL36" s="114">
        <v>0</v>
      </c>
      <c r="EM36" s="114">
        <v>0</v>
      </c>
      <c r="EN36" s="112">
        <v>0</v>
      </c>
      <c r="EO36" s="116">
        <v>0</v>
      </c>
      <c r="EP36" s="110">
        <v>0</v>
      </c>
      <c r="EQ36" s="114">
        <v>0</v>
      </c>
      <c r="ER36" s="112">
        <v>0</v>
      </c>
      <c r="ES36" s="111">
        <v>0</v>
      </c>
      <c r="ET36" s="114">
        <v>0</v>
      </c>
      <c r="EU36" s="114">
        <v>0</v>
      </c>
      <c r="EV36" s="114">
        <v>0</v>
      </c>
      <c r="EW36" s="114">
        <v>0</v>
      </c>
      <c r="EX36" s="114">
        <v>0</v>
      </c>
      <c r="EY36" s="113">
        <v>0</v>
      </c>
      <c r="EZ36" s="116">
        <v>0</v>
      </c>
      <c r="FA36" s="110">
        <v>0</v>
      </c>
      <c r="FB36" s="114">
        <v>0</v>
      </c>
      <c r="FC36" s="112">
        <v>0</v>
      </c>
      <c r="FD36" s="347"/>
      <c r="FE36" s="114">
        <v>0</v>
      </c>
      <c r="FF36" s="114">
        <v>0</v>
      </c>
      <c r="FG36" s="114">
        <v>0</v>
      </c>
      <c r="FH36" s="114">
        <v>0</v>
      </c>
      <c r="FI36" s="114">
        <v>0</v>
      </c>
      <c r="FJ36" s="113">
        <v>0</v>
      </c>
      <c r="FK36" s="116">
        <v>0</v>
      </c>
      <c r="FL36" s="110">
        <v>8400</v>
      </c>
      <c r="FM36" s="114">
        <v>0</v>
      </c>
      <c r="FN36" s="113">
        <v>8400</v>
      </c>
      <c r="FO36" s="110">
        <v>0</v>
      </c>
      <c r="FP36" s="114">
        <v>48300</v>
      </c>
      <c r="FQ36" s="114">
        <v>19600</v>
      </c>
      <c r="FR36" s="114">
        <v>27475</v>
      </c>
      <c r="FS36" s="114">
        <v>207340</v>
      </c>
      <c r="FT36" s="114">
        <v>31850</v>
      </c>
      <c r="FU36" s="113">
        <v>334565</v>
      </c>
      <c r="FV36" s="116">
        <v>342965</v>
      </c>
      <c r="FW36" s="115">
        <v>8400</v>
      </c>
      <c r="FX36" s="114">
        <v>0</v>
      </c>
      <c r="FY36" s="112">
        <v>8400</v>
      </c>
      <c r="FZ36" s="111">
        <v>0</v>
      </c>
      <c r="GA36" s="114">
        <v>3920</v>
      </c>
      <c r="GB36" s="114">
        <v>19600</v>
      </c>
      <c r="GC36" s="114">
        <v>27475</v>
      </c>
      <c r="GD36" s="114">
        <v>46480</v>
      </c>
      <c r="GE36" s="114">
        <v>31850</v>
      </c>
      <c r="GF36" s="113">
        <v>129325</v>
      </c>
      <c r="GG36" s="318">
        <v>137725</v>
      </c>
      <c r="GH36" s="115">
        <v>0</v>
      </c>
      <c r="GI36" s="114">
        <v>0</v>
      </c>
      <c r="GJ36" s="112">
        <v>0</v>
      </c>
      <c r="GK36" s="111">
        <v>0</v>
      </c>
      <c r="GL36" s="114">
        <v>18480</v>
      </c>
      <c r="GM36" s="114">
        <v>0</v>
      </c>
      <c r="GN36" s="114">
        <v>0</v>
      </c>
      <c r="GO36" s="114">
        <v>70000</v>
      </c>
      <c r="GP36" s="114">
        <v>0</v>
      </c>
      <c r="GQ36" s="113">
        <v>88480</v>
      </c>
      <c r="GR36" s="116">
        <v>88480</v>
      </c>
      <c r="GS36" s="110">
        <v>0</v>
      </c>
      <c r="GT36" s="114">
        <v>0</v>
      </c>
      <c r="GU36" s="113">
        <v>0</v>
      </c>
      <c r="GV36" s="110">
        <v>0</v>
      </c>
      <c r="GW36" s="114">
        <v>25900</v>
      </c>
      <c r="GX36" s="114">
        <v>0</v>
      </c>
      <c r="GY36" s="114">
        <v>0</v>
      </c>
      <c r="GZ36" s="114">
        <v>90860</v>
      </c>
      <c r="HA36" s="114">
        <v>0</v>
      </c>
      <c r="HB36" s="112">
        <v>116760</v>
      </c>
      <c r="HC36" s="116">
        <v>116760</v>
      </c>
      <c r="HD36" s="110">
        <v>0</v>
      </c>
      <c r="HE36" s="114">
        <v>0</v>
      </c>
      <c r="HF36" s="112">
        <v>0</v>
      </c>
      <c r="HG36" s="111">
        <v>0</v>
      </c>
      <c r="HH36" s="114">
        <v>142986</v>
      </c>
      <c r="HI36" s="114">
        <v>160052</v>
      </c>
      <c r="HJ36" s="114">
        <v>0</v>
      </c>
      <c r="HK36" s="114">
        <v>0</v>
      </c>
      <c r="HL36" s="114">
        <v>211607</v>
      </c>
      <c r="HM36" s="113">
        <v>514645</v>
      </c>
      <c r="HN36" s="109">
        <v>514645</v>
      </c>
      <c r="HO36" s="328"/>
      <c r="HP36" s="329"/>
      <c r="HQ36" s="330"/>
      <c r="HR36" s="331"/>
      <c r="HS36" s="329"/>
      <c r="HT36" s="329"/>
      <c r="HU36" s="329"/>
      <c r="HV36" s="329"/>
      <c r="HW36" s="329"/>
      <c r="HX36" s="332"/>
      <c r="HY36" s="333"/>
      <c r="HZ36" s="150">
        <v>0</v>
      </c>
      <c r="IA36" s="135">
        <v>0</v>
      </c>
      <c r="IB36" s="150">
        <v>0</v>
      </c>
      <c r="IC36" s="134">
        <v>0</v>
      </c>
      <c r="ID36" s="135">
        <v>28327</v>
      </c>
      <c r="IE36" s="136">
        <v>248982</v>
      </c>
      <c r="IF36" s="137">
        <v>70105</v>
      </c>
      <c r="IG36" s="135">
        <v>0</v>
      </c>
      <c r="IH36" s="137">
        <v>225120</v>
      </c>
      <c r="II36" s="138">
        <v>572534</v>
      </c>
      <c r="IJ36" s="150">
        <v>572534</v>
      </c>
      <c r="IK36" s="232">
        <v>0</v>
      </c>
      <c r="IL36" s="236">
        <v>0</v>
      </c>
      <c r="IM36" s="237">
        <v>0</v>
      </c>
      <c r="IN36" s="140"/>
      <c r="IO36" s="119">
        <v>0</v>
      </c>
      <c r="IP36" s="119">
        <v>88424</v>
      </c>
      <c r="IQ36" s="119">
        <v>0</v>
      </c>
      <c r="IR36" s="119">
        <v>0</v>
      </c>
      <c r="IS36" s="119">
        <v>0</v>
      </c>
      <c r="IT36" s="141">
        <v>88424</v>
      </c>
      <c r="IU36" s="320">
        <v>88424</v>
      </c>
      <c r="IV36" s="142">
        <v>0</v>
      </c>
      <c r="IW36" s="119">
        <v>0</v>
      </c>
      <c r="IX36" s="120">
        <v>0</v>
      </c>
      <c r="IY36" s="144"/>
      <c r="IZ36" s="119">
        <v>0</v>
      </c>
      <c r="JA36" s="119">
        <v>0</v>
      </c>
      <c r="JB36" s="119">
        <v>0</v>
      </c>
      <c r="JC36" s="119">
        <v>0</v>
      </c>
      <c r="JD36" s="119">
        <v>0</v>
      </c>
      <c r="JE36" s="120">
        <v>0</v>
      </c>
      <c r="JF36" s="121">
        <v>0</v>
      </c>
      <c r="JG36" s="142">
        <v>0</v>
      </c>
      <c r="JH36" s="119">
        <v>0</v>
      </c>
      <c r="JI36" s="141">
        <v>0</v>
      </c>
      <c r="JJ36" s="118">
        <v>0</v>
      </c>
      <c r="JK36" s="119">
        <v>28327</v>
      </c>
      <c r="JL36" s="119">
        <v>7998</v>
      </c>
      <c r="JM36" s="119">
        <v>70105</v>
      </c>
      <c r="JN36" s="119">
        <v>0</v>
      </c>
      <c r="JO36" s="119">
        <v>0</v>
      </c>
      <c r="JP36" s="120">
        <v>106430</v>
      </c>
      <c r="JQ36" s="320">
        <v>106430</v>
      </c>
      <c r="JR36" s="142">
        <v>0</v>
      </c>
      <c r="JS36" s="119">
        <v>0</v>
      </c>
      <c r="JT36" s="141">
        <v>0</v>
      </c>
      <c r="JU36" s="118">
        <v>0</v>
      </c>
      <c r="JV36" s="119">
        <v>0</v>
      </c>
      <c r="JW36" s="119">
        <v>0</v>
      </c>
      <c r="JX36" s="119">
        <v>0</v>
      </c>
      <c r="JY36" s="119">
        <v>0</v>
      </c>
      <c r="JZ36" s="119">
        <v>0</v>
      </c>
      <c r="KA36" s="120">
        <v>0</v>
      </c>
      <c r="KB36" s="320">
        <v>0</v>
      </c>
      <c r="KC36" s="234">
        <v>0</v>
      </c>
      <c r="KD36" s="230">
        <v>0</v>
      </c>
      <c r="KE36" s="120">
        <v>0</v>
      </c>
      <c r="KF36" s="118">
        <v>0</v>
      </c>
      <c r="KG36" s="119">
        <v>0</v>
      </c>
      <c r="KH36" s="119">
        <v>152560</v>
      </c>
      <c r="KI36" s="119">
        <v>0</v>
      </c>
      <c r="KJ36" s="119">
        <v>0</v>
      </c>
      <c r="KK36" s="119">
        <v>0</v>
      </c>
      <c r="KL36" s="120">
        <v>152560</v>
      </c>
      <c r="KM36" s="143">
        <v>152560</v>
      </c>
      <c r="KN36" s="232">
        <v>0</v>
      </c>
      <c r="KO36" s="236">
        <v>0</v>
      </c>
      <c r="KP36" s="237">
        <v>0</v>
      </c>
      <c r="KQ36" s="140"/>
      <c r="KR36" s="119">
        <v>0</v>
      </c>
      <c r="KS36" s="119">
        <v>0</v>
      </c>
      <c r="KT36" s="119">
        <v>0</v>
      </c>
      <c r="KU36" s="119">
        <v>0</v>
      </c>
      <c r="KV36" s="119">
        <v>225120</v>
      </c>
      <c r="KW36" s="120">
        <v>225120</v>
      </c>
      <c r="KX36" s="320">
        <v>225120</v>
      </c>
      <c r="KY36" s="142">
        <v>0</v>
      </c>
      <c r="KZ36" s="119">
        <v>0</v>
      </c>
      <c r="LA36" s="120">
        <v>0</v>
      </c>
      <c r="LB36" s="145"/>
      <c r="LC36" s="119">
        <v>0</v>
      </c>
      <c r="LD36" s="119">
        <v>0</v>
      </c>
      <c r="LE36" s="119">
        <v>0</v>
      </c>
      <c r="LF36" s="119">
        <v>0</v>
      </c>
      <c r="LG36" s="119">
        <v>0</v>
      </c>
      <c r="LH36" s="120">
        <v>0</v>
      </c>
      <c r="LI36" s="121">
        <v>0</v>
      </c>
      <c r="LJ36" s="142">
        <v>0</v>
      </c>
      <c r="LK36" s="119">
        <v>0</v>
      </c>
      <c r="LL36" s="120">
        <v>0</v>
      </c>
      <c r="LM36" s="145"/>
      <c r="LN36" s="119">
        <v>0</v>
      </c>
      <c r="LO36" s="119">
        <v>0</v>
      </c>
      <c r="LP36" s="119">
        <v>0</v>
      </c>
      <c r="LQ36" s="119">
        <v>0</v>
      </c>
      <c r="LR36" s="119">
        <v>0</v>
      </c>
      <c r="LS36" s="120">
        <v>0</v>
      </c>
      <c r="LT36" s="320">
        <v>0</v>
      </c>
      <c r="LU36" s="142">
        <v>0</v>
      </c>
      <c r="LV36" s="119">
        <v>0</v>
      </c>
      <c r="LW36" s="120">
        <v>0</v>
      </c>
      <c r="LX36" s="145"/>
      <c r="LY36" s="119">
        <v>0</v>
      </c>
      <c r="LZ36" s="119">
        <v>0</v>
      </c>
      <c r="MA36" s="119">
        <v>0</v>
      </c>
      <c r="MB36" s="119">
        <v>0</v>
      </c>
      <c r="MC36" s="119">
        <v>0</v>
      </c>
      <c r="MD36" s="120">
        <v>0</v>
      </c>
      <c r="ME36" s="121">
        <v>0</v>
      </c>
      <c r="MF36" s="142">
        <v>0</v>
      </c>
      <c r="MG36" s="119">
        <v>0</v>
      </c>
      <c r="MH36" s="120">
        <v>0</v>
      </c>
      <c r="MI36" s="145"/>
      <c r="MJ36" s="119">
        <v>0</v>
      </c>
      <c r="MK36" s="119">
        <v>176827</v>
      </c>
      <c r="ML36" s="119">
        <v>403251</v>
      </c>
      <c r="MM36" s="119">
        <v>180404</v>
      </c>
      <c r="MN36" s="119">
        <v>266084</v>
      </c>
      <c r="MO36" s="120">
        <v>1026566</v>
      </c>
      <c r="MP36" s="143">
        <v>1026566</v>
      </c>
      <c r="MQ36" s="142">
        <v>0</v>
      </c>
      <c r="MR36" s="119">
        <v>0</v>
      </c>
      <c r="MS36" s="120">
        <v>0</v>
      </c>
      <c r="MT36" s="145"/>
      <c r="MU36" s="119">
        <v>0</v>
      </c>
      <c r="MV36" s="119">
        <v>0</v>
      </c>
      <c r="MW36" s="119">
        <v>403251</v>
      </c>
      <c r="MX36" s="119">
        <v>180404</v>
      </c>
      <c r="MY36" s="119">
        <v>0</v>
      </c>
      <c r="MZ36" s="120">
        <v>583655</v>
      </c>
      <c r="NA36" s="143">
        <v>583655</v>
      </c>
      <c r="NB36" s="142">
        <v>0</v>
      </c>
      <c r="NC36" s="119">
        <v>0</v>
      </c>
      <c r="ND36" s="120">
        <v>0</v>
      </c>
      <c r="NE36" s="145"/>
      <c r="NF36" s="119">
        <v>0</v>
      </c>
      <c r="NG36" s="119">
        <v>176827</v>
      </c>
      <c r="NH36" s="119">
        <v>0</v>
      </c>
      <c r="NI36" s="119">
        <v>0</v>
      </c>
      <c r="NJ36" s="119">
        <v>266084</v>
      </c>
      <c r="NK36" s="120">
        <v>442911</v>
      </c>
      <c r="NL36" s="320">
        <v>442911</v>
      </c>
      <c r="NM36" s="142">
        <v>0</v>
      </c>
      <c r="NN36" s="119">
        <v>0</v>
      </c>
      <c r="NO36" s="120">
        <v>0</v>
      </c>
      <c r="NP36" s="145"/>
      <c r="NQ36" s="119">
        <v>0</v>
      </c>
      <c r="NR36" s="119">
        <v>0</v>
      </c>
      <c r="NS36" s="119">
        <v>0</v>
      </c>
      <c r="NT36" s="119">
        <v>0</v>
      </c>
      <c r="NU36" s="119">
        <v>0</v>
      </c>
      <c r="NV36" s="120">
        <v>0</v>
      </c>
      <c r="NW36" s="121">
        <v>0</v>
      </c>
      <c r="NX36" s="142">
        <v>0</v>
      </c>
      <c r="NY36" s="119">
        <v>0</v>
      </c>
      <c r="NZ36" s="120">
        <v>0</v>
      </c>
      <c r="OA36" s="145"/>
      <c r="OB36" s="119">
        <v>0</v>
      </c>
      <c r="OC36" s="119">
        <v>0</v>
      </c>
      <c r="OD36" s="119">
        <v>0</v>
      </c>
      <c r="OE36" s="119">
        <v>0</v>
      </c>
      <c r="OF36" s="119">
        <v>0</v>
      </c>
      <c r="OG36" s="120">
        <v>0</v>
      </c>
      <c r="OH36" s="121">
        <v>0</v>
      </c>
      <c r="OI36" s="142">
        <v>8400</v>
      </c>
      <c r="OJ36" s="119">
        <v>0</v>
      </c>
      <c r="OK36" s="141">
        <v>8400</v>
      </c>
      <c r="OL36" s="118">
        <v>0</v>
      </c>
      <c r="OM36" s="119">
        <v>252961</v>
      </c>
      <c r="ON36" s="119">
        <v>685856</v>
      </c>
      <c r="OO36" s="119">
        <v>848092</v>
      </c>
      <c r="OP36" s="119">
        <v>513776</v>
      </c>
      <c r="OQ36" s="119">
        <v>898076</v>
      </c>
      <c r="OR36" s="120">
        <v>3198761</v>
      </c>
      <c r="OS36" s="143">
        <v>3207161</v>
      </c>
    </row>
    <row r="37" spans="2:409" ht="21" customHeight="1" x14ac:dyDescent="0.2">
      <c r="B37" s="126" t="s">
        <v>32</v>
      </c>
      <c r="C37" s="110">
        <v>20328</v>
      </c>
      <c r="D37" s="114">
        <v>0</v>
      </c>
      <c r="E37" s="174">
        <v>20328</v>
      </c>
      <c r="F37" s="175">
        <v>0</v>
      </c>
      <c r="G37" s="176">
        <v>59691</v>
      </c>
      <c r="H37" s="176">
        <v>408949</v>
      </c>
      <c r="I37" s="176">
        <v>100125</v>
      </c>
      <c r="J37" s="176">
        <v>716433</v>
      </c>
      <c r="K37" s="176">
        <v>209685</v>
      </c>
      <c r="L37" s="177">
        <v>1494883</v>
      </c>
      <c r="M37" s="116">
        <v>1515211</v>
      </c>
      <c r="N37" s="110">
        <v>18368</v>
      </c>
      <c r="O37" s="114">
        <v>0</v>
      </c>
      <c r="P37" s="113">
        <v>18368</v>
      </c>
      <c r="Q37" s="110">
        <v>0</v>
      </c>
      <c r="R37" s="114">
        <v>0</v>
      </c>
      <c r="S37" s="114">
        <v>67942</v>
      </c>
      <c r="T37" s="114">
        <v>7567</v>
      </c>
      <c r="U37" s="114">
        <v>245854</v>
      </c>
      <c r="V37" s="114">
        <v>13692</v>
      </c>
      <c r="W37" s="113">
        <v>335055</v>
      </c>
      <c r="X37" s="116">
        <v>353423</v>
      </c>
      <c r="Y37" s="110">
        <v>0</v>
      </c>
      <c r="Z37" s="114">
        <v>0</v>
      </c>
      <c r="AA37" s="113">
        <v>0</v>
      </c>
      <c r="AB37" s="110">
        <v>0</v>
      </c>
      <c r="AC37" s="114">
        <v>0</v>
      </c>
      <c r="AD37" s="114">
        <v>0</v>
      </c>
      <c r="AE37" s="114">
        <v>0</v>
      </c>
      <c r="AF37" s="114">
        <v>188832</v>
      </c>
      <c r="AG37" s="114">
        <v>0</v>
      </c>
      <c r="AH37" s="113">
        <v>188832</v>
      </c>
      <c r="AI37" s="116">
        <v>188832</v>
      </c>
      <c r="AJ37" s="110">
        <v>0</v>
      </c>
      <c r="AK37" s="114">
        <v>0</v>
      </c>
      <c r="AL37" s="113">
        <v>0</v>
      </c>
      <c r="AM37" s="110">
        <v>0</v>
      </c>
      <c r="AN37" s="114">
        <v>0</v>
      </c>
      <c r="AO37" s="114">
        <v>0</v>
      </c>
      <c r="AP37" s="114">
        <v>0</v>
      </c>
      <c r="AQ37" s="114">
        <v>0</v>
      </c>
      <c r="AR37" s="114">
        <v>0</v>
      </c>
      <c r="AS37" s="113">
        <v>0</v>
      </c>
      <c r="AT37" s="116">
        <v>0</v>
      </c>
      <c r="AU37" s="110">
        <v>0</v>
      </c>
      <c r="AV37" s="114">
        <v>0</v>
      </c>
      <c r="AW37" s="113">
        <v>0</v>
      </c>
      <c r="AX37" s="110">
        <v>0</v>
      </c>
      <c r="AY37" s="114">
        <v>0</v>
      </c>
      <c r="AZ37" s="114">
        <v>54768</v>
      </c>
      <c r="BA37" s="114">
        <v>0</v>
      </c>
      <c r="BB37" s="114">
        <v>0</v>
      </c>
      <c r="BC37" s="114">
        <v>0</v>
      </c>
      <c r="BD37" s="113">
        <v>54768</v>
      </c>
      <c r="BE37" s="116">
        <v>54768</v>
      </c>
      <c r="BF37" s="110">
        <v>18368</v>
      </c>
      <c r="BG37" s="114">
        <v>0</v>
      </c>
      <c r="BH37" s="112">
        <v>18368</v>
      </c>
      <c r="BI37" s="111">
        <v>0</v>
      </c>
      <c r="BJ37" s="114">
        <v>0</v>
      </c>
      <c r="BK37" s="114">
        <v>0</v>
      </c>
      <c r="BL37" s="114">
        <v>0</v>
      </c>
      <c r="BM37" s="114">
        <v>26768</v>
      </c>
      <c r="BN37" s="114">
        <v>0</v>
      </c>
      <c r="BO37" s="113">
        <v>26768</v>
      </c>
      <c r="BP37" s="116">
        <v>45136</v>
      </c>
      <c r="BQ37" s="110">
        <v>0</v>
      </c>
      <c r="BR37" s="114">
        <v>0</v>
      </c>
      <c r="BS37" s="113">
        <v>0</v>
      </c>
      <c r="BT37" s="110">
        <v>0</v>
      </c>
      <c r="BU37" s="114">
        <v>0</v>
      </c>
      <c r="BV37" s="114">
        <v>13174</v>
      </c>
      <c r="BW37" s="114">
        <v>7567</v>
      </c>
      <c r="BX37" s="114">
        <v>30254</v>
      </c>
      <c r="BY37" s="114">
        <v>13692</v>
      </c>
      <c r="BZ37" s="113">
        <v>64687</v>
      </c>
      <c r="CA37" s="116">
        <v>64687</v>
      </c>
      <c r="CB37" s="110">
        <v>0</v>
      </c>
      <c r="CC37" s="114">
        <v>0</v>
      </c>
      <c r="CD37" s="113">
        <v>0</v>
      </c>
      <c r="CE37" s="110">
        <v>0</v>
      </c>
      <c r="CF37" s="114">
        <v>59691</v>
      </c>
      <c r="CG37" s="114">
        <v>164467</v>
      </c>
      <c r="CH37" s="114">
        <v>50719</v>
      </c>
      <c r="CI37" s="114">
        <v>145336</v>
      </c>
      <c r="CJ37" s="114">
        <v>0</v>
      </c>
      <c r="CK37" s="113">
        <v>420213</v>
      </c>
      <c r="CL37" s="116">
        <v>420213</v>
      </c>
      <c r="CM37" s="110">
        <v>0</v>
      </c>
      <c r="CN37" s="114">
        <v>0</v>
      </c>
      <c r="CO37" s="113">
        <v>0</v>
      </c>
      <c r="CP37" s="111">
        <v>0</v>
      </c>
      <c r="CQ37" s="114">
        <v>59691</v>
      </c>
      <c r="CR37" s="114">
        <v>164467</v>
      </c>
      <c r="CS37" s="114">
        <v>0</v>
      </c>
      <c r="CT37" s="114">
        <v>0</v>
      </c>
      <c r="CU37" s="114">
        <v>0</v>
      </c>
      <c r="CV37" s="113">
        <v>224158</v>
      </c>
      <c r="CW37" s="116">
        <v>224158</v>
      </c>
      <c r="CX37" s="110">
        <v>0</v>
      </c>
      <c r="CY37" s="114">
        <v>0</v>
      </c>
      <c r="CZ37" s="113">
        <v>0</v>
      </c>
      <c r="DA37" s="110">
        <v>0</v>
      </c>
      <c r="DB37" s="114">
        <v>0</v>
      </c>
      <c r="DC37" s="114">
        <v>0</v>
      </c>
      <c r="DD37" s="114">
        <v>50719</v>
      </c>
      <c r="DE37" s="114">
        <v>145336</v>
      </c>
      <c r="DF37" s="114">
        <v>0</v>
      </c>
      <c r="DG37" s="113">
        <v>196055</v>
      </c>
      <c r="DH37" s="116">
        <v>196055</v>
      </c>
      <c r="DI37" s="110">
        <v>0</v>
      </c>
      <c r="DJ37" s="114">
        <v>0</v>
      </c>
      <c r="DK37" s="112">
        <v>0</v>
      </c>
      <c r="DL37" s="111">
        <v>0</v>
      </c>
      <c r="DM37" s="114">
        <v>0</v>
      </c>
      <c r="DN37" s="114">
        <v>0</v>
      </c>
      <c r="DO37" s="114">
        <v>23639</v>
      </c>
      <c r="DP37" s="114">
        <v>80194</v>
      </c>
      <c r="DQ37" s="114">
        <v>0</v>
      </c>
      <c r="DR37" s="113">
        <v>103833</v>
      </c>
      <c r="DS37" s="116">
        <v>103833</v>
      </c>
      <c r="DT37" s="110">
        <v>0</v>
      </c>
      <c r="DU37" s="114">
        <v>0</v>
      </c>
      <c r="DV37" s="113">
        <v>0</v>
      </c>
      <c r="DW37" s="110">
        <v>0</v>
      </c>
      <c r="DX37" s="114">
        <v>0</v>
      </c>
      <c r="DY37" s="114">
        <v>0</v>
      </c>
      <c r="DZ37" s="114">
        <v>23639</v>
      </c>
      <c r="EA37" s="114">
        <v>0</v>
      </c>
      <c r="EB37" s="114">
        <v>0</v>
      </c>
      <c r="EC37" s="113">
        <v>23639</v>
      </c>
      <c r="ED37" s="116">
        <v>23639</v>
      </c>
      <c r="EE37" s="110">
        <v>0</v>
      </c>
      <c r="EF37" s="112">
        <v>0</v>
      </c>
      <c r="EG37" s="113">
        <v>0</v>
      </c>
      <c r="EH37" s="110">
        <v>0</v>
      </c>
      <c r="EI37" s="114">
        <v>0</v>
      </c>
      <c r="EJ37" s="114">
        <v>0</v>
      </c>
      <c r="EK37" s="114">
        <v>0</v>
      </c>
      <c r="EL37" s="114">
        <v>80194</v>
      </c>
      <c r="EM37" s="114">
        <v>0</v>
      </c>
      <c r="EN37" s="112">
        <v>80194</v>
      </c>
      <c r="EO37" s="116">
        <v>80194</v>
      </c>
      <c r="EP37" s="110">
        <v>0</v>
      </c>
      <c r="EQ37" s="114">
        <v>0</v>
      </c>
      <c r="ER37" s="112">
        <v>0</v>
      </c>
      <c r="ES37" s="111">
        <v>0</v>
      </c>
      <c r="ET37" s="114">
        <v>0</v>
      </c>
      <c r="EU37" s="114">
        <v>0</v>
      </c>
      <c r="EV37" s="114">
        <v>0</v>
      </c>
      <c r="EW37" s="114">
        <v>0</v>
      </c>
      <c r="EX37" s="114">
        <v>0</v>
      </c>
      <c r="EY37" s="113">
        <v>0</v>
      </c>
      <c r="EZ37" s="116">
        <v>0</v>
      </c>
      <c r="FA37" s="110">
        <v>0</v>
      </c>
      <c r="FB37" s="114">
        <v>0</v>
      </c>
      <c r="FC37" s="112">
        <v>0</v>
      </c>
      <c r="FD37" s="347"/>
      <c r="FE37" s="114">
        <v>0</v>
      </c>
      <c r="FF37" s="114">
        <v>0</v>
      </c>
      <c r="FG37" s="114">
        <v>0</v>
      </c>
      <c r="FH37" s="114">
        <v>0</v>
      </c>
      <c r="FI37" s="114">
        <v>0</v>
      </c>
      <c r="FJ37" s="113">
        <v>0</v>
      </c>
      <c r="FK37" s="116">
        <v>0</v>
      </c>
      <c r="FL37" s="110">
        <v>1960</v>
      </c>
      <c r="FM37" s="114">
        <v>0</v>
      </c>
      <c r="FN37" s="113">
        <v>1960</v>
      </c>
      <c r="FO37" s="110">
        <v>0</v>
      </c>
      <c r="FP37" s="114">
        <v>0</v>
      </c>
      <c r="FQ37" s="114">
        <v>28210</v>
      </c>
      <c r="FR37" s="114">
        <v>18200</v>
      </c>
      <c r="FS37" s="114">
        <v>65443</v>
      </c>
      <c r="FT37" s="114">
        <v>0</v>
      </c>
      <c r="FU37" s="113">
        <v>111853</v>
      </c>
      <c r="FV37" s="116">
        <v>113813</v>
      </c>
      <c r="FW37" s="115">
        <v>1960</v>
      </c>
      <c r="FX37" s="114">
        <v>0</v>
      </c>
      <c r="FY37" s="112">
        <v>1960</v>
      </c>
      <c r="FZ37" s="111">
        <v>0</v>
      </c>
      <c r="GA37" s="114">
        <v>0</v>
      </c>
      <c r="GB37" s="114">
        <v>28210</v>
      </c>
      <c r="GC37" s="114">
        <v>18200</v>
      </c>
      <c r="GD37" s="114">
        <v>65443</v>
      </c>
      <c r="GE37" s="114">
        <v>0</v>
      </c>
      <c r="GF37" s="113">
        <v>111853</v>
      </c>
      <c r="GG37" s="318">
        <v>113813</v>
      </c>
      <c r="GH37" s="115">
        <v>0</v>
      </c>
      <c r="GI37" s="114">
        <v>0</v>
      </c>
      <c r="GJ37" s="112">
        <v>0</v>
      </c>
      <c r="GK37" s="111">
        <v>0</v>
      </c>
      <c r="GL37" s="114">
        <v>0</v>
      </c>
      <c r="GM37" s="114">
        <v>0</v>
      </c>
      <c r="GN37" s="114">
        <v>0</v>
      </c>
      <c r="GO37" s="114">
        <v>0</v>
      </c>
      <c r="GP37" s="114">
        <v>0</v>
      </c>
      <c r="GQ37" s="113">
        <v>0</v>
      </c>
      <c r="GR37" s="116">
        <v>0</v>
      </c>
      <c r="GS37" s="110">
        <v>0</v>
      </c>
      <c r="GT37" s="114">
        <v>0</v>
      </c>
      <c r="GU37" s="113">
        <v>0</v>
      </c>
      <c r="GV37" s="110">
        <v>0</v>
      </c>
      <c r="GW37" s="114">
        <v>0</v>
      </c>
      <c r="GX37" s="114">
        <v>0</v>
      </c>
      <c r="GY37" s="114">
        <v>0</v>
      </c>
      <c r="GZ37" s="114">
        <v>0</v>
      </c>
      <c r="HA37" s="114">
        <v>0</v>
      </c>
      <c r="HB37" s="112">
        <v>0</v>
      </c>
      <c r="HC37" s="116">
        <v>0</v>
      </c>
      <c r="HD37" s="110">
        <v>0</v>
      </c>
      <c r="HE37" s="114">
        <v>0</v>
      </c>
      <c r="HF37" s="112">
        <v>0</v>
      </c>
      <c r="HG37" s="111">
        <v>0</v>
      </c>
      <c r="HH37" s="114">
        <v>0</v>
      </c>
      <c r="HI37" s="114">
        <v>148330</v>
      </c>
      <c r="HJ37" s="114">
        <v>0</v>
      </c>
      <c r="HK37" s="114">
        <v>179606</v>
      </c>
      <c r="HL37" s="114">
        <v>195993</v>
      </c>
      <c r="HM37" s="113">
        <v>523929</v>
      </c>
      <c r="HN37" s="109">
        <v>523929</v>
      </c>
      <c r="HO37" s="328"/>
      <c r="HP37" s="329"/>
      <c r="HQ37" s="330"/>
      <c r="HR37" s="331"/>
      <c r="HS37" s="329"/>
      <c r="HT37" s="329"/>
      <c r="HU37" s="329"/>
      <c r="HV37" s="329"/>
      <c r="HW37" s="329"/>
      <c r="HX37" s="332"/>
      <c r="HY37" s="333"/>
      <c r="HZ37" s="131">
        <v>0</v>
      </c>
      <c r="IA37" s="132">
        <v>0</v>
      </c>
      <c r="IB37" s="133">
        <v>0</v>
      </c>
      <c r="IC37" s="146">
        <v>0</v>
      </c>
      <c r="ID37" s="132">
        <v>91966</v>
      </c>
      <c r="IE37" s="147">
        <v>425124</v>
      </c>
      <c r="IF37" s="133">
        <v>449132</v>
      </c>
      <c r="IG37" s="132">
        <v>238231</v>
      </c>
      <c r="IH37" s="133">
        <v>228788</v>
      </c>
      <c r="II37" s="148">
        <v>1433241</v>
      </c>
      <c r="IJ37" s="139">
        <v>1433241</v>
      </c>
      <c r="IK37" s="232">
        <v>0</v>
      </c>
      <c r="IL37" s="236">
        <v>0</v>
      </c>
      <c r="IM37" s="237">
        <v>0</v>
      </c>
      <c r="IN37" s="140"/>
      <c r="IO37" s="119">
        <v>0</v>
      </c>
      <c r="IP37" s="119">
        <v>85568</v>
      </c>
      <c r="IQ37" s="119">
        <v>0</v>
      </c>
      <c r="IR37" s="119">
        <v>0</v>
      </c>
      <c r="IS37" s="119">
        <v>0</v>
      </c>
      <c r="IT37" s="141">
        <v>85568</v>
      </c>
      <c r="IU37" s="320">
        <v>85568</v>
      </c>
      <c r="IV37" s="142">
        <v>0</v>
      </c>
      <c r="IW37" s="119">
        <v>0</v>
      </c>
      <c r="IX37" s="120">
        <v>0</v>
      </c>
      <c r="IY37" s="144"/>
      <c r="IZ37" s="119">
        <v>0</v>
      </c>
      <c r="JA37" s="119">
        <v>0</v>
      </c>
      <c r="JB37" s="119">
        <v>0</v>
      </c>
      <c r="JC37" s="119">
        <v>0</v>
      </c>
      <c r="JD37" s="119">
        <v>0</v>
      </c>
      <c r="JE37" s="120">
        <v>0</v>
      </c>
      <c r="JF37" s="121">
        <v>0</v>
      </c>
      <c r="JG37" s="142">
        <v>0</v>
      </c>
      <c r="JH37" s="119">
        <v>0</v>
      </c>
      <c r="JI37" s="141">
        <v>0</v>
      </c>
      <c r="JJ37" s="118">
        <v>0</v>
      </c>
      <c r="JK37" s="119">
        <v>0</v>
      </c>
      <c r="JL37" s="119">
        <v>26719</v>
      </c>
      <c r="JM37" s="119">
        <v>64433</v>
      </c>
      <c r="JN37" s="119">
        <v>43939</v>
      </c>
      <c r="JO37" s="119">
        <v>0</v>
      </c>
      <c r="JP37" s="120">
        <v>135091</v>
      </c>
      <c r="JQ37" s="320">
        <v>135091</v>
      </c>
      <c r="JR37" s="142">
        <v>0</v>
      </c>
      <c r="JS37" s="119">
        <v>0</v>
      </c>
      <c r="JT37" s="141">
        <v>0</v>
      </c>
      <c r="JU37" s="118">
        <v>0</v>
      </c>
      <c r="JV37" s="119">
        <v>91966</v>
      </c>
      <c r="JW37" s="119">
        <v>0</v>
      </c>
      <c r="JX37" s="119">
        <v>0</v>
      </c>
      <c r="JY37" s="119">
        <v>0</v>
      </c>
      <c r="JZ37" s="119">
        <v>0</v>
      </c>
      <c r="KA37" s="120">
        <v>91966</v>
      </c>
      <c r="KB37" s="320">
        <v>91966</v>
      </c>
      <c r="KC37" s="234">
        <v>0</v>
      </c>
      <c r="KD37" s="230">
        <v>0</v>
      </c>
      <c r="KE37" s="120">
        <v>0</v>
      </c>
      <c r="KF37" s="118">
        <v>0</v>
      </c>
      <c r="KG37" s="119">
        <v>0</v>
      </c>
      <c r="KH37" s="119">
        <v>0</v>
      </c>
      <c r="KI37" s="119">
        <v>0</v>
      </c>
      <c r="KJ37" s="119">
        <v>0</v>
      </c>
      <c r="KK37" s="119">
        <v>0</v>
      </c>
      <c r="KL37" s="120">
        <v>0</v>
      </c>
      <c r="KM37" s="143">
        <v>0</v>
      </c>
      <c r="KN37" s="232">
        <v>0</v>
      </c>
      <c r="KO37" s="236">
        <v>0</v>
      </c>
      <c r="KP37" s="237">
        <v>0</v>
      </c>
      <c r="KQ37" s="140"/>
      <c r="KR37" s="119">
        <v>0</v>
      </c>
      <c r="KS37" s="119">
        <v>152880</v>
      </c>
      <c r="KT37" s="119">
        <v>384699</v>
      </c>
      <c r="KU37" s="119">
        <v>0</v>
      </c>
      <c r="KV37" s="119">
        <v>228788</v>
      </c>
      <c r="KW37" s="120">
        <v>766367</v>
      </c>
      <c r="KX37" s="320">
        <v>766367</v>
      </c>
      <c r="KY37" s="142">
        <v>0</v>
      </c>
      <c r="KZ37" s="119">
        <v>0</v>
      </c>
      <c r="LA37" s="120">
        <v>0</v>
      </c>
      <c r="LB37" s="145"/>
      <c r="LC37" s="119">
        <v>0</v>
      </c>
      <c r="LD37" s="119">
        <v>0</v>
      </c>
      <c r="LE37" s="119">
        <v>0</v>
      </c>
      <c r="LF37" s="119">
        <v>0</v>
      </c>
      <c r="LG37" s="119">
        <v>0</v>
      </c>
      <c r="LH37" s="120">
        <v>0</v>
      </c>
      <c r="LI37" s="121">
        <v>0</v>
      </c>
      <c r="LJ37" s="142">
        <v>0</v>
      </c>
      <c r="LK37" s="119">
        <v>0</v>
      </c>
      <c r="LL37" s="120">
        <v>0</v>
      </c>
      <c r="LM37" s="145"/>
      <c r="LN37" s="119">
        <v>0</v>
      </c>
      <c r="LO37" s="119">
        <v>159957</v>
      </c>
      <c r="LP37" s="119">
        <v>0</v>
      </c>
      <c r="LQ37" s="119">
        <v>194292</v>
      </c>
      <c r="LR37" s="119">
        <v>0</v>
      </c>
      <c r="LS37" s="120">
        <v>354249</v>
      </c>
      <c r="LT37" s="320">
        <v>354249</v>
      </c>
      <c r="LU37" s="142">
        <v>0</v>
      </c>
      <c r="LV37" s="119">
        <v>0</v>
      </c>
      <c r="LW37" s="120">
        <v>0</v>
      </c>
      <c r="LX37" s="145"/>
      <c r="LY37" s="119">
        <v>0</v>
      </c>
      <c r="LZ37" s="119">
        <v>0</v>
      </c>
      <c r="MA37" s="119">
        <v>0</v>
      </c>
      <c r="MB37" s="119">
        <v>0</v>
      </c>
      <c r="MC37" s="119">
        <v>0</v>
      </c>
      <c r="MD37" s="120">
        <v>0</v>
      </c>
      <c r="ME37" s="121">
        <v>0</v>
      </c>
      <c r="MF37" s="142">
        <v>0</v>
      </c>
      <c r="MG37" s="119">
        <v>0</v>
      </c>
      <c r="MH37" s="120">
        <v>0</v>
      </c>
      <c r="MI37" s="145"/>
      <c r="MJ37" s="119">
        <v>0</v>
      </c>
      <c r="MK37" s="119">
        <v>0</v>
      </c>
      <c r="ML37" s="119">
        <v>0</v>
      </c>
      <c r="MM37" s="119">
        <v>239763</v>
      </c>
      <c r="MN37" s="119">
        <v>534227</v>
      </c>
      <c r="MO37" s="120">
        <v>773990</v>
      </c>
      <c r="MP37" s="143">
        <v>773990</v>
      </c>
      <c r="MQ37" s="142">
        <v>0</v>
      </c>
      <c r="MR37" s="119">
        <v>0</v>
      </c>
      <c r="MS37" s="120">
        <v>0</v>
      </c>
      <c r="MT37" s="145"/>
      <c r="MU37" s="119">
        <v>0</v>
      </c>
      <c r="MV37" s="119">
        <v>0</v>
      </c>
      <c r="MW37" s="119">
        <v>0</v>
      </c>
      <c r="MX37" s="119">
        <v>239763</v>
      </c>
      <c r="MY37" s="119">
        <v>258913</v>
      </c>
      <c r="MZ37" s="120">
        <v>498676</v>
      </c>
      <c r="NA37" s="143">
        <v>498676</v>
      </c>
      <c r="NB37" s="142">
        <v>0</v>
      </c>
      <c r="NC37" s="119">
        <v>0</v>
      </c>
      <c r="ND37" s="120">
        <v>0</v>
      </c>
      <c r="NE37" s="145"/>
      <c r="NF37" s="119">
        <v>0</v>
      </c>
      <c r="NG37" s="119">
        <v>0</v>
      </c>
      <c r="NH37" s="119">
        <v>0</v>
      </c>
      <c r="NI37" s="119">
        <v>0</v>
      </c>
      <c r="NJ37" s="119">
        <v>275314</v>
      </c>
      <c r="NK37" s="120">
        <v>275314</v>
      </c>
      <c r="NL37" s="320">
        <v>275314</v>
      </c>
      <c r="NM37" s="142">
        <v>0</v>
      </c>
      <c r="NN37" s="119">
        <v>0</v>
      </c>
      <c r="NO37" s="120">
        <v>0</v>
      </c>
      <c r="NP37" s="145"/>
      <c r="NQ37" s="119">
        <v>0</v>
      </c>
      <c r="NR37" s="119">
        <v>0</v>
      </c>
      <c r="NS37" s="119">
        <v>0</v>
      </c>
      <c r="NT37" s="119">
        <v>0</v>
      </c>
      <c r="NU37" s="119">
        <v>0</v>
      </c>
      <c r="NV37" s="120">
        <v>0</v>
      </c>
      <c r="NW37" s="121">
        <v>0</v>
      </c>
      <c r="NX37" s="142">
        <v>0</v>
      </c>
      <c r="NY37" s="119">
        <v>0</v>
      </c>
      <c r="NZ37" s="120">
        <v>0</v>
      </c>
      <c r="OA37" s="145"/>
      <c r="OB37" s="119">
        <v>0</v>
      </c>
      <c r="OC37" s="119">
        <v>0</v>
      </c>
      <c r="OD37" s="119">
        <v>0</v>
      </c>
      <c r="OE37" s="119">
        <v>0</v>
      </c>
      <c r="OF37" s="119">
        <v>0</v>
      </c>
      <c r="OG37" s="120">
        <v>0</v>
      </c>
      <c r="OH37" s="121">
        <v>0</v>
      </c>
      <c r="OI37" s="142">
        <v>20328</v>
      </c>
      <c r="OJ37" s="119">
        <v>0</v>
      </c>
      <c r="OK37" s="141">
        <v>20328</v>
      </c>
      <c r="OL37" s="118">
        <v>0</v>
      </c>
      <c r="OM37" s="119">
        <v>151657</v>
      </c>
      <c r="ON37" s="119">
        <v>834073</v>
      </c>
      <c r="OO37" s="119">
        <v>549257</v>
      </c>
      <c r="OP37" s="119">
        <v>1194427</v>
      </c>
      <c r="OQ37" s="119">
        <v>972700</v>
      </c>
      <c r="OR37" s="120">
        <v>3702114</v>
      </c>
      <c r="OS37" s="143">
        <v>3722442</v>
      </c>
    </row>
    <row r="38" spans="2:409" ht="21" customHeight="1" x14ac:dyDescent="0.2">
      <c r="B38" s="126" t="s">
        <v>33</v>
      </c>
      <c r="C38" s="110">
        <v>97824</v>
      </c>
      <c r="D38" s="114">
        <v>19123</v>
      </c>
      <c r="E38" s="113">
        <v>116947</v>
      </c>
      <c r="F38" s="109">
        <v>0</v>
      </c>
      <c r="G38" s="114">
        <v>270673</v>
      </c>
      <c r="H38" s="114">
        <v>96013</v>
      </c>
      <c r="I38" s="114">
        <v>701104</v>
      </c>
      <c r="J38" s="114">
        <v>506098</v>
      </c>
      <c r="K38" s="114">
        <v>123054</v>
      </c>
      <c r="L38" s="173">
        <v>1696942</v>
      </c>
      <c r="M38" s="116">
        <v>1813889</v>
      </c>
      <c r="N38" s="110">
        <v>47976</v>
      </c>
      <c r="O38" s="114">
        <v>14223</v>
      </c>
      <c r="P38" s="113">
        <v>62199</v>
      </c>
      <c r="Q38" s="110">
        <v>0</v>
      </c>
      <c r="R38" s="114">
        <v>45607</v>
      </c>
      <c r="S38" s="114">
        <v>79213</v>
      </c>
      <c r="T38" s="114">
        <v>327631</v>
      </c>
      <c r="U38" s="114">
        <v>93499</v>
      </c>
      <c r="V38" s="114">
        <v>89818</v>
      </c>
      <c r="W38" s="113">
        <v>635768</v>
      </c>
      <c r="X38" s="116">
        <v>697967</v>
      </c>
      <c r="Y38" s="110">
        <v>0</v>
      </c>
      <c r="Z38" s="114">
        <v>0</v>
      </c>
      <c r="AA38" s="113">
        <v>0</v>
      </c>
      <c r="AB38" s="110">
        <v>0</v>
      </c>
      <c r="AC38" s="114">
        <v>41981</v>
      </c>
      <c r="AD38" s="114">
        <v>0</v>
      </c>
      <c r="AE38" s="114">
        <v>85682</v>
      </c>
      <c r="AF38" s="114">
        <v>12449</v>
      </c>
      <c r="AG38" s="114">
        <v>0</v>
      </c>
      <c r="AH38" s="113">
        <v>140112</v>
      </c>
      <c r="AI38" s="116">
        <v>140112</v>
      </c>
      <c r="AJ38" s="110">
        <v>0</v>
      </c>
      <c r="AK38" s="114">
        <v>0</v>
      </c>
      <c r="AL38" s="113">
        <v>0</v>
      </c>
      <c r="AM38" s="110">
        <v>0</v>
      </c>
      <c r="AN38" s="114">
        <v>0</v>
      </c>
      <c r="AO38" s="114">
        <v>0</v>
      </c>
      <c r="AP38" s="114">
        <v>49749</v>
      </c>
      <c r="AQ38" s="114">
        <v>0</v>
      </c>
      <c r="AR38" s="114">
        <v>0</v>
      </c>
      <c r="AS38" s="113">
        <v>49749</v>
      </c>
      <c r="AT38" s="116">
        <v>49749</v>
      </c>
      <c r="AU38" s="110">
        <v>0</v>
      </c>
      <c r="AV38" s="114">
        <v>0</v>
      </c>
      <c r="AW38" s="113">
        <v>0</v>
      </c>
      <c r="AX38" s="110">
        <v>0</v>
      </c>
      <c r="AY38" s="114">
        <v>0</v>
      </c>
      <c r="AZ38" s="114">
        <v>33440</v>
      </c>
      <c r="BA38" s="114">
        <v>136972</v>
      </c>
      <c r="BB38" s="114">
        <v>27573</v>
      </c>
      <c r="BC38" s="114">
        <v>89818</v>
      </c>
      <c r="BD38" s="113">
        <v>287803</v>
      </c>
      <c r="BE38" s="116">
        <v>287803</v>
      </c>
      <c r="BF38" s="110">
        <v>41816</v>
      </c>
      <c r="BG38" s="114">
        <v>14223</v>
      </c>
      <c r="BH38" s="112">
        <v>56039</v>
      </c>
      <c r="BI38" s="111">
        <v>0</v>
      </c>
      <c r="BJ38" s="114">
        <v>0</v>
      </c>
      <c r="BK38" s="114">
        <v>45773</v>
      </c>
      <c r="BL38" s="114">
        <v>26738</v>
      </c>
      <c r="BM38" s="114">
        <v>53477</v>
      </c>
      <c r="BN38" s="114">
        <v>0</v>
      </c>
      <c r="BO38" s="113">
        <v>125988</v>
      </c>
      <c r="BP38" s="116">
        <v>182027</v>
      </c>
      <c r="BQ38" s="110">
        <v>6160</v>
      </c>
      <c r="BR38" s="114">
        <v>0</v>
      </c>
      <c r="BS38" s="113">
        <v>6160</v>
      </c>
      <c r="BT38" s="110">
        <v>0</v>
      </c>
      <c r="BU38" s="114">
        <v>3626</v>
      </c>
      <c r="BV38" s="114">
        <v>0</v>
      </c>
      <c r="BW38" s="114">
        <v>28490</v>
      </c>
      <c r="BX38" s="114">
        <v>0</v>
      </c>
      <c r="BY38" s="114">
        <v>0</v>
      </c>
      <c r="BZ38" s="113">
        <v>32116</v>
      </c>
      <c r="CA38" s="116">
        <v>38276</v>
      </c>
      <c r="CB38" s="110">
        <v>0</v>
      </c>
      <c r="CC38" s="114">
        <v>0</v>
      </c>
      <c r="CD38" s="113">
        <v>0</v>
      </c>
      <c r="CE38" s="110">
        <v>0</v>
      </c>
      <c r="CF38" s="114">
        <v>83900</v>
      </c>
      <c r="CG38" s="114">
        <v>0</v>
      </c>
      <c r="CH38" s="114">
        <v>0</v>
      </c>
      <c r="CI38" s="114">
        <v>0</v>
      </c>
      <c r="CJ38" s="114">
        <v>0</v>
      </c>
      <c r="CK38" s="113">
        <v>83900</v>
      </c>
      <c r="CL38" s="116">
        <v>83900</v>
      </c>
      <c r="CM38" s="110">
        <v>0</v>
      </c>
      <c r="CN38" s="114">
        <v>0</v>
      </c>
      <c r="CO38" s="113">
        <v>0</v>
      </c>
      <c r="CP38" s="111">
        <v>0</v>
      </c>
      <c r="CQ38" s="114">
        <v>58379</v>
      </c>
      <c r="CR38" s="114">
        <v>0</v>
      </c>
      <c r="CS38" s="114">
        <v>0</v>
      </c>
      <c r="CT38" s="114">
        <v>0</v>
      </c>
      <c r="CU38" s="114">
        <v>0</v>
      </c>
      <c r="CV38" s="113">
        <v>58379</v>
      </c>
      <c r="CW38" s="116">
        <v>58379</v>
      </c>
      <c r="CX38" s="110">
        <v>0</v>
      </c>
      <c r="CY38" s="114">
        <v>0</v>
      </c>
      <c r="CZ38" s="113">
        <v>0</v>
      </c>
      <c r="DA38" s="110">
        <v>0</v>
      </c>
      <c r="DB38" s="114">
        <v>25521</v>
      </c>
      <c r="DC38" s="114">
        <v>0</v>
      </c>
      <c r="DD38" s="114">
        <v>0</v>
      </c>
      <c r="DE38" s="114">
        <v>0</v>
      </c>
      <c r="DF38" s="114">
        <v>0</v>
      </c>
      <c r="DG38" s="113">
        <v>25521</v>
      </c>
      <c r="DH38" s="116">
        <v>25521</v>
      </c>
      <c r="DI38" s="110">
        <v>0</v>
      </c>
      <c r="DJ38" s="114">
        <v>0</v>
      </c>
      <c r="DK38" s="112">
        <v>0</v>
      </c>
      <c r="DL38" s="111">
        <v>0</v>
      </c>
      <c r="DM38" s="114">
        <v>0</v>
      </c>
      <c r="DN38" s="114">
        <v>0</v>
      </c>
      <c r="DO38" s="114">
        <v>157090</v>
      </c>
      <c r="DP38" s="114">
        <v>204305</v>
      </c>
      <c r="DQ38" s="114">
        <v>0</v>
      </c>
      <c r="DR38" s="113">
        <v>361395</v>
      </c>
      <c r="DS38" s="116">
        <v>361395</v>
      </c>
      <c r="DT38" s="110">
        <v>0</v>
      </c>
      <c r="DU38" s="114">
        <v>0</v>
      </c>
      <c r="DV38" s="113">
        <v>0</v>
      </c>
      <c r="DW38" s="110">
        <v>0</v>
      </c>
      <c r="DX38" s="114">
        <v>0</v>
      </c>
      <c r="DY38" s="114">
        <v>0</v>
      </c>
      <c r="DZ38" s="114">
        <v>21420</v>
      </c>
      <c r="EA38" s="114">
        <v>204305</v>
      </c>
      <c r="EB38" s="114">
        <v>0</v>
      </c>
      <c r="EC38" s="113">
        <v>225725</v>
      </c>
      <c r="ED38" s="116">
        <v>225725</v>
      </c>
      <c r="EE38" s="110">
        <v>0</v>
      </c>
      <c r="EF38" s="112">
        <v>0</v>
      </c>
      <c r="EG38" s="113">
        <v>0</v>
      </c>
      <c r="EH38" s="110">
        <v>0</v>
      </c>
      <c r="EI38" s="114">
        <v>0</v>
      </c>
      <c r="EJ38" s="114">
        <v>0</v>
      </c>
      <c r="EK38" s="114">
        <v>135670</v>
      </c>
      <c r="EL38" s="114">
        <v>0</v>
      </c>
      <c r="EM38" s="114">
        <v>0</v>
      </c>
      <c r="EN38" s="112">
        <v>135670</v>
      </c>
      <c r="EO38" s="116">
        <v>135670</v>
      </c>
      <c r="EP38" s="110">
        <v>0</v>
      </c>
      <c r="EQ38" s="114">
        <v>0</v>
      </c>
      <c r="ER38" s="112">
        <v>0</v>
      </c>
      <c r="ES38" s="111">
        <v>0</v>
      </c>
      <c r="ET38" s="114">
        <v>0</v>
      </c>
      <c r="EU38" s="114">
        <v>0</v>
      </c>
      <c r="EV38" s="114">
        <v>0</v>
      </c>
      <c r="EW38" s="114">
        <v>0</v>
      </c>
      <c r="EX38" s="114">
        <v>0</v>
      </c>
      <c r="EY38" s="113">
        <v>0</v>
      </c>
      <c r="EZ38" s="116">
        <v>0</v>
      </c>
      <c r="FA38" s="110">
        <v>0</v>
      </c>
      <c r="FB38" s="114">
        <v>0</v>
      </c>
      <c r="FC38" s="112">
        <v>0</v>
      </c>
      <c r="FD38" s="347"/>
      <c r="FE38" s="114">
        <v>0</v>
      </c>
      <c r="FF38" s="114">
        <v>0</v>
      </c>
      <c r="FG38" s="114">
        <v>0</v>
      </c>
      <c r="FH38" s="114">
        <v>0</v>
      </c>
      <c r="FI38" s="114">
        <v>0</v>
      </c>
      <c r="FJ38" s="113">
        <v>0</v>
      </c>
      <c r="FK38" s="116">
        <v>0</v>
      </c>
      <c r="FL38" s="110">
        <v>1050</v>
      </c>
      <c r="FM38" s="114">
        <v>4900</v>
      </c>
      <c r="FN38" s="113">
        <v>5950</v>
      </c>
      <c r="FO38" s="110">
        <v>0</v>
      </c>
      <c r="FP38" s="114">
        <v>1400</v>
      </c>
      <c r="FQ38" s="114">
        <v>16800</v>
      </c>
      <c r="FR38" s="114">
        <v>41650</v>
      </c>
      <c r="FS38" s="114">
        <v>8778</v>
      </c>
      <c r="FT38" s="114">
        <v>33236</v>
      </c>
      <c r="FU38" s="113">
        <v>101864</v>
      </c>
      <c r="FV38" s="116">
        <v>107814</v>
      </c>
      <c r="FW38" s="115">
        <v>1050</v>
      </c>
      <c r="FX38" s="114">
        <v>4900</v>
      </c>
      <c r="FY38" s="112">
        <v>5950</v>
      </c>
      <c r="FZ38" s="111">
        <v>0</v>
      </c>
      <c r="GA38" s="114">
        <v>1400</v>
      </c>
      <c r="GB38" s="114">
        <v>16800</v>
      </c>
      <c r="GC38" s="114">
        <v>41650</v>
      </c>
      <c r="GD38" s="114">
        <v>8778</v>
      </c>
      <c r="GE38" s="114">
        <v>33236</v>
      </c>
      <c r="GF38" s="113">
        <v>101864</v>
      </c>
      <c r="GG38" s="318">
        <v>107814</v>
      </c>
      <c r="GH38" s="115">
        <v>0</v>
      </c>
      <c r="GI38" s="114">
        <v>0</v>
      </c>
      <c r="GJ38" s="112">
        <v>0</v>
      </c>
      <c r="GK38" s="111">
        <v>0</v>
      </c>
      <c r="GL38" s="114">
        <v>0</v>
      </c>
      <c r="GM38" s="114">
        <v>0</v>
      </c>
      <c r="GN38" s="114">
        <v>0</v>
      </c>
      <c r="GO38" s="114">
        <v>0</v>
      </c>
      <c r="GP38" s="114">
        <v>0</v>
      </c>
      <c r="GQ38" s="113">
        <v>0</v>
      </c>
      <c r="GR38" s="116">
        <v>0</v>
      </c>
      <c r="GS38" s="110">
        <v>0</v>
      </c>
      <c r="GT38" s="114">
        <v>0</v>
      </c>
      <c r="GU38" s="113">
        <v>0</v>
      </c>
      <c r="GV38" s="110">
        <v>0</v>
      </c>
      <c r="GW38" s="114">
        <v>0</v>
      </c>
      <c r="GX38" s="114">
        <v>0</v>
      </c>
      <c r="GY38" s="114">
        <v>0</v>
      </c>
      <c r="GZ38" s="114">
        <v>0</v>
      </c>
      <c r="HA38" s="114">
        <v>0</v>
      </c>
      <c r="HB38" s="112">
        <v>0</v>
      </c>
      <c r="HC38" s="116">
        <v>0</v>
      </c>
      <c r="HD38" s="110">
        <v>48798</v>
      </c>
      <c r="HE38" s="114">
        <v>0</v>
      </c>
      <c r="HF38" s="112">
        <v>48798</v>
      </c>
      <c r="HG38" s="111">
        <v>0</v>
      </c>
      <c r="HH38" s="114">
        <v>139766</v>
      </c>
      <c r="HI38" s="114">
        <v>0</v>
      </c>
      <c r="HJ38" s="114">
        <v>174733</v>
      </c>
      <c r="HK38" s="114">
        <v>199516</v>
      </c>
      <c r="HL38" s="114">
        <v>0</v>
      </c>
      <c r="HM38" s="113">
        <v>514015</v>
      </c>
      <c r="HN38" s="109">
        <v>562813</v>
      </c>
      <c r="HO38" s="328"/>
      <c r="HP38" s="329"/>
      <c r="HQ38" s="330"/>
      <c r="HR38" s="331"/>
      <c r="HS38" s="329"/>
      <c r="HT38" s="329"/>
      <c r="HU38" s="329"/>
      <c r="HV38" s="329"/>
      <c r="HW38" s="329"/>
      <c r="HX38" s="332"/>
      <c r="HY38" s="333"/>
      <c r="HZ38" s="150">
        <v>0</v>
      </c>
      <c r="IA38" s="135">
        <v>0</v>
      </c>
      <c r="IB38" s="150">
        <v>0</v>
      </c>
      <c r="IC38" s="146">
        <v>0</v>
      </c>
      <c r="ID38" s="132">
        <v>41515</v>
      </c>
      <c r="IE38" s="147">
        <v>0</v>
      </c>
      <c r="IF38" s="133">
        <v>82796</v>
      </c>
      <c r="IG38" s="132">
        <v>0</v>
      </c>
      <c r="IH38" s="133">
        <v>181135</v>
      </c>
      <c r="II38" s="148">
        <v>305446</v>
      </c>
      <c r="IJ38" s="150">
        <v>305446</v>
      </c>
      <c r="IK38" s="232">
        <v>0</v>
      </c>
      <c r="IL38" s="236">
        <v>0</v>
      </c>
      <c r="IM38" s="237">
        <v>0</v>
      </c>
      <c r="IN38" s="140"/>
      <c r="IO38" s="119">
        <v>0</v>
      </c>
      <c r="IP38" s="119">
        <v>0</v>
      </c>
      <c r="IQ38" s="119">
        <v>0</v>
      </c>
      <c r="IR38" s="119">
        <v>0</v>
      </c>
      <c r="IS38" s="119">
        <v>0</v>
      </c>
      <c r="IT38" s="141">
        <v>0</v>
      </c>
      <c r="IU38" s="320">
        <v>0</v>
      </c>
      <c r="IV38" s="142">
        <v>0</v>
      </c>
      <c r="IW38" s="119">
        <v>0</v>
      </c>
      <c r="IX38" s="120">
        <v>0</v>
      </c>
      <c r="IY38" s="144"/>
      <c r="IZ38" s="119">
        <v>0</v>
      </c>
      <c r="JA38" s="119">
        <v>0</v>
      </c>
      <c r="JB38" s="119">
        <v>0</v>
      </c>
      <c r="JC38" s="119">
        <v>0</v>
      </c>
      <c r="JD38" s="119">
        <v>0</v>
      </c>
      <c r="JE38" s="120">
        <v>0</v>
      </c>
      <c r="JF38" s="121">
        <v>0</v>
      </c>
      <c r="JG38" s="142">
        <v>0</v>
      </c>
      <c r="JH38" s="119">
        <v>0</v>
      </c>
      <c r="JI38" s="141">
        <v>0</v>
      </c>
      <c r="JJ38" s="118">
        <v>0</v>
      </c>
      <c r="JK38" s="119">
        <v>41515</v>
      </c>
      <c r="JL38" s="119">
        <v>0</v>
      </c>
      <c r="JM38" s="119">
        <v>82796</v>
      </c>
      <c r="JN38" s="119">
        <v>0</v>
      </c>
      <c r="JO38" s="119">
        <v>0</v>
      </c>
      <c r="JP38" s="120">
        <v>124311</v>
      </c>
      <c r="JQ38" s="320">
        <v>124311</v>
      </c>
      <c r="JR38" s="142">
        <v>0</v>
      </c>
      <c r="JS38" s="119">
        <v>0</v>
      </c>
      <c r="JT38" s="141">
        <v>0</v>
      </c>
      <c r="JU38" s="118">
        <v>0</v>
      </c>
      <c r="JV38" s="119">
        <v>0</v>
      </c>
      <c r="JW38" s="119">
        <v>0</v>
      </c>
      <c r="JX38" s="119">
        <v>0</v>
      </c>
      <c r="JY38" s="119">
        <v>0</v>
      </c>
      <c r="JZ38" s="119">
        <v>0</v>
      </c>
      <c r="KA38" s="120">
        <v>0</v>
      </c>
      <c r="KB38" s="320">
        <v>0</v>
      </c>
      <c r="KC38" s="234">
        <v>0</v>
      </c>
      <c r="KD38" s="230">
        <v>0</v>
      </c>
      <c r="KE38" s="120">
        <v>0</v>
      </c>
      <c r="KF38" s="118">
        <v>0</v>
      </c>
      <c r="KG38" s="119">
        <v>0</v>
      </c>
      <c r="KH38" s="119">
        <v>0</v>
      </c>
      <c r="KI38" s="119">
        <v>0</v>
      </c>
      <c r="KJ38" s="119">
        <v>0</v>
      </c>
      <c r="KK38" s="119">
        <v>0</v>
      </c>
      <c r="KL38" s="120">
        <v>0</v>
      </c>
      <c r="KM38" s="143">
        <v>0</v>
      </c>
      <c r="KN38" s="232">
        <v>0</v>
      </c>
      <c r="KO38" s="236">
        <v>0</v>
      </c>
      <c r="KP38" s="237">
        <v>0</v>
      </c>
      <c r="KQ38" s="140"/>
      <c r="KR38" s="119">
        <v>0</v>
      </c>
      <c r="KS38" s="119">
        <v>0</v>
      </c>
      <c r="KT38" s="119">
        <v>0</v>
      </c>
      <c r="KU38" s="119">
        <v>0</v>
      </c>
      <c r="KV38" s="119">
        <v>0</v>
      </c>
      <c r="KW38" s="120">
        <v>0</v>
      </c>
      <c r="KX38" s="320">
        <v>0</v>
      </c>
      <c r="KY38" s="142">
        <v>0</v>
      </c>
      <c r="KZ38" s="119">
        <v>0</v>
      </c>
      <c r="LA38" s="120">
        <v>0</v>
      </c>
      <c r="LB38" s="145"/>
      <c r="LC38" s="119">
        <v>0</v>
      </c>
      <c r="LD38" s="119">
        <v>0</v>
      </c>
      <c r="LE38" s="119">
        <v>0</v>
      </c>
      <c r="LF38" s="119">
        <v>0</v>
      </c>
      <c r="LG38" s="119">
        <v>0</v>
      </c>
      <c r="LH38" s="120">
        <v>0</v>
      </c>
      <c r="LI38" s="121">
        <v>0</v>
      </c>
      <c r="LJ38" s="142">
        <v>0</v>
      </c>
      <c r="LK38" s="119">
        <v>0</v>
      </c>
      <c r="LL38" s="120">
        <v>0</v>
      </c>
      <c r="LM38" s="145"/>
      <c r="LN38" s="119">
        <v>0</v>
      </c>
      <c r="LO38" s="119">
        <v>0</v>
      </c>
      <c r="LP38" s="119">
        <v>0</v>
      </c>
      <c r="LQ38" s="119">
        <v>0</v>
      </c>
      <c r="LR38" s="119">
        <v>0</v>
      </c>
      <c r="LS38" s="120">
        <v>0</v>
      </c>
      <c r="LT38" s="320">
        <v>0</v>
      </c>
      <c r="LU38" s="142">
        <v>0</v>
      </c>
      <c r="LV38" s="119">
        <v>0</v>
      </c>
      <c r="LW38" s="120">
        <v>0</v>
      </c>
      <c r="LX38" s="145"/>
      <c r="LY38" s="119">
        <v>0</v>
      </c>
      <c r="LZ38" s="119">
        <v>0</v>
      </c>
      <c r="MA38" s="119">
        <v>0</v>
      </c>
      <c r="MB38" s="119">
        <v>0</v>
      </c>
      <c r="MC38" s="119">
        <v>181135</v>
      </c>
      <c r="MD38" s="120">
        <v>181135</v>
      </c>
      <c r="ME38" s="121">
        <v>181135</v>
      </c>
      <c r="MF38" s="142">
        <v>0</v>
      </c>
      <c r="MG38" s="119">
        <v>0</v>
      </c>
      <c r="MH38" s="120">
        <v>0</v>
      </c>
      <c r="MI38" s="145"/>
      <c r="MJ38" s="119">
        <v>0</v>
      </c>
      <c r="MK38" s="119">
        <v>0</v>
      </c>
      <c r="ML38" s="119">
        <v>0</v>
      </c>
      <c r="MM38" s="119">
        <v>181456</v>
      </c>
      <c r="MN38" s="119">
        <v>574626</v>
      </c>
      <c r="MO38" s="120">
        <v>756082</v>
      </c>
      <c r="MP38" s="143">
        <v>756082</v>
      </c>
      <c r="MQ38" s="142">
        <v>0</v>
      </c>
      <c r="MR38" s="119">
        <v>0</v>
      </c>
      <c r="MS38" s="120">
        <v>0</v>
      </c>
      <c r="MT38" s="145"/>
      <c r="MU38" s="119">
        <v>0</v>
      </c>
      <c r="MV38" s="119">
        <v>0</v>
      </c>
      <c r="MW38" s="119">
        <v>0</v>
      </c>
      <c r="MX38" s="119">
        <v>0</v>
      </c>
      <c r="MY38" s="119">
        <v>0</v>
      </c>
      <c r="MZ38" s="120">
        <v>0</v>
      </c>
      <c r="NA38" s="143">
        <v>0</v>
      </c>
      <c r="NB38" s="142">
        <v>0</v>
      </c>
      <c r="NC38" s="119">
        <v>0</v>
      </c>
      <c r="ND38" s="120">
        <v>0</v>
      </c>
      <c r="NE38" s="145"/>
      <c r="NF38" s="119">
        <v>0</v>
      </c>
      <c r="NG38" s="119">
        <v>0</v>
      </c>
      <c r="NH38" s="119">
        <v>0</v>
      </c>
      <c r="NI38" s="119">
        <v>0</v>
      </c>
      <c r="NJ38" s="119">
        <v>0</v>
      </c>
      <c r="NK38" s="120">
        <v>0</v>
      </c>
      <c r="NL38" s="320">
        <v>0</v>
      </c>
      <c r="NM38" s="142">
        <v>0</v>
      </c>
      <c r="NN38" s="119">
        <v>0</v>
      </c>
      <c r="NO38" s="120">
        <v>0</v>
      </c>
      <c r="NP38" s="145"/>
      <c r="NQ38" s="119">
        <v>0</v>
      </c>
      <c r="NR38" s="119">
        <v>0</v>
      </c>
      <c r="NS38" s="119">
        <v>0</v>
      </c>
      <c r="NT38" s="119">
        <v>0</v>
      </c>
      <c r="NU38" s="119">
        <v>0</v>
      </c>
      <c r="NV38" s="120">
        <v>0</v>
      </c>
      <c r="NW38" s="121">
        <v>0</v>
      </c>
      <c r="NX38" s="142">
        <v>0</v>
      </c>
      <c r="NY38" s="119">
        <v>0</v>
      </c>
      <c r="NZ38" s="120">
        <v>0</v>
      </c>
      <c r="OA38" s="145"/>
      <c r="OB38" s="119">
        <v>0</v>
      </c>
      <c r="OC38" s="119">
        <v>0</v>
      </c>
      <c r="OD38" s="119">
        <v>0</v>
      </c>
      <c r="OE38" s="119">
        <v>181456</v>
      </c>
      <c r="OF38" s="119">
        <v>574626</v>
      </c>
      <c r="OG38" s="120">
        <v>756082</v>
      </c>
      <c r="OH38" s="121">
        <v>756082</v>
      </c>
      <c r="OI38" s="142">
        <v>97824</v>
      </c>
      <c r="OJ38" s="119">
        <v>19123</v>
      </c>
      <c r="OK38" s="141">
        <v>116947</v>
      </c>
      <c r="OL38" s="118">
        <v>0</v>
      </c>
      <c r="OM38" s="119">
        <v>312188</v>
      </c>
      <c r="ON38" s="119">
        <v>96013</v>
      </c>
      <c r="OO38" s="119">
        <v>783900</v>
      </c>
      <c r="OP38" s="119">
        <v>687554</v>
      </c>
      <c r="OQ38" s="119">
        <v>878815</v>
      </c>
      <c r="OR38" s="120">
        <v>2758470</v>
      </c>
      <c r="OS38" s="143">
        <v>2875417</v>
      </c>
    </row>
    <row r="39" spans="2:409" ht="21" customHeight="1" x14ac:dyDescent="0.2">
      <c r="B39" s="126" t="s">
        <v>34</v>
      </c>
      <c r="C39" s="110">
        <v>0</v>
      </c>
      <c r="D39" s="114">
        <v>0</v>
      </c>
      <c r="E39" s="174">
        <v>0</v>
      </c>
      <c r="F39" s="175">
        <v>0</v>
      </c>
      <c r="G39" s="176">
        <v>144956</v>
      </c>
      <c r="H39" s="176">
        <v>299005</v>
      </c>
      <c r="I39" s="176">
        <v>228732</v>
      </c>
      <c r="J39" s="176">
        <v>0</v>
      </c>
      <c r="K39" s="176">
        <v>0</v>
      </c>
      <c r="L39" s="177">
        <v>672693</v>
      </c>
      <c r="M39" s="116">
        <v>672693</v>
      </c>
      <c r="N39" s="110">
        <v>0</v>
      </c>
      <c r="O39" s="114">
        <v>0</v>
      </c>
      <c r="P39" s="113">
        <v>0</v>
      </c>
      <c r="Q39" s="110">
        <v>0</v>
      </c>
      <c r="R39" s="114">
        <v>31213</v>
      </c>
      <c r="S39" s="114">
        <v>16744</v>
      </c>
      <c r="T39" s="114">
        <v>33621</v>
      </c>
      <c r="U39" s="114">
        <v>0</v>
      </c>
      <c r="V39" s="114">
        <v>0</v>
      </c>
      <c r="W39" s="113">
        <v>81578</v>
      </c>
      <c r="X39" s="116">
        <v>81578</v>
      </c>
      <c r="Y39" s="110">
        <v>0</v>
      </c>
      <c r="Z39" s="114">
        <v>0</v>
      </c>
      <c r="AA39" s="113">
        <v>0</v>
      </c>
      <c r="AB39" s="110">
        <v>0</v>
      </c>
      <c r="AC39" s="114">
        <v>19859</v>
      </c>
      <c r="AD39" s="114">
        <v>0</v>
      </c>
      <c r="AE39" s="114">
        <v>33621</v>
      </c>
      <c r="AF39" s="114">
        <v>0</v>
      </c>
      <c r="AG39" s="114">
        <v>0</v>
      </c>
      <c r="AH39" s="113">
        <v>53480</v>
      </c>
      <c r="AI39" s="116">
        <v>53480</v>
      </c>
      <c r="AJ39" s="110">
        <v>0</v>
      </c>
      <c r="AK39" s="114">
        <v>0</v>
      </c>
      <c r="AL39" s="113">
        <v>0</v>
      </c>
      <c r="AM39" s="110">
        <v>0</v>
      </c>
      <c r="AN39" s="114">
        <v>0</v>
      </c>
      <c r="AO39" s="114">
        <v>0</v>
      </c>
      <c r="AP39" s="114">
        <v>0</v>
      </c>
      <c r="AQ39" s="114">
        <v>0</v>
      </c>
      <c r="AR39" s="114">
        <v>0</v>
      </c>
      <c r="AS39" s="113">
        <v>0</v>
      </c>
      <c r="AT39" s="116">
        <v>0</v>
      </c>
      <c r="AU39" s="110">
        <v>0</v>
      </c>
      <c r="AV39" s="114">
        <v>0</v>
      </c>
      <c r="AW39" s="113">
        <v>0</v>
      </c>
      <c r="AX39" s="110">
        <v>0</v>
      </c>
      <c r="AY39" s="114">
        <v>0</v>
      </c>
      <c r="AZ39" s="114">
        <v>0</v>
      </c>
      <c r="BA39" s="114">
        <v>0</v>
      </c>
      <c r="BB39" s="114">
        <v>0</v>
      </c>
      <c r="BC39" s="114">
        <v>0</v>
      </c>
      <c r="BD39" s="113">
        <v>0</v>
      </c>
      <c r="BE39" s="116">
        <v>0</v>
      </c>
      <c r="BF39" s="110">
        <v>0</v>
      </c>
      <c r="BG39" s="114">
        <v>0</v>
      </c>
      <c r="BH39" s="112">
        <v>0</v>
      </c>
      <c r="BI39" s="111">
        <v>0</v>
      </c>
      <c r="BJ39" s="114">
        <v>0</v>
      </c>
      <c r="BK39" s="114">
        <v>0</v>
      </c>
      <c r="BL39" s="114">
        <v>0</v>
      </c>
      <c r="BM39" s="114">
        <v>0</v>
      </c>
      <c r="BN39" s="114">
        <v>0</v>
      </c>
      <c r="BO39" s="113">
        <v>0</v>
      </c>
      <c r="BP39" s="116">
        <v>0</v>
      </c>
      <c r="BQ39" s="110">
        <v>0</v>
      </c>
      <c r="BR39" s="114">
        <v>0</v>
      </c>
      <c r="BS39" s="113">
        <v>0</v>
      </c>
      <c r="BT39" s="110">
        <v>0</v>
      </c>
      <c r="BU39" s="114">
        <v>11354</v>
      </c>
      <c r="BV39" s="114">
        <v>16744</v>
      </c>
      <c r="BW39" s="114">
        <v>0</v>
      </c>
      <c r="BX39" s="114">
        <v>0</v>
      </c>
      <c r="BY39" s="114">
        <v>0</v>
      </c>
      <c r="BZ39" s="113">
        <v>28098</v>
      </c>
      <c r="CA39" s="116">
        <v>28098</v>
      </c>
      <c r="CB39" s="110">
        <v>0</v>
      </c>
      <c r="CC39" s="114">
        <v>0</v>
      </c>
      <c r="CD39" s="113">
        <v>0</v>
      </c>
      <c r="CE39" s="110">
        <v>0</v>
      </c>
      <c r="CF39" s="114">
        <v>34398</v>
      </c>
      <c r="CG39" s="114">
        <v>109312</v>
      </c>
      <c r="CH39" s="114">
        <v>177975</v>
      </c>
      <c r="CI39" s="114">
        <v>0</v>
      </c>
      <c r="CJ39" s="114">
        <v>0</v>
      </c>
      <c r="CK39" s="113">
        <v>321685</v>
      </c>
      <c r="CL39" s="116">
        <v>321685</v>
      </c>
      <c r="CM39" s="110">
        <v>0</v>
      </c>
      <c r="CN39" s="114">
        <v>0</v>
      </c>
      <c r="CO39" s="113">
        <v>0</v>
      </c>
      <c r="CP39" s="111">
        <v>0</v>
      </c>
      <c r="CQ39" s="114">
        <v>0</v>
      </c>
      <c r="CR39" s="114">
        <v>109312</v>
      </c>
      <c r="CS39" s="114">
        <v>177975</v>
      </c>
      <c r="CT39" s="114">
        <v>0</v>
      </c>
      <c r="CU39" s="114">
        <v>0</v>
      </c>
      <c r="CV39" s="113">
        <v>287287</v>
      </c>
      <c r="CW39" s="116">
        <v>287287</v>
      </c>
      <c r="CX39" s="110">
        <v>0</v>
      </c>
      <c r="CY39" s="114">
        <v>0</v>
      </c>
      <c r="CZ39" s="113">
        <v>0</v>
      </c>
      <c r="DA39" s="110">
        <v>0</v>
      </c>
      <c r="DB39" s="114">
        <v>34398</v>
      </c>
      <c r="DC39" s="114">
        <v>0</v>
      </c>
      <c r="DD39" s="114">
        <v>0</v>
      </c>
      <c r="DE39" s="114">
        <v>0</v>
      </c>
      <c r="DF39" s="114">
        <v>0</v>
      </c>
      <c r="DG39" s="113">
        <v>34398</v>
      </c>
      <c r="DH39" s="116">
        <v>34398</v>
      </c>
      <c r="DI39" s="110">
        <v>0</v>
      </c>
      <c r="DJ39" s="114">
        <v>0</v>
      </c>
      <c r="DK39" s="112">
        <v>0</v>
      </c>
      <c r="DL39" s="111">
        <v>0</v>
      </c>
      <c r="DM39" s="114">
        <v>56749</v>
      </c>
      <c r="DN39" s="114">
        <v>16114</v>
      </c>
      <c r="DO39" s="114">
        <v>0</v>
      </c>
      <c r="DP39" s="114">
        <v>0</v>
      </c>
      <c r="DQ39" s="114">
        <v>0</v>
      </c>
      <c r="DR39" s="113">
        <v>72863</v>
      </c>
      <c r="DS39" s="116">
        <v>72863</v>
      </c>
      <c r="DT39" s="110">
        <v>0</v>
      </c>
      <c r="DU39" s="114">
        <v>0</v>
      </c>
      <c r="DV39" s="113">
        <v>0</v>
      </c>
      <c r="DW39" s="110">
        <v>0</v>
      </c>
      <c r="DX39" s="114">
        <v>0</v>
      </c>
      <c r="DY39" s="114">
        <v>16114</v>
      </c>
      <c r="DZ39" s="114">
        <v>0</v>
      </c>
      <c r="EA39" s="114">
        <v>0</v>
      </c>
      <c r="EB39" s="114">
        <v>0</v>
      </c>
      <c r="EC39" s="113">
        <v>16114</v>
      </c>
      <c r="ED39" s="116">
        <v>16114</v>
      </c>
      <c r="EE39" s="110">
        <v>0</v>
      </c>
      <c r="EF39" s="112">
        <v>0</v>
      </c>
      <c r="EG39" s="113">
        <v>0</v>
      </c>
      <c r="EH39" s="110">
        <v>0</v>
      </c>
      <c r="EI39" s="114">
        <v>56749</v>
      </c>
      <c r="EJ39" s="114">
        <v>0</v>
      </c>
      <c r="EK39" s="114">
        <v>0</v>
      </c>
      <c r="EL39" s="114">
        <v>0</v>
      </c>
      <c r="EM39" s="114">
        <v>0</v>
      </c>
      <c r="EN39" s="112">
        <v>56749</v>
      </c>
      <c r="EO39" s="116">
        <v>56749</v>
      </c>
      <c r="EP39" s="110">
        <v>0</v>
      </c>
      <c r="EQ39" s="114">
        <v>0</v>
      </c>
      <c r="ER39" s="112">
        <v>0</v>
      </c>
      <c r="ES39" s="111">
        <v>0</v>
      </c>
      <c r="ET39" s="114">
        <v>0</v>
      </c>
      <c r="EU39" s="114">
        <v>0</v>
      </c>
      <c r="EV39" s="114">
        <v>0</v>
      </c>
      <c r="EW39" s="114">
        <v>0</v>
      </c>
      <c r="EX39" s="114">
        <v>0</v>
      </c>
      <c r="EY39" s="113">
        <v>0</v>
      </c>
      <c r="EZ39" s="116">
        <v>0</v>
      </c>
      <c r="FA39" s="110">
        <v>0</v>
      </c>
      <c r="FB39" s="114">
        <v>0</v>
      </c>
      <c r="FC39" s="112">
        <v>0</v>
      </c>
      <c r="FD39" s="347"/>
      <c r="FE39" s="114">
        <v>0</v>
      </c>
      <c r="FF39" s="114">
        <v>0</v>
      </c>
      <c r="FG39" s="114">
        <v>0</v>
      </c>
      <c r="FH39" s="114">
        <v>0</v>
      </c>
      <c r="FI39" s="114">
        <v>0</v>
      </c>
      <c r="FJ39" s="113">
        <v>0</v>
      </c>
      <c r="FK39" s="116">
        <v>0</v>
      </c>
      <c r="FL39" s="110">
        <v>0</v>
      </c>
      <c r="FM39" s="114">
        <v>0</v>
      </c>
      <c r="FN39" s="113">
        <v>0</v>
      </c>
      <c r="FO39" s="110">
        <v>0</v>
      </c>
      <c r="FP39" s="114">
        <v>22596</v>
      </c>
      <c r="FQ39" s="114">
        <v>7910</v>
      </c>
      <c r="FR39" s="114">
        <v>17136</v>
      </c>
      <c r="FS39" s="114">
        <v>0</v>
      </c>
      <c r="FT39" s="114">
        <v>0</v>
      </c>
      <c r="FU39" s="113">
        <v>47642</v>
      </c>
      <c r="FV39" s="116">
        <v>47642</v>
      </c>
      <c r="FW39" s="115">
        <v>0</v>
      </c>
      <c r="FX39" s="114">
        <v>0</v>
      </c>
      <c r="FY39" s="112">
        <v>0</v>
      </c>
      <c r="FZ39" s="111">
        <v>0</v>
      </c>
      <c r="GA39" s="114">
        <v>3500</v>
      </c>
      <c r="GB39" s="114">
        <v>7910</v>
      </c>
      <c r="GC39" s="114">
        <v>17136</v>
      </c>
      <c r="GD39" s="114">
        <v>0</v>
      </c>
      <c r="GE39" s="114">
        <v>0</v>
      </c>
      <c r="GF39" s="113">
        <v>28546</v>
      </c>
      <c r="GG39" s="318">
        <v>28546</v>
      </c>
      <c r="GH39" s="115">
        <v>0</v>
      </c>
      <c r="GI39" s="114">
        <v>0</v>
      </c>
      <c r="GJ39" s="112">
        <v>0</v>
      </c>
      <c r="GK39" s="111">
        <v>0</v>
      </c>
      <c r="GL39" s="114">
        <v>19096</v>
      </c>
      <c r="GM39" s="114">
        <v>0</v>
      </c>
      <c r="GN39" s="114">
        <v>0</v>
      </c>
      <c r="GO39" s="114">
        <v>0</v>
      </c>
      <c r="GP39" s="114">
        <v>0</v>
      </c>
      <c r="GQ39" s="113">
        <v>19096</v>
      </c>
      <c r="GR39" s="116">
        <v>19096</v>
      </c>
      <c r="GS39" s="110">
        <v>0</v>
      </c>
      <c r="GT39" s="114">
        <v>0</v>
      </c>
      <c r="GU39" s="113">
        <v>0</v>
      </c>
      <c r="GV39" s="110">
        <v>0</v>
      </c>
      <c r="GW39" s="114">
        <v>0</v>
      </c>
      <c r="GX39" s="114">
        <v>0</v>
      </c>
      <c r="GY39" s="114">
        <v>0</v>
      </c>
      <c r="GZ39" s="114">
        <v>0</v>
      </c>
      <c r="HA39" s="114">
        <v>0</v>
      </c>
      <c r="HB39" s="112">
        <v>0</v>
      </c>
      <c r="HC39" s="116">
        <v>0</v>
      </c>
      <c r="HD39" s="110">
        <v>0</v>
      </c>
      <c r="HE39" s="114">
        <v>0</v>
      </c>
      <c r="HF39" s="112">
        <v>0</v>
      </c>
      <c r="HG39" s="111">
        <v>0</v>
      </c>
      <c r="HH39" s="114">
        <v>0</v>
      </c>
      <c r="HI39" s="114">
        <v>148925</v>
      </c>
      <c r="HJ39" s="114">
        <v>0</v>
      </c>
      <c r="HK39" s="114">
        <v>0</v>
      </c>
      <c r="HL39" s="114">
        <v>0</v>
      </c>
      <c r="HM39" s="113">
        <v>148925</v>
      </c>
      <c r="HN39" s="109">
        <v>148925</v>
      </c>
      <c r="HO39" s="328"/>
      <c r="HP39" s="329"/>
      <c r="HQ39" s="330"/>
      <c r="HR39" s="331"/>
      <c r="HS39" s="329"/>
      <c r="HT39" s="329"/>
      <c r="HU39" s="329"/>
      <c r="HV39" s="329"/>
      <c r="HW39" s="329"/>
      <c r="HX39" s="332"/>
      <c r="HY39" s="333"/>
      <c r="HZ39" s="131">
        <v>0</v>
      </c>
      <c r="IA39" s="132">
        <v>0</v>
      </c>
      <c r="IB39" s="133">
        <v>0</v>
      </c>
      <c r="IC39" s="146">
        <v>0</v>
      </c>
      <c r="ID39" s="132">
        <v>98350</v>
      </c>
      <c r="IE39" s="147">
        <v>158683</v>
      </c>
      <c r="IF39" s="133">
        <v>0</v>
      </c>
      <c r="IG39" s="132">
        <v>0</v>
      </c>
      <c r="IH39" s="133">
        <v>0</v>
      </c>
      <c r="II39" s="148">
        <v>257033</v>
      </c>
      <c r="IJ39" s="139">
        <v>257033</v>
      </c>
      <c r="IK39" s="232">
        <v>0</v>
      </c>
      <c r="IL39" s="236">
        <v>0</v>
      </c>
      <c r="IM39" s="237">
        <v>0</v>
      </c>
      <c r="IN39" s="140"/>
      <c r="IO39" s="119">
        <v>0</v>
      </c>
      <c r="IP39" s="119">
        <v>0</v>
      </c>
      <c r="IQ39" s="119">
        <v>0</v>
      </c>
      <c r="IR39" s="119">
        <v>0</v>
      </c>
      <c r="IS39" s="119">
        <v>0</v>
      </c>
      <c r="IT39" s="141">
        <v>0</v>
      </c>
      <c r="IU39" s="320">
        <v>0</v>
      </c>
      <c r="IV39" s="142">
        <v>0</v>
      </c>
      <c r="IW39" s="119">
        <v>0</v>
      </c>
      <c r="IX39" s="120">
        <v>0</v>
      </c>
      <c r="IY39" s="144"/>
      <c r="IZ39" s="119">
        <v>0</v>
      </c>
      <c r="JA39" s="119">
        <v>0</v>
      </c>
      <c r="JB39" s="119">
        <v>0</v>
      </c>
      <c r="JC39" s="119">
        <v>0</v>
      </c>
      <c r="JD39" s="119">
        <v>0</v>
      </c>
      <c r="JE39" s="120">
        <v>0</v>
      </c>
      <c r="JF39" s="121">
        <v>0</v>
      </c>
      <c r="JG39" s="142">
        <v>0</v>
      </c>
      <c r="JH39" s="119">
        <v>0</v>
      </c>
      <c r="JI39" s="141">
        <v>0</v>
      </c>
      <c r="JJ39" s="118">
        <v>0</v>
      </c>
      <c r="JK39" s="119">
        <v>0</v>
      </c>
      <c r="JL39" s="119">
        <v>0</v>
      </c>
      <c r="JM39" s="119">
        <v>0</v>
      </c>
      <c r="JN39" s="119">
        <v>0</v>
      </c>
      <c r="JO39" s="119">
        <v>0</v>
      </c>
      <c r="JP39" s="120">
        <v>0</v>
      </c>
      <c r="JQ39" s="320">
        <v>0</v>
      </c>
      <c r="JR39" s="142">
        <v>0</v>
      </c>
      <c r="JS39" s="119">
        <v>0</v>
      </c>
      <c r="JT39" s="141">
        <v>0</v>
      </c>
      <c r="JU39" s="118">
        <v>0</v>
      </c>
      <c r="JV39" s="119">
        <v>0</v>
      </c>
      <c r="JW39" s="119">
        <v>0</v>
      </c>
      <c r="JX39" s="119">
        <v>0</v>
      </c>
      <c r="JY39" s="119">
        <v>0</v>
      </c>
      <c r="JZ39" s="119">
        <v>0</v>
      </c>
      <c r="KA39" s="120">
        <v>0</v>
      </c>
      <c r="KB39" s="320">
        <v>0</v>
      </c>
      <c r="KC39" s="234">
        <v>0</v>
      </c>
      <c r="KD39" s="230">
        <v>0</v>
      </c>
      <c r="KE39" s="120">
        <v>0</v>
      </c>
      <c r="KF39" s="118">
        <v>0</v>
      </c>
      <c r="KG39" s="119">
        <v>98350</v>
      </c>
      <c r="KH39" s="119">
        <v>0</v>
      </c>
      <c r="KI39" s="119">
        <v>0</v>
      </c>
      <c r="KJ39" s="119">
        <v>0</v>
      </c>
      <c r="KK39" s="119">
        <v>0</v>
      </c>
      <c r="KL39" s="120">
        <v>98350</v>
      </c>
      <c r="KM39" s="143">
        <v>98350</v>
      </c>
      <c r="KN39" s="232">
        <v>0</v>
      </c>
      <c r="KO39" s="236">
        <v>0</v>
      </c>
      <c r="KP39" s="237">
        <v>0</v>
      </c>
      <c r="KQ39" s="140"/>
      <c r="KR39" s="119">
        <v>0</v>
      </c>
      <c r="KS39" s="119">
        <v>0</v>
      </c>
      <c r="KT39" s="119">
        <v>0</v>
      </c>
      <c r="KU39" s="119">
        <v>0</v>
      </c>
      <c r="KV39" s="119">
        <v>0</v>
      </c>
      <c r="KW39" s="120">
        <v>0</v>
      </c>
      <c r="KX39" s="320">
        <v>0</v>
      </c>
      <c r="KY39" s="142">
        <v>0</v>
      </c>
      <c r="KZ39" s="119">
        <v>0</v>
      </c>
      <c r="LA39" s="120">
        <v>0</v>
      </c>
      <c r="LB39" s="145"/>
      <c r="LC39" s="119">
        <v>0</v>
      </c>
      <c r="LD39" s="119">
        <v>0</v>
      </c>
      <c r="LE39" s="119">
        <v>0</v>
      </c>
      <c r="LF39" s="119">
        <v>0</v>
      </c>
      <c r="LG39" s="119">
        <v>0</v>
      </c>
      <c r="LH39" s="120">
        <v>0</v>
      </c>
      <c r="LI39" s="121">
        <v>0</v>
      </c>
      <c r="LJ39" s="142">
        <v>0</v>
      </c>
      <c r="LK39" s="119">
        <v>0</v>
      </c>
      <c r="LL39" s="120">
        <v>0</v>
      </c>
      <c r="LM39" s="145"/>
      <c r="LN39" s="119">
        <v>0</v>
      </c>
      <c r="LO39" s="119">
        <v>0</v>
      </c>
      <c r="LP39" s="119">
        <v>0</v>
      </c>
      <c r="LQ39" s="119">
        <v>0</v>
      </c>
      <c r="LR39" s="119">
        <v>0</v>
      </c>
      <c r="LS39" s="120">
        <v>0</v>
      </c>
      <c r="LT39" s="320">
        <v>0</v>
      </c>
      <c r="LU39" s="142">
        <v>0</v>
      </c>
      <c r="LV39" s="119">
        <v>0</v>
      </c>
      <c r="LW39" s="120">
        <v>0</v>
      </c>
      <c r="LX39" s="145"/>
      <c r="LY39" s="119">
        <v>0</v>
      </c>
      <c r="LZ39" s="119">
        <v>158683</v>
      </c>
      <c r="MA39" s="119">
        <v>0</v>
      </c>
      <c r="MB39" s="119">
        <v>0</v>
      </c>
      <c r="MC39" s="119">
        <v>0</v>
      </c>
      <c r="MD39" s="120">
        <v>158683</v>
      </c>
      <c r="ME39" s="121">
        <v>158683</v>
      </c>
      <c r="MF39" s="142">
        <v>0</v>
      </c>
      <c r="MG39" s="119">
        <v>0</v>
      </c>
      <c r="MH39" s="120">
        <v>0</v>
      </c>
      <c r="MI39" s="145"/>
      <c r="MJ39" s="119">
        <v>0</v>
      </c>
      <c r="MK39" s="119">
        <v>223286</v>
      </c>
      <c r="ML39" s="119">
        <v>0</v>
      </c>
      <c r="MM39" s="119">
        <v>0</v>
      </c>
      <c r="MN39" s="119">
        <v>0</v>
      </c>
      <c r="MO39" s="120">
        <v>223286</v>
      </c>
      <c r="MP39" s="143">
        <v>223286</v>
      </c>
      <c r="MQ39" s="142">
        <v>0</v>
      </c>
      <c r="MR39" s="119">
        <v>0</v>
      </c>
      <c r="MS39" s="120">
        <v>0</v>
      </c>
      <c r="MT39" s="145"/>
      <c r="MU39" s="119">
        <v>0</v>
      </c>
      <c r="MV39" s="119">
        <v>0</v>
      </c>
      <c r="MW39" s="119">
        <v>0</v>
      </c>
      <c r="MX39" s="119">
        <v>0</v>
      </c>
      <c r="MY39" s="119">
        <v>0</v>
      </c>
      <c r="MZ39" s="120">
        <v>0</v>
      </c>
      <c r="NA39" s="143">
        <v>0</v>
      </c>
      <c r="NB39" s="142">
        <v>0</v>
      </c>
      <c r="NC39" s="119">
        <v>0</v>
      </c>
      <c r="ND39" s="120">
        <v>0</v>
      </c>
      <c r="NE39" s="145"/>
      <c r="NF39" s="119">
        <v>0</v>
      </c>
      <c r="NG39" s="119">
        <v>223286</v>
      </c>
      <c r="NH39" s="119">
        <v>0</v>
      </c>
      <c r="NI39" s="119">
        <v>0</v>
      </c>
      <c r="NJ39" s="119">
        <v>0</v>
      </c>
      <c r="NK39" s="120">
        <v>223286</v>
      </c>
      <c r="NL39" s="320">
        <v>223286</v>
      </c>
      <c r="NM39" s="142">
        <v>0</v>
      </c>
      <c r="NN39" s="119">
        <v>0</v>
      </c>
      <c r="NO39" s="120">
        <v>0</v>
      </c>
      <c r="NP39" s="145"/>
      <c r="NQ39" s="119">
        <v>0</v>
      </c>
      <c r="NR39" s="119">
        <v>0</v>
      </c>
      <c r="NS39" s="119">
        <v>0</v>
      </c>
      <c r="NT39" s="119">
        <v>0</v>
      </c>
      <c r="NU39" s="119">
        <v>0</v>
      </c>
      <c r="NV39" s="120">
        <v>0</v>
      </c>
      <c r="NW39" s="121">
        <v>0</v>
      </c>
      <c r="NX39" s="142">
        <v>0</v>
      </c>
      <c r="NY39" s="119">
        <v>0</v>
      </c>
      <c r="NZ39" s="120">
        <v>0</v>
      </c>
      <c r="OA39" s="145"/>
      <c r="OB39" s="119">
        <v>0</v>
      </c>
      <c r="OC39" s="119">
        <v>0</v>
      </c>
      <c r="OD39" s="119">
        <v>0</v>
      </c>
      <c r="OE39" s="119">
        <v>0</v>
      </c>
      <c r="OF39" s="119">
        <v>0</v>
      </c>
      <c r="OG39" s="120">
        <v>0</v>
      </c>
      <c r="OH39" s="121">
        <v>0</v>
      </c>
      <c r="OI39" s="142">
        <v>0</v>
      </c>
      <c r="OJ39" s="119">
        <v>0</v>
      </c>
      <c r="OK39" s="141">
        <v>0</v>
      </c>
      <c r="OL39" s="118">
        <v>0</v>
      </c>
      <c r="OM39" s="119">
        <v>243306</v>
      </c>
      <c r="ON39" s="119">
        <v>680974</v>
      </c>
      <c r="OO39" s="119">
        <v>228732</v>
      </c>
      <c r="OP39" s="119">
        <v>0</v>
      </c>
      <c r="OQ39" s="119">
        <v>0</v>
      </c>
      <c r="OR39" s="120">
        <v>1153012</v>
      </c>
      <c r="OS39" s="143">
        <v>1153012</v>
      </c>
    </row>
    <row r="40" spans="2:409" ht="21" customHeight="1" x14ac:dyDescent="0.2">
      <c r="B40" s="126" t="s">
        <v>35</v>
      </c>
      <c r="C40" s="110">
        <v>261440</v>
      </c>
      <c r="D40" s="114">
        <v>175973</v>
      </c>
      <c r="E40" s="113">
        <v>437413</v>
      </c>
      <c r="F40" s="109">
        <v>0</v>
      </c>
      <c r="G40" s="114">
        <v>1021845</v>
      </c>
      <c r="H40" s="114">
        <v>878549</v>
      </c>
      <c r="I40" s="114">
        <v>896900</v>
      </c>
      <c r="J40" s="114">
        <v>1667528</v>
      </c>
      <c r="K40" s="114">
        <v>0</v>
      </c>
      <c r="L40" s="173">
        <v>4464822</v>
      </c>
      <c r="M40" s="116">
        <v>4902235</v>
      </c>
      <c r="N40" s="110">
        <v>36624</v>
      </c>
      <c r="O40" s="114">
        <v>98224</v>
      </c>
      <c r="P40" s="113">
        <v>134848</v>
      </c>
      <c r="Q40" s="110">
        <v>0</v>
      </c>
      <c r="R40" s="114">
        <v>305115</v>
      </c>
      <c r="S40" s="114">
        <v>217831</v>
      </c>
      <c r="T40" s="114">
        <v>108738</v>
      </c>
      <c r="U40" s="114">
        <v>484803</v>
      </c>
      <c r="V40" s="114">
        <v>0</v>
      </c>
      <c r="W40" s="113">
        <v>1116487</v>
      </c>
      <c r="X40" s="116">
        <v>1251335</v>
      </c>
      <c r="Y40" s="110">
        <v>0</v>
      </c>
      <c r="Z40" s="114">
        <v>0</v>
      </c>
      <c r="AA40" s="113">
        <v>0</v>
      </c>
      <c r="AB40" s="110">
        <v>0</v>
      </c>
      <c r="AC40" s="114">
        <v>151077</v>
      </c>
      <c r="AD40" s="114">
        <v>100049</v>
      </c>
      <c r="AE40" s="114">
        <v>50225</v>
      </c>
      <c r="AF40" s="114">
        <v>220294</v>
      </c>
      <c r="AG40" s="114">
        <v>0</v>
      </c>
      <c r="AH40" s="113">
        <v>521645</v>
      </c>
      <c r="AI40" s="116">
        <v>521645</v>
      </c>
      <c r="AJ40" s="110">
        <v>0</v>
      </c>
      <c r="AK40" s="114">
        <v>0</v>
      </c>
      <c r="AL40" s="113">
        <v>0</v>
      </c>
      <c r="AM40" s="110">
        <v>0</v>
      </c>
      <c r="AN40" s="114">
        <v>0</v>
      </c>
      <c r="AO40" s="114">
        <v>0</v>
      </c>
      <c r="AP40" s="114">
        <v>0</v>
      </c>
      <c r="AQ40" s="114">
        <v>0</v>
      </c>
      <c r="AR40" s="114">
        <v>0</v>
      </c>
      <c r="AS40" s="113">
        <v>0</v>
      </c>
      <c r="AT40" s="116">
        <v>0</v>
      </c>
      <c r="AU40" s="110">
        <v>0</v>
      </c>
      <c r="AV40" s="114">
        <v>98224</v>
      </c>
      <c r="AW40" s="113">
        <v>98224</v>
      </c>
      <c r="AX40" s="110">
        <v>0</v>
      </c>
      <c r="AY40" s="114">
        <v>80496</v>
      </c>
      <c r="AZ40" s="114">
        <v>82390</v>
      </c>
      <c r="BA40" s="114">
        <v>11144</v>
      </c>
      <c r="BB40" s="114">
        <v>184205</v>
      </c>
      <c r="BC40" s="114">
        <v>0</v>
      </c>
      <c r="BD40" s="113">
        <v>358235</v>
      </c>
      <c r="BE40" s="116">
        <v>456459</v>
      </c>
      <c r="BF40" s="110">
        <v>0</v>
      </c>
      <c r="BG40" s="114">
        <v>0</v>
      </c>
      <c r="BH40" s="112">
        <v>0</v>
      </c>
      <c r="BI40" s="111">
        <v>0</v>
      </c>
      <c r="BJ40" s="114">
        <v>43568</v>
      </c>
      <c r="BK40" s="114">
        <v>0</v>
      </c>
      <c r="BL40" s="114">
        <v>0</v>
      </c>
      <c r="BM40" s="114">
        <v>0</v>
      </c>
      <c r="BN40" s="114">
        <v>0</v>
      </c>
      <c r="BO40" s="113">
        <v>43568</v>
      </c>
      <c r="BP40" s="116">
        <v>43568</v>
      </c>
      <c r="BQ40" s="110">
        <v>36624</v>
      </c>
      <c r="BR40" s="114">
        <v>0</v>
      </c>
      <c r="BS40" s="113">
        <v>36624</v>
      </c>
      <c r="BT40" s="110">
        <v>0</v>
      </c>
      <c r="BU40" s="114">
        <v>29974</v>
      </c>
      <c r="BV40" s="114">
        <v>35392</v>
      </c>
      <c r="BW40" s="114">
        <v>47369</v>
      </c>
      <c r="BX40" s="114">
        <v>80304</v>
      </c>
      <c r="BY40" s="114">
        <v>0</v>
      </c>
      <c r="BZ40" s="113">
        <v>193039</v>
      </c>
      <c r="CA40" s="116">
        <v>229663</v>
      </c>
      <c r="CB40" s="110">
        <v>19047</v>
      </c>
      <c r="CC40" s="114">
        <v>66199</v>
      </c>
      <c r="CD40" s="113">
        <v>85246</v>
      </c>
      <c r="CE40" s="110">
        <v>0</v>
      </c>
      <c r="CF40" s="114">
        <v>258713</v>
      </c>
      <c r="CG40" s="114">
        <v>222264</v>
      </c>
      <c r="CH40" s="114">
        <v>22638</v>
      </c>
      <c r="CI40" s="114">
        <v>195729</v>
      </c>
      <c r="CJ40" s="114">
        <v>0</v>
      </c>
      <c r="CK40" s="113">
        <v>699344</v>
      </c>
      <c r="CL40" s="116">
        <v>784590</v>
      </c>
      <c r="CM40" s="110">
        <v>0</v>
      </c>
      <c r="CN40" s="114">
        <v>0</v>
      </c>
      <c r="CO40" s="113">
        <v>0</v>
      </c>
      <c r="CP40" s="111">
        <v>0</v>
      </c>
      <c r="CQ40" s="114">
        <v>242816</v>
      </c>
      <c r="CR40" s="114">
        <v>123228</v>
      </c>
      <c r="CS40" s="114">
        <v>22638</v>
      </c>
      <c r="CT40" s="114">
        <v>88074</v>
      </c>
      <c r="CU40" s="114">
        <v>0</v>
      </c>
      <c r="CV40" s="113">
        <v>476756</v>
      </c>
      <c r="CW40" s="116">
        <v>476756</v>
      </c>
      <c r="CX40" s="110">
        <v>19047</v>
      </c>
      <c r="CY40" s="114">
        <v>66199</v>
      </c>
      <c r="CZ40" s="113">
        <v>85246</v>
      </c>
      <c r="DA40" s="110">
        <v>0</v>
      </c>
      <c r="DB40" s="114">
        <v>15897</v>
      </c>
      <c r="DC40" s="114">
        <v>99036</v>
      </c>
      <c r="DD40" s="114">
        <v>0</v>
      </c>
      <c r="DE40" s="114">
        <v>107655</v>
      </c>
      <c r="DF40" s="114">
        <v>0</v>
      </c>
      <c r="DG40" s="113">
        <v>222588</v>
      </c>
      <c r="DH40" s="116">
        <v>307834</v>
      </c>
      <c r="DI40" s="110">
        <v>0</v>
      </c>
      <c r="DJ40" s="114">
        <v>0</v>
      </c>
      <c r="DK40" s="112">
        <v>0</v>
      </c>
      <c r="DL40" s="111">
        <v>0</v>
      </c>
      <c r="DM40" s="114">
        <v>13181</v>
      </c>
      <c r="DN40" s="114">
        <v>0</v>
      </c>
      <c r="DO40" s="114">
        <v>0</v>
      </c>
      <c r="DP40" s="114">
        <v>160972</v>
      </c>
      <c r="DQ40" s="114">
        <v>0</v>
      </c>
      <c r="DR40" s="113">
        <v>174153</v>
      </c>
      <c r="DS40" s="116">
        <v>174153</v>
      </c>
      <c r="DT40" s="110">
        <v>0</v>
      </c>
      <c r="DU40" s="114">
        <v>0</v>
      </c>
      <c r="DV40" s="113">
        <v>0</v>
      </c>
      <c r="DW40" s="110">
        <v>0</v>
      </c>
      <c r="DX40" s="114">
        <v>13181</v>
      </c>
      <c r="DY40" s="114">
        <v>0</v>
      </c>
      <c r="DZ40" s="114">
        <v>0</v>
      </c>
      <c r="EA40" s="114">
        <v>160972</v>
      </c>
      <c r="EB40" s="114">
        <v>0</v>
      </c>
      <c r="EC40" s="113">
        <v>174153</v>
      </c>
      <c r="ED40" s="116">
        <v>174153</v>
      </c>
      <c r="EE40" s="110">
        <v>0</v>
      </c>
      <c r="EF40" s="112">
        <v>0</v>
      </c>
      <c r="EG40" s="113">
        <v>0</v>
      </c>
      <c r="EH40" s="110">
        <v>0</v>
      </c>
      <c r="EI40" s="114">
        <v>0</v>
      </c>
      <c r="EJ40" s="114">
        <v>0</v>
      </c>
      <c r="EK40" s="114">
        <v>0</v>
      </c>
      <c r="EL40" s="114">
        <v>0</v>
      </c>
      <c r="EM40" s="114">
        <v>0</v>
      </c>
      <c r="EN40" s="112">
        <v>0</v>
      </c>
      <c r="EO40" s="116">
        <v>0</v>
      </c>
      <c r="EP40" s="110">
        <v>0</v>
      </c>
      <c r="EQ40" s="114">
        <v>0</v>
      </c>
      <c r="ER40" s="112">
        <v>0</v>
      </c>
      <c r="ES40" s="111">
        <v>0</v>
      </c>
      <c r="ET40" s="114">
        <v>0</v>
      </c>
      <c r="EU40" s="114">
        <v>0</v>
      </c>
      <c r="EV40" s="114">
        <v>0</v>
      </c>
      <c r="EW40" s="114">
        <v>0</v>
      </c>
      <c r="EX40" s="114">
        <v>0</v>
      </c>
      <c r="EY40" s="113">
        <v>0</v>
      </c>
      <c r="EZ40" s="116">
        <v>0</v>
      </c>
      <c r="FA40" s="110">
        <v>0</v>
      </c>
      <c r="FB40" s="114">
        <v>0</v>
      </c>
      <c r="FC40" s="112">
        <v>0</v>
      </c>
      <c r="FD40" s="347"/>
      <c r="FE40" s="114">
        <v>0</v>
      </c>
      <c r="FF40" s="114">
        <v>0</v>
      </c>
      <c r="FG40" s="114">
        <v>0</v>
      </c>
      <c r="FH40" s="114">
        <v>0</v>
      </c>
      <c r="FI40" s="114">
        <v>0</v>
      </c>
      <c r="FJ40" s="113">
        <v>0</v>
      </c>
      <c r="FK40" s="116">
        <v>0</v>
      </c>
      <c r="FL40" s="110">
        <v>62930</v>
      </c>
      <c r="FM40" s="114">
        <v>11550</v>
      </c>
      <c r="FN40" s="113">
        <v>74480</v>
      </c>
      <c r="FO40" s="110">
        <v>0</v>
      </c>
      <c r="FP40" s="114">
        <v>33320</v>
      </c>
      <c r="FQ40" s="114">
        <v>79800</v>
      </c>
      <c r="FR40" s="114">
        <v>82250</v>
      </c>
      <c r="FS40" s="114">
        <v>78260</v>
      </c>
      <c r="FT40" s="114">
        <v>0</v>
      </c>
      <c r="FU40" s="113">
        <v>273630</v>
      </c>
      <c r="FV40" s="116">
        <v>348110</v>
      </c>
      <c r="FW40" s="115">
        <v>5950</v>
      </c>
      <c r="FX40" s="114">
        <v>11550</v>
      </c>
      <c r="FY40" s="112">
        <v>17500</v>
      </c>
      <c r="FZ40" s="111">
        <v>0</v>
      </c>
      <c r="GA40" s="114">
        <v>33320</v>
      </c>
      <c r="GB40" s="114">
        <v>79800</v>
      </c>
      <c r="GC40" s="114">
        <v>82250</v>
      </c>
      <c r="GD40" s="114">
        <v>78260</v>
      </c>
      <c r="GE40" s="114">
        <v>0</v>
      </c>
      <c r="GF40" s="113">
        <v>273630</v>
      </c>
      <c r="GG40" s="318">
        <v>291130</v>
      </c>
      <c r="GH40" s="115">
        <v>0</v>
      </c>
      <c r="GI40" s="114">
        <v>0</v>
      </c>
      <c r="GJ40" s="112">
        <v>0</v>
      </c>
      <c r="GK40" s="111">
        <v>0</v>
      </c>
      <c r="GL40" s="114">
        <v>0</v>
      </c>
      <c r="GM40" s="114">
        <v>0</v>
      </c>
      <c r="GN40" s="114">
        <v>0</v>
      </c>
      <c r="GO40" s="114">
        <v>0</v>
      </c>
      <c r="GP40" s="114">
        <v>0</v>
      </c>
      <c r="GQ40" s="113">
        <v>0</v>
      </c>
      <c r="GR40" s="116">
        <v>0</v>
      </c>
      <c r="GS40" s="110">
        <v>56980</v>
      </c>
      <c r="GT40" s="114">
        <v>0</v>
      </c>
      <c r="GU40" s="113">
        <v>56980</v>
      </c>
      <c r="GV40" s="110">
        <v>0</v>
      </c>
      <c r="GW40" s="114">
        <v>0</v>
      </c>
      <c r="GX40" s="114">
        <v>0</v>
      </c>
      <c r="GY40" s="114">
        <v>0</v>
      </c>
      <c r="GZ40" s="114">
        <v>0</v>
      </c>
      <c r="HA40" s="114">
        <v>0</v>
      </c>
      <c r="HB40" s="112">
        <v>0</v>
      </c>
      <c r="HC40" s="116">
        <v>56980</v>
      </c>
      <c r="HD40" s="110">
        <v>142839</v>
      </c>
      <c r="HE40" s="114">
        <v>0</v>
      </c>
      <c r="HF40" s="112">
        <v>142839</v>
      </c>
      <c r="HG40" s="111">
        <v>0</v>
      </c>
      <c r="HH40" s="114">
        <v>411516</v>
      </c>
      <c r="HI40" s="114">
        <v>358654</v>
      </c>
      <c r="HJ40" s="114">
        <v>683274</v>
      </c>
      <c r="HK40" s="114">
        <v>747764</v>
      </c>
      <c r="HL40" s="114">
        <v>0</v>
      </c>
      <c r="HM40" s="113">
        <v>2201208</v>
      </c>
      <c r="HN40" s="109">
        <v>2344047</v>
      </c>
      <c r="HO40" s="328"/>
      <c r="HP40" s="329"/>
      <c r="HQ40" s="330"/>
      <c r="HR40" s="331"/>
      <c r="HS40" s="329"/>
      <c r="HT40" s="329"/>
      <c r="HU40" s="329"/>
      <c r="HV40" s="329"/>
      <c r="HW40" s="329"/>
      <c r="HX40" s="332"/>
      <c r="HY40" s="333"/>
      <c r="HZ40" s="150">
        <v>0</v>
      </c>
      <c r="IA40" s="135">
        <v>0</v>
      </c>
      <c r="IB40" s="150">
        <v>0</v>
      </c>
      <c r="IC40" s="146">
        <v>0</v>
      </c>
      <c r="ID40" s="132">
        <v>47208</v>
      </c>
      <c r="IE40" s="147">
        <v>83624</v>
      </c>
      <c r="IF40" s="133">
        <v>0</v>
      </c>
      <c r="IG40" s="132">
        <v>297402</v>
      </c>
      <c r="IH40" s="133">
        <v>0</v>
      </c>
      <c r="II40" s="148">
        <v>428234</v>
      </c>
      <c r="IJ40" s="150">
        <v>428234</v>
      </c>
      <c r="IK40" s="232">
        <v>0</v>
      </c>
      <c r="IL40" s="236">
        <v>0</v>
      </c>
      <c r="IM40" s="237">
        <v>0</v>
      </c>
      <c r="IN40" s="140"/>
      <c r="IO40" s="119">
        <v>0</v>
      </c>
      <c r="IP40" s="119">
        <v>0</v>
      </c>
      <c r="IQ40" s="119">
        <v>0</v>
      </c>
      <c r="IR40" s="119">
        <v>0</v>
      </c>
      <c r="IS40" s="119">
        <v>0</v>
      </c>
      <c r="IT40" s="141">
        <v>0</v>
      </c>
      <c r="IU40" s="320">
        <v>0</v>
      </c>
      <c r="IV40" s="142">
        <v>0</v>
      </c>
      <c r="IW40" s="119">
        <v>0</v>
      </c>
      <c r="IX40" s="120">
        <v>0</v>
      </c>
      <c r="IY40" s="144"/>
      <c r="IZ40" s="119">
        <v>0</v>
      </c>
      <c r="JA40" s="119">
        <v>0</v>
      </c>
      <c r="JB40" s="119">
        <v>0</v>
      </c>
      <c r="JC40" s="119">
        <v>0</v>
      </c>
      <c r="JD40" s="119">
        <v>0</v>
      </c>
      <c r="JE40" s="120">
        <v>0</v>
      </c>
      <c r="JF40" s="121">
        <v>0</v>
      </c>
      <c r="JG40" s="142">
        <v>0</v>
      </c>
      <c r="JH40" s="119">
        <v>0</v>
      </c>
      <c r="JI40" s="141">
        <v>0</v>
      </c>
      <c r="JJ40" s="118">
        <v>0</v>
      </c>
      <c r="JK40" s="119">
        <v>47208</v>
      </c>
      <c r="JL40" s="119">
        <v>83624</v>
      </c>
      <c r="JM40" s="119">
        <v>0</v>
      </c>
      <c r="JN40" s="119">
        <v>0</v>
      </c>
      <c r="JO40" s="119">
        <v>0</v>
      </c>
      <c r="JP40" s="120">
        <v>130832</v>
      </c>
      <c r="JQ40" s="320">
        <v>130832</v>
      </c>
      <c r="JR40" s="142">
        <v>0</v>
      </c>
      <c r="JS40" s="119">
        <v>0</v>
      </c>
      <c r="JT40" s="141">
        <v>0</v>
      </c>
      <c r="JU40" s="118">
        <v>0</v>
      </c>
      <c r="JV40" s="119">
        <v>0</v>
      </c>
      <c r="JW40" s="119">
        <v>0</v>
      </c>
      <c r="JX40" s="119">
        <v>0</v>
      </c>
      <c r="JY40" s="119">
        <v>0</v>
      </c>
      <c r="JZ40" s="119">
        <v>0</v>
      </c>
      <c r="KA40" s="120">
        <v>0</v>
      </c>
      <c r="KB40" s="320">
        <v>0</v>
      </c>
      <c r="KC40" s="234">
        <v>0</v>
      </c>
      <c r="KD40" s="230">
        <v>0</v>
      </c>
      <c r="KE40" s="120">
        <v>0</v>
      </c>
      <c r="KF40" s="118">
        <v>0</v>
      </c>
      <c r="KG40" s="119">
        <v>0</v>
      </c>
      <c r="KH40" s="119">
        <v>0</v>
      </c>
      <c r="KI40" s="119">
        <v>0</v>
      </c>
      <c r="KJ40" s="119">
        <v>79660</v>
      </c>
      <c r="KK40" s="119">
        <v>0</v>
      </c>
      <c r="KL40" s="120">
        <v>79660</v>
      </c>
      <c r="KM40" s="143">
        <v>79660</v>
      </c>
      <c r="KN40" s="232">
        <v>0</v>
      </c>
      <c r="KO40" s="236">
        <v>0</v>
      </c>
      <c r="KP40" s="237">
        <v>0</v>
      </c>
      <c r="KQ40" s="140"/>
      <c r="KR40" s="119">
        <v>0</v>
      </c>
      <c r="KS40" s="119">
        <v>0</v>
      </c>
      <c r="KT40" s="119">
        <v>0</v>
      </c>
      <c r="KU40" s="119">
        <v>217742</v>
      </c>
      <c r="KV40" s="119">
        <v>0</v>
      </c>
      <c r="KW40" s="120">
        <v>217742</v>
      </c>
      <c r="KX40" s="320">
        <v>217742</v>
      </c>
      <c r="KY40" s="142">
        <v>0</v>
      </c>
      <c r="KZ40" s="119">
        <v>0</v>
      </c>
      <c r="LA40" s="120">
        <v>0</v>
      </c>
      <c r="LB40" s="145"/>
      <c r="LC40" s="119">
        <v>0</v>
      </c>
      <c r="LD40" s="119">
        <v>0</v>
      </c>
      <c r="LE40" s="119">
        <v>0</v>
      </c>
      <c r="LF40" s="119">
        <v>0</v>
      </c>
      <c r="LG40" s="119">
        <v>0</v>
      </c>
      <c r="LH40" s="120">
        <v>0</v>
      </c>
      <c r="LI40" s="121">
        <v>0</v>
      </c>
      <c r="LJ40" s="142">
        <v>0</v>
      </c>
      <c r="LK40" s="119">
        <v>0</v>
      </c>
      <c r="LL40" s="120">
        <v>0</v>
      </c>
      <c r="LM40" s="145"/>
      <c r="LN40" s="119">
        <v>0</v>
      </c>
      <c r="LO40" s="119">
        <v>0</v>
      </c>
      <c r="LP40" s="119">
        <v>0</v>
      </c>
      <c r="LQ40" s="119">
        <v>0</v>
      </c>
      <c r="LR40" s="119">
        <v>0</v>
      </c>
      <c r="LS40" s="120">
        <v>0</v>
      </c>
      <c r="LT40" s="320">
        <v>0</v>
      </c>
      <c r="LU40" s="142">
        <v>0</v>
      </c>
      <c r="LV40" s="119">
        <v>0</v>
      </c>
      <c r="LW40" s="120">
        <v>0</v>
      </c>
      <c r="LX40" s="145"/>
      <c r="LY40" s="119">
        <v>0</v>
      </c>
      <c r="LZ40" s="119">
        <v>0</v>
      </c>
      <c r="MA40" s="119">
        <v>0</v>
      </c>
      <c r="MB40" s="119">
        <v>0</v>
      </c>
      <c r="MC40" s="119">
        <v>0</v>
      </c>
      <c r="MD40" s="120">
        <v>0</v>
      </c>
      <c r="ME40" s="121">
        <v>0</v>
      </c>
      <c r="MF40" s="142">
        <v>0</v>
      </c>
      <c r="MG40" s="119">
        <v>0</v>
      </c>
      <c r="MH40" s="120">
        <v>0</v>
      </c>
      <c r="MI40" s="145"/>
      <c r="MJ40" s="119">
        <v>0</v>
      </c>
      <c r="MK40" s="119">
        <v>0</v>
      </c>
      <c r="ML40" s="119">
        <v>0</v>
      </c>
      <c r="MM40" s="119">
        <v>439397</v>
      </c>
      <c r="MN40" s="119">
        <v>0</v>
      </c>
      <c r="MO40" s="120">
        <v>439397</v>
      </c>
      <c r="MP40" s="143">
        <v>439397</v>
      </c>
      <c r="MQ40" s="142">
        <v>0</v>
      </c>
      <c r="MR40" s="119">
        <v>0</v>
      </c>
      <c r="MS40" s="120">
        <v>0</v>
      </c>
      <c r="MT40" s="145"/>
      <c r="MU40" s="119">
        <v>0</v>
      </c>
      <c r="MV40" s="119">
        <v>0</v>
      </c>
      <c r="MW40" s="119">
        <v>0</v>
      </c>
      <c r="MX40" s="119">
        <v>439397</v>
      </c>
      <c r="MY40" s="119">
        <v>0</v>
      </c>
      <c r="MZ40" s="120">
        <v>439397</v>
      </c>
      <c r="NA40" s="143">
        <v>439397</v>
      </c>
      <c r="NB40" s="142">
        <v>0</v>
      </c>
      <c r="NC40" s="119">
        <v>0</v>
      </c>
      <c r="ND40" s="120">
        <v>0</v>
      </c>
      <c r="NE40" s="145"/>
      <c r="NF40" s="119">
        <v>0</v>
      </c>
      <c r="NG40" s="119">
        <v>0</v>
      </c>
      <c r="NH40" s="119">
        <v>0</v>
      </c>
      <c r="NI40" s="119">
        <v>0</v>
      </c>
      <c r="NJ40" s="119">
        <v>0</v>
      </c>
      <c r="NK40" s="120">
        <v>0</v>
      </c>
      <c r="NL40" s="320">
        <v>0</v>
      </c>
      <c r="NM40" s="142">
        <v>0</v>
      </c>
      <c r="NN40" s="119">
        <v>0</v>
      </c>
      <c r="NO40" s="120">
        <v>0</v>
      </c>
      <c r="NP40" s="145"/>
      <c r="NQ40" s="119">
        <v>0</v>
      </c>
      <c r="NR40" s="119">
        <v>0</v>
      </c>
      <c r="NS40" s="119">
        <v>0</v>
      </c>
      <c r="NT40" s="119">
        <v>0</v>
      </c>
      <c r="NU40" s="119">
        <v>0</v>
      </c>
      <c r="NV40" s="120">
        <v>0</v>
      </c>
      <c r="NW40" s="121">
        <v>0</v>
      </c>
      <c r="NX40" s="142">
        <v>0</v>
      </c>
      <c r="NY40" s="119">
        <v>0</v>
      </c>
      <c r="NZ40" s="120">
        <v>0</v>
      </c>
      <c r="OA40" s="145"/>
      <c r="OB40" s="119">
        <v>0</v>
      </c>
      <c r="OC40" s="119">
        <v>0</v>
      </c>
      <c r="OD40" s="119">
        <v>0</v>
      </c>
      <c r="OE40" s="119">
        <v>0</v>
      </c>
      <c r="OF40" s="119">
        <v>0</v>
      </c>
      <c r="OG40" s="120">
        <v>0</v>
      </c>
      <c r="OH40" s="121">
        <v>0</v>
      </c>
      <c r="OI40" s="142">
        <v>261440</v>
      </c>
      <c r="OJ40" s="119">
        <v>175973</v>
      </c>
      <c r="OK40" s="141">
        <v>437413</v>
      </c>
      <c r="OL40" s="118">
        <v>0</v>
      </c>
      <c r="OM40" s="119">
        <v>1069053</v>
      </c>
      <c r="ON40" s="119">
        <v>962173</v>
      </c>
      <c r="OO40" s="119">
        <v>896900</v>
      </c>
      <c r="OP40" s="119">
        <v>2404327</v>
      </c>
      <c r="OQ40" s="119">
        <v>0</v>
      </c>
      <c r="OR40" s="120">
        <v>5332453</v>
      </c>
      <c r="OS40" s="143">
        <v>5769866</v>
      </c>
    </row>
    <row r="41" spans="2:409" ht="21" customHeight="1" x14ac:dyDescent="0.2">
      <c r="B41" s="126" t="s">
        <v>36</v>
      </c>
      <c r="C41" s="110">
        <v>71083</v>
      </c>
      <c r="D41" s="114">
        <v>52822</v>
      </c>
      <c r="E41" s="113">
        <v>123905</v>
      </c>
      <c r="F41" s="109">
        <v>0</v>
      </c>
      <c r="G41" s="114">
        <v>284463</v>
      </c>
      <c r="H41" s="114">
        <v>575191</v>
      </c>
      <c r="I41" s="114">
        <v>842359</v>
      </c>
      <c r="J41" s="114">
        <v>326177</v>
      </c>
      <c r="K41" s="114">
        <v>90580</v>
      </c>
      <c r="L41" s="173">
        <v>2118770</v>
      </c>
      <c r="M41" s="116">
        <v>2242675</v>
      </c>
      <c r="N41" s="110">
        <v>71083</v>
      </c>
      <c r="O41" s="114">
        <v>51422</v>
      </c>
      <c r="P41" s="113">
        <v>122505</v>
      </c>
      <c r="Q41" s="110">
        <v>0</v>
      </c>
      <c r="R41" s="114">
        <v>139889</v>
      </c>
      <c r="S41" s="114">
        <v>108181</v>
      </c>
      <c r="T41" s="114">
        <v>57247</v>
      </c>
      <c r="U41" s="114">
        <v>45956</v>
      </c>
      <c r="V41" s="114">
        <v>0</v>
      </c>
      <c r="W41" s="113">
        <v>351273</v>
      </c>
      <c r="X41" s="116">
        <v>473778</v>
      </c>
      <c r="Y41" s="110">
        <v>0</v>
      </c>
      <c r="Z41" s="114">
        <v>0</v>
      </c>
      <c r="AA41" s="113">
        <v>0</v>
      </c>
      <c r="AB41" s="110">
        <v>0</v>
      </c>
      <c r="AC41" s="114">
        <v>51965</v>
      </c>
      <c r="AD41" s="114">
        <v>0</v>
      </c>
      <c r="AE41" s="114">
        <v>0</v>
      </c>
      <c r="AF41" s="114">
        <v>6875</v>
      </c>
      <c r="AG41" s="114">
        <v>0</v>
      </c>
      <c r="AH41" s="113">
        <v>58840</v>
      </c>
      <c r="AI41" s="116">
        <v>58840</v>
      </c>
      <c r="AJ41" s="110">
        <v>0</v>
      </c>
      <c r="AK41" s="114">
        <v>0</v>
      </c>
      <c r="AL41" s="113">
        <v>0</v>
      </c>
      <c r="AM41" s="110">
        <v>0</v>
      </c>
      <c r="AN41" s="114">
        <v>0</v>
      </c>
      <c r="AO41" s="114">
        <v>0</v>
      </c>
      <c r="AP41" s="114">
        <v>0</v>
      </c>
      <c r="AQ41" s="114">
        <v>0</v>
      </c>
      <c r="AR41" s="114">
        <v>0</v>
      </c>
      <c r="AS41" s="113">
        <v>0</v>
      </c>
      <c r="AT41" s="116">
        <v>0</v>
      </c>
      <c r="AU41" s="110">
        <v>71083</v>
      </c>
      <c r="AV41" s="114">
        <v>51422</v>
      </c>
      <c r="AW41" s="113">
        <v>122505</v>
      </c>
      <c r="AX41" s="110">
        <v>0</v>
      </c>
      <c r="AY41" s="114">
        <v>40504</v>
      </c>
      <c r="AZ41" s="114">
        <v>86243</v>
      </c>
      <c r="BA41" s="114">
        <v>7967</v>
      </c>
      <c r="BB41" s="114">
        <v>0</v>
      </c>
      <c r="BC41" s="114">
        <v>0</v>
      </c>
      <c r="BD41" s="113">
        <v>134714</v>
      </c>
      <c r="BE41" s="116">
        <v>257219</v>
      </c>
      <c r="BF41" s="110">
        <v>0</v>
      </c>
      <c r="BG41" s="114">
        <v>0</v>
      </c>
      <c r="BH41" s="112">
        <v>0</v>
      </c>
      <c r="BI41" s="111">
        <v>0</v>
      </c>
      <c r="BJ41" s="114">
        <v>40196</v>
      </c>
      <c r="BK41" s="114">
        <v>0</v>
      </c>
      <c r="BL41" s="114">
        <v>0</v>
      </c>
      <c r="BM41" s="114">
        <v>0</v>
      </c>
      <c r="BN41" s="114">
        <v>0</v>
      </c>
      <c r="BO41" s="113">
        <v>40196</v>
      </c>
      <c r="BP41" s="116">
        <v>40196</v>
      </c>
      <c r="BQ41" s="110">
        <v>0</v>
      </c>
      <c r="BR41" s="114">
        <v>0</v>
      </c>
      <c r="BS41" s="113">
        <v>0</v>
      </c>
      <c r="BT41" s="110">
        <v>0</v>
      </c>
      <c r="BU41" s="114">
        <v>7224</v>
      </c>
      <c r="BV41" s="114">
        <v>21938</v>
      </c>
      <c r="BW41" s="114">
        <v>49280</v>
      </c>
      <c r="BX41" s="114">
        <v>39081</v>
      </c>
      <c r="BY41" s="114">
        <v>0</v>
      </c>
      <c r="BZ41" s="113">
        <v>117523</v>
      </c>
      <c r="CA41" s="116">
        <v>117523</v>
      </c>
      <c r="CB41" s="110">
        <v>0</v>
      </c>
      <c r="CC41" s="114">
        <v>0</v>
      </c>
      <c r="CD41" s="113">
        <v>0</v>
      </c>
      <c r="CE41" s="110">
        <v>0</v>
      </c>
      <c r="CF41" s="114">
        <v>120774</v>
      </c>
      <c r="CG41" s="114">
        <v>36815</v>
      </c>
      <c r="CH41" s="114">
        <v>94939</v>
      </c>
      <c r="CI41" s="114">
        <v>88034</v>
      </c>
      <c r="CJ41" s="114">
        <v>71064</v>
      </c>
      <c r="CK41" s="113">
        <v>411626</v>
      </c>
      <c r="CL41" s="116">
        <v>411626</v>
      </c>
      <c r="CM41" s="110">
        <v>0</v>
      </c>
      <c r="CN41" s="114">
        <v>0</v>
      </c>
      <c r="CO41" s="113">
        <v>0</v>
      </c>
      <c r="CP41" s="111">
        <v>0</v>
      </c>
      <c r="CQ41" s="114">
        <v>108560</v>
      </c>
      <c r="CR41" s="114">
        <v>36815</v>
      </c>
      <c r="CS41" s="114">
        <v>94939</v>
      </c>
      <c r="CT41" s="114">
        <v>88034</v>
      </c>
      <c r="CU41" s="114">
        <v>71064</v>
      </c>
      <c r="CV41" s="113">
        <v>399412</v>
      </c>
      <c r="CW41" s="116">
        <v>399412</v>
      </c>
      <c r="CX41" s="110">
        <v>0</v>
      </c>
      <c r="CY41" s="114">
        <v>0</v>
      </c>
      <c r="CZ41" s="113">
        <v>0</v>
      </c>
      <c r="DA41" s="110">
        <v>0</v>
      </c>
      <c r="DB41" s="114">
        <v>12214</v>
      </c>
      <c r="DC41" s="114">
        <v>0</v>
      </c>
      <c r="DD41" s="114">
        <v>0</v>
      </c>
      <c r="DE41" s="114">
        <v>0</v>
      </c>
      <c r="DF41" s="114">
        <v>0</v>
      </c>
      <c r="DG41" s="113">
        <v>12214</v>
      </c>
      <c r="DH41" s="116">
        <v>12214</v>
      </c>
      <c r="DI41" s="110">
        <v>0</v>
      </c>
      <c r="DJ41" s="114">
        <v>0</v>
      </c>
      <c r="DK41" s="112">
        <v>0</v>
      </c>
      <c r="DL41" s="111">
        <v>0</v>
      </c>
      <c r="DM41" s="114">
        <v>0</v>
      </c>
      <c r="DN41" s="114">
        <v>112724</v>
      </c>
      <c r="DO41" s="114">
        <v>50420</v>
      </c>
      <c r="DP41" s="114">
        <v>0</v>
      </c>
      <c r="DQ41" s="114">
        <v>0</v>
      </c>
      <c r="DR41" s="113">
        <v>163144</v>
      </c>
      <c r="DS41" s="116">
        <v>163144</v>
      </c>
      <c r="DT41" s="110">
        <v>0</v>
      </c>
      <c r="DU41" s="114">
        <v>0</v>
      </c>
      <c r="DV41" s="113">
        <v>0</v>
      </c>
      <c r="DW41" s="110">
        <v>0</v>
      </c>
      <c r="DX41" s="114">
        <v>0</v>
      </c>
      <c r="DY41" s="114">
        <v>112724</v>
      </c>
      <c r="DZ41" s="114">
        <v>50420</v>
      </c>
      <c r="EA41" s="114">
        <v>0</v>
      </c>
      <c r="EB41" s="114">
        <v>0</v>
      </c>
      <c r="EC41" s="113">
        <v>163144</v>
      </c>
      <c r="ED41" s="116">
        <v>163144</v>
      </c>
      <c r="EE41" s="110">
        <v>0</v>
      </c>
      <c r="EF41" s="112">
        <v>0</v>
      </c>
      <c r="EG41" s="113">
        <v>0</v>
      </c>
      <c r="EH41" s="110">
        <v>0</v>
      </c>
      <c r="EI41" s="114">
        <v>0</v>
      </c>
      <c r="EJ41" s="114">
        <v>0</v>
      </c>
      <c r="EK41" s="114">
        <v>0</v>
      </c>
      <c r="EL41" s="114">
        <v>0</v>
      </c>
      <c r="EM41" s="114">
        <v>0</v>
      </c>
      <c r="EN41" s="112">
        <v>0</v>
      </c>
      <c r="EO41" s="116">
        <v>0</v>
      </c>
      <c r="EP41" s="110">
        <v>0</v>
      </c>
      <c r="EQ41" s="114">
        <v>0</v>
      </c>
      <c r="ER41" s="112">
        <v>0</v>
      </c>
      <c r="ES41" s="111">
        <v>0</v>
      </c>
      <c r="ET41" s="114">
        <v>0</v>
      </c>
      <c r="EU41" s="114">
        <v>0</v>
      </c>
      <c r="EV41" s="114">
        <v>0</v>
      </c>
      <c r="EW41" s="114">
        <v>0</v>
      </c>
      <c r="EX41" s="114">
        <v>0</v>
      </c>
      <c r="EY41" s="113">
        <v>0</v>
      </c>
      <c r="EZ41" s="116">
        <v>0</v>
      </c>
      <c r="FA41" s="110">
        <v>0</v>
      </c>
      <c r="FB41" s="114">
        <v>0</v>
      </c>
      <c r="FC41" s="112">
        <v>0</v>
      </c>
      <c r="FD41" s="347"/>
      <c r="FE41" s="114">
        <v>0</v>
      </c>
      <c r="FF41" s="114">
        <v>0</v>
      </c>
      <c r="FG41" s="114">
        <v>0</v>
      </c>
      <c r="FH41" s="114">
        <v>0</v>
      </c>
      <c r="FI41" s="114">
        <v>0</v>
      </c>
      <c r="FJ41" s="113">
        <v>0</v>
      </c>
      <c r="FK41" s="116">
        <v>0</v>
      </c>
      <c r="FL41" s="110">
        <v>0</v>
      </c>
      <c r="FM41" s="114">
        <v>1400</v>
      </c>
      <c r="FN41" s="113">
        <v>1400</v>
      </c>
      <c r="FO41" s="110">
        <v>0</v>
      </c>
      <c r="FP41" s="114">
        <v>23800</v>
      </c>
      <c r="FQ41" s="114">
        <v>11235</v>
      </c>
      <c r="FR41" s="114">
        <v>33530</v>
      </c>
      <c r="FS41" s="114">
        <v>5950</v>
      </c>
      <c r="FT41" s="114">
        <v>19516</v>
      </c>
      <c r="FU41" s="113">
        <v>94031</v>
      </c>
      <c r="FV41" s="116">
        <v>95431</v>
      </c>
      <c r="FW41" s="115">
        <v>0</v>
      </c>
      <c r="FX41" s="114">
        <v>1400</v>
      </c>
      <c r="FY41" s="112">
        <v>1400</v>
      </c>
      <c r="FZ41" s="111">
        <v>0</v>
      </c>
      <c r="GA41" s="114">
        <v>23800</v>
      </c>
      <c r="GB41" s="114">
        <v>11235</v>
      </c>
      <c r="GC41" s="114">
        <v>33530</v>
      </c>
      <c r="GD41" s="114">
        <v>5950</v>
      </c>
      <c r="GE41" s="114">
        <v>19516</v>
      </c>
      <c r="GF41" s="113">
        <v>94031</v>
      </c>
      <c r="GG41" s="318">
        <v>95431</v>
      </c>
      <c r="GH41" s="115">
        <v>0</v>
      </c>
      <c r="GI41" s="114">
        <v>0</v>
      </c>
      <c r="GJ41" s="112">
        <v>0</v>
      </c>
      <c r="GK41" s="111">
        <v>0</v>
      </c>
      <c r="GL41" s="114">
        <v>0</v>
      </c>
      <c r="GM41" s="114">
        <v>0</v>
      </c>
      <c r="GN41" s="114">
        <v>0</v>
      </c>
      <c r="GO41" s="114">
        <v>0</v>
      </c>
      <c r="GP41" s="114">
        <v>0</v>
      </c>
      <c r="GQ41" s="113">
        <v>0</v>
      </c>
      <c r="GR41" s="116">
        <v>0</v>
      </c>
      <c r="GS41" s="110">
        <v>0</v>
      </c>
      <c r="GT41" s="114">
        <v>0</v>
      </c>
      <c r="GU41" s="113">
        <v>0</v>
      </c>
      <c r="GV41" s="110">
        <v>0</v>
      </c>
      <c r="GW41" s="114">
        <v>0</v>
      </c>
      <c r="GX41" s="114">
        <v>0</v>
      </c>
      <c r="GY41" s="114">
        <v>0</v>
      </c>
      <c r="GZ41" s="114">
        <v>0</v>
      </c>
      <c r="HA41" s="114">
        <v>0</v>
      </c>
      <c r="HB41" s="112">
        <v>0</v>
      </c>
      <c r="HC41" s="116">
        <v>0</v>
      </c>
      <c r="HD41" s="110">
        <v>0</v>
      </c>
      <c r="HE41" s="114">
        <v>0</v>
      </c>
      <c r="HF41" s="112">
        <v>0</v>
      </c>
      <c r="HG41" s="111">
        <v>0</v>
      </c>
      <c r="HH41" s="114">
        <v>0</v>
      </c>
      <c r="HI41" s="114">
        <v>306236</v>
      </c>
      <c r="HJ41" s="114">
        <v>606223</v>
      </c>
      <c r="HK41" s="114">
        <v>186237</v>
      </c>
      <c r="HL41" s="114">
        <v>0</v>
      </c>
      <c r="HM41" s="113">
        <v>1098696</v>
      </c>
      <c r="HN41" s="109">
        <v>1098696</v>
      </c>
      <c r="HO41" s="328"/>
      <c r="HP41" s="329"/>
      <c r="HQ41" s="330"/>
      <c r="HR41" s="331"/>
      <c r="HS41" s="329"/>
      <c r="HT41" s="329"/>
      <c r="HU41" s="329"/>
      <c r="HV41" s="329"/>
      <c r="HW41" s="329"/>
      <c r="HX41" s="332"/>
      <c r="HY41" s="333"/>
      <c r="HZ41" s="131">
        <v>0</v>
      </c>
      <c r="IA41" s="132">
        <v>0</v>
      </c>
      <c r="IB41" s="133">
        <v>0</v>
      </c>
      <c r="IC41" s="146">
        <v>0</v>
      </c>
      <c r="ID41" s="132">
        <v>453907</v>
      </c>
      <c r="IE41" s="147">
        <v>4360</v>
      </c>
      <c r="IF41" s="133">
        <v>223012</v>
      </c>
      <c r="IG41" s="132">
        <v>448026</v>
      </c>
      <c r="IH41" s="133">
        <v>0</v>
      </c>
      <c r="II41" s="148">
        <v>1129305</v>
      </c>
      <c r="IJ41" s="139">
        <v>1129305</v>
      </c>
      <c r="IK41" s="232">
        <v>0</v>
      </c>
      <c r="IL41" s="236">
        <v>0</v>
      </c>
      <c r="IM41" s="237">
        <v>0</v>
      </c>
      <c r="IN41" s="140"/>
      <c r="IO41" s="119">
        <v>0</v>
      </c>
      <c r="IP41" s="119">
        <v>0</v>
      </c>
      <c r="IQ41" s="119">
        <v>0</v>
      </c>
      <c r="IR41" s="119">
        <v>0</v>
      </c>
      <c r="IS41" s="119">
        <v>0</v>
      </c>
      <c r="IT41" s="141">
        <v>0</v>
      </c>
      <c r="IU41" s="320">
        <v>0</v>
      </c>
      <c r="IV41" s="142">
        <v>0</v>
      </c>
      <c r="IW41" s="119">
        <v>0</v>
      </c>
      <c r="IX41" s="120">
        <v>0</v>
      </c>
      <c r="IY41" s="144"/>
      <c r="IZ41" s="119">
        <v>0</v>
      </c>
      <c r="JA41" s="119">
        <v>0</v>
      </c>
      <c r="JB41" s="119">
        <v>0</v>
      </c>
      <c r="JC41" s="119">
        <v>0</v>
      </c>
      <c r="JD41" s="119">
        <v>0</v>
      </c>
      <c r="JE41" s="120">
        <v>0</v>
      </c>
      <c r="JF41" s="121">
        <v>0</v>
      </c>
      <c r="JG41" s="142">
        <v>0</v>
      </c>
      <c r="JH41" s="119">
        <v>0</v>
      </c>
      <c r="JI41" s="141">
        <v>0</v>
      </c>
      <c r="JJ41" s="118">
        <v>0</v>
      </c>
      <c r="JK41" s="119">
        <v>27664</v>
      </c>
      <c r="JL41" s="119">
        <v>4360</v>
      </c>
      <c r="JM41" s="119">
        <v>0</v>
      </c>
      <c r="JN41" s="119">
        <v>220823</v>
      </c>
      <c r="JO41" s="119">
        <v>0</v>
      </c>
      <c r="JP41" s="120">
        <v>252847</v>
      </c>
      <c r="JQ41" s="320">
        <v>252847</v>
      </c>
      <c r="JR41" s="142">
        <v>0</v>
      </c>
      <c r="JS41" s="119">
        <v>0</v>
      </c>
      <c r="JT41" s="141">
        <v>0</v>
      </c>
      <c r="JU41" s="118">
        <v>0</v>
      </c>
      <c r="JV41" s="119">
        <v>0</v>
      </c>
      <c r="JW41" s="119">
        <v>0</v>
      </c>
      <c r="JX41" s="119">
        <v>0</v>
      </c>
      <c r="JY41" s="119">
        <v>0</v>
      </c>
      <c r="JZ41" s="119">
        <v>0</v>
      </c>
      <c r="KA41" s="120">
        <v>0</v>
      </c>
      <c r="KB41" s="320">
        <v>0</v>
      </c>
      <c r="KC41" s="234">
        <v>0</v>
      </c>
      <c r="KD41" s="230">
        <v>0</v>
      </c>
      <c r="KE41" s="120">
        <v>0</v>
      </c>
      <c r="KF41" s="118">
        <v>0</v>
      </c>
      <c r="KG41" s="119">
        <v>0</v>
      </c>
      <c r="KH41" s="119">
        <v>0</v>
      </c>
      <c r="KI41" s="119">
        <v>0</v>
      </c>
      <c r="KJ41" s="119">
        <v>0</v>
      </c>
      <c r="KK41" s="119">
        <v>0</v>
      </c>
      <c r="KL41" s="120">
        <v>0</v>
      </c>
      <c r="KM41" s="143">
        <v>0</v>
      </c>
      <c r="KN41" s="232">
        <v>0</v>
      </c>
      <c r="KO41" s="236">
        <v>0</v>
      </c>
      <c r="KP41" s="237">
        <v>0</v>
      </c>
      <c r="KQ41" s="140"/>
      <c r="KR41" s="119">
        <v>426243</v>
      </c>
      <c r="KS41" s="119">
        <v>0</v>
      </c>
      <c r="KT41" s="119">
        <v>223012</v>
      </c>
      <c r="KU41" s="119">
        <v>227203</v>
      </c>
      <c r="KV41" s="119">
        <v>0</v>
      </c>
      <c r="KW41" s="120">
        <v>876458</v>
      </c>
      <c r="KX41" s="320">
        <v>876458</v>
      </c>
      <c r="KY41" s="142">
        <v>0</v>
      </c>
      <c r="KZ41" s="119">
        <v>0</v>
      </c>
      <c r="LA41" s="120">
        <v>0</v>
      </c>
      <c r="LB41" s="145"/>
      <c r="LC41" s="119">
        <v>0</v>
      </c>
      <c r="LD41" s="119">
        <v>0</v>
      </c>
      <c r="LE41" s="119">
        <v>0</v>
      </c>
      <c r="LF41" s="119">
        <v>0</v>
      </c>
      <c r="LG41" s="119">
        <v>0</v>
      </c>
      <c r="LH41" s="120">
        <v>0</v>
      </c>
      <c r="LI41" s="121">
        <v>0</v>
      </c>
      <c r="LJ41" s="142">
        <v>0</v>
      </c>
      <c r="LK41" s="119">
        <v>0</v>
      </c>
      <c r="LL41" s="120">
        <v>0</v>
      </c>
      <c r="LM41" s="145"/>
      <c r="LN41" s="119">
        <v>0</v>
      </c>
      <c r="LO41" s="119">
        <v>0</v>
      </c>
      <c r="LP41" s="119">
        <v>0</v>
      </c>
      <c r="LQ41" s="119">
        <v>0</v>
      </c>
      <c r="LR41" s="119">
        <v>0</v>
      </c>
      <c r="LS41" s="120">
        <v>0</v>
      </c>
      <c r="LT41" s="320">
        <v>0</v>
      </c>
      <c r="LU41" s="142">
        <v>0</v>
      </c>
      <c r="LV41" s="119">
        <v>0</v>
      </c>
      <c r="LW41" s="120">
        <v>0</v>
      </c>
      <c r="LX41" s="145"/>
      <c r="LY41" s="119">
        <v>0</v>
      </c>
      <c r="LZ41" s="119">
        <v>0</v>
      </c>
      <c r="MA41" s="119">
        <v>0</v>
      </c>
      <c r="MB41" s="119">
        <v>0</v>
      </c>
      <c r="MC41" s="119">
        <v>0</v>
      </c>
      <c r="MD41" s="120">
        <v>0</v>
      </c>
      <c r="ME41" s="121">
        <v>0</v>
      </c>
      <c r="MF41" s="142">
        <v>0</v>
      </c>
      <c r="MG41" s="119">
        <v>0</v>
      </c>
      <c r="MH41" s="120">
        <v>0</v>
      </c>
      <c r="MI41" s="145"/>
      <c r="MJ41" s="119">
        <v>394817</v>
      </c>
      <c r="MK41" s="119">
        <v>0</v>
      </c>
      <c r="ML41" s="119">
        <v>428131</v>
      </c>
      <c r="MM41" s="119">
        <v>693579</v>
      </c>
      <c r="MN41" s="119">
        <v>502994</v>
      </c>
      <c r="MO41" s="120">
        <v>2019521</v>
      </c>
      <c r="MP41" s="143">
        <v>2019521</v>
      </c>
      <c r="MQ41" s="142">
        <v>0</v>
      </c>
      <c r="MR41" s="119">
        <v>0</v>
      </c>
      <c r="MS41" s="120">
        <v>0</v>
      </c>
      <c r="MT41" s="145"/>
      <c r="MU41" s="119">
        <v>0</v>
      </c>
      <c r="MV41" s="119">
        <v>0</v>
      </c>
      <c r="MW41" s="119">
        <v>199750</v>
      </c>
      <c r="MX41" s="119">
        <v>217116</v>
      </c>
      <c r="MY41" s="119">
        <v>502994</v>
      </c>
      <c r="MZ41" s="120">
        <v>919860</v>
      </c>
      <c r="NA41" s="143">
        <v>919860</v>
      </c>
      <c r="NB41" s="142">
        <v>0</v>
      </c>
      <c r="NC41" s="119">
        <v>0</v>
      </c>
      <c r="ND41" s="120">
        <v>0</v>
      </c>
      <c r="NE41" s="145"/>
      <c r="NF41" s="119">
        <v>394817</v>
      </c>
      <c r="NG41" s="119">
        <v>0</v>
      </c>
      <c r="NH41" s="119">
        <v>228381</v>
      </c>
      <c r="NI41" s="119">
        <v>476463</v>
      </c>
      <c r="NJ41" s="119">
        <v>0</v>
      </c>
      <c r="NK41" s="120">
        <v>1099661</v>
      </c>
      <c r="NL41" s="320">
        <v>1099661</v>
      </c>
      <c r="NM41" s="142">
        <v>0</v>
      </c>
      <c r="NN41" s="119">
        <v>0</v>
      </c>
      <c r="NO41" s="120">
        <v>0</v>
      </c>
      <c r="NP41" s="145"/>
      <c r="NQ41" s="119">
        <v>0</v>
      </c>
      <c r="NR41" s="119">
        <v>0</v>
      </c>
      <c r="NS41" s="119">
        <v>0</v>
      </c>
      <c r="NT41" s="119">
        <v>0</v>
      </c>
      <c r="NU41" s="119">
        <v>0</v>
      </c>
      <c r="NV41" s="120">
        <v>0</v>
      </c>
      <c r="NW41" s="121">
        <v>0</v>
      </c>
      <c r="NX41" s="142">
        <v>0</v>
      </c>
      <c r="NY41" s="119">
        <v>0</v>
      </c>
      <c r="NZ41" s="120">
        <v>0</v>
      </c>
      <c r="OA41" s="145"/>
      <c r="OB41" s="119">
        <v>0</v>
      </c>
      <c r="OC41" s="119">
        <v>0</v>
      </c>
      <c r="OD41" s="119">
        <v>0</v>
      </c>
      <c r="OE41" s="119">
        <v>0</v>
      </c>
      <c r="OF41" s="119">
        <v>0</v>
      </c>
      <c r="OG41" s="120">
        <v>0</v>
      </c>
      <c r="OH41" s="121">
        <v>0</v>
      </c>
      <c r="OI41" s="142">
        <v>71083</v>
      </c>
      <c r="OJ41" s="119">
        <v>52822</v>
      </c>
      <c r="OK41" s="141">
        <v>123905</v>
      </c>
      <c r="OL41" s="118">
        <v>0</v>
      </c>
      <c r="OM41" s="119">
        <v>1133187</v>
      </c>
      <c r="ON41" s="119">
        <v>579551</v>
      </c>
      <c r="OO41" s="119">
        <v>1493502</v>
      </c>
      <c r="OP41" s="119">
        <v>1467782</v>
      </c>
      <c r="OQ41" s="119">
        <v>593574</v>
      </c>
      <c r="OR41" s="120">
        <v>5267596</v>
      </c>
      <c r="OS41" s="143">
        <v>5391501</v>
      </c>
    </row>
    <row r="42" spans="2:409" ht="21" customHeight="1" thickBot="1" x14ac:dyDescent="0.25">
      <c r="B42" s="127" t="s">
        <v>37</v>
      </c>
      <c r="C42" s="117">
        <v>0</v>
      </c>
      <c r="D42" s="178">
        <v>32951</v>
      </c>
      <c r="E42" s="179">
        <v>32951</v>
      </c>
      <c r="F42" s="180">
        <v>0</v>
      </c>
      <c r="G42" s="178">
        <v>0</v>
      </c>
      <c r="H42" s="178">
        <v>0</v>
      </c>
      <c r="I42" s="178">
        <v>0</v>
      </c>
      <c r="J42" s="178">
        <v>194465</v>
      </c>
      <c r="K42" s="178">
        <v>206458</v>
      </c>
      <c r="L42" s="180">
        <v>400923</v>
      </c>
      <c r="M42" s="181">
        <v>433874</v>
      </c>
      <c r="N42" s="117">
        <v>0</v>
      </c>
      <c r="O42" s="178">
        <v>0</v>
      </c>
      <c r="P42" s="179">
        <v>0</v>
      </c>
      <c r="Q42" s="117">
        <v>0</v>
      </c>
      <c r="R42" s="178">
        <v>0</v>
      </c>
      <c r="S42" s="178">
        <v>0</v>
      </c>
      <c r="T42" s="178">
        <v>0</v>
      </c>
      <c r="U42" s="178">
        <v>8400</v>
      </c>
      <c r="V42" s="178">
        <v>166733</v>
      </c>
      <c r="W42" s="179">
        <v>175133</v>
      </c>
      <c r="X42" s="181">
        <v>175133</v>
      </c>
      <c r="Y42" s="117">
        <v>0</v>
      </c>
      <c r="Z42" s="178">
        <v>0</v>
      </c>
      <c r="AA42" s="179">
        <v>0</v>
      </c>
      <c r="AB42" s="117">
        <v>0</v>
      </c>
      <c r="AC42" s="178">
        <v>0</v>
      </c>
      <c r="AD42" s="178">
        <v>0</v>
      </c>
      <c r="AE42" s="178">
        <v>0</v>
      </c>
      <c r="AF42" s="178">
        <v>0</v>
      </c>
      <c r="AG42" s="178">
        <v>98105</v>
      </c>
      <c r="AH42" s="179">
        <v>98105</v>
      </c>
      <c r="AI42" s="181">
        <v>98105</v>
      </c>
      <c r="AJ42" s="117">
        <v>0</v>
      </c>
      <c r="AK42" s="178">
        <v>0</v>
      </c>
      <c r="AL42" s="179">
        <v>0</v>
      </c>
      <c r="AM42" s="117">
        <v>0</v>
      </c>
      <c r="AN42" s="178">
        <v>0</v>
      </c>
      <c r="AO42" s="178">
        <v>0</v>
      </c>
      <c r="AP42" s="178">
        <v>0</v>
      </c>
      <c r="AQ42" s="178">
        <v>0</v>
      </c>
      <c r="AR42" s="178">
        <v>0</v>
      </c>
      <c r="AS42" s="179">
        <v>0</v>
      </c>
      <c r="AT42" s="181">
        <v>0</v>
      </c>
      <c r="AU42" s="117">
        <v>0</v>
      </c>
      <c r="AV42" s="178">
        <v>0</v>
      </c>
      <c r="AW42" s="179">
        <v>0</v>
      </c>
      <c r="AX42" s="117">
        <v>0</v>
      </c>
      <c r="AY42" s="178">
        <v>0</v>
      </c>
      <c r="AZ42" s="178">
        <v>0</v>
      </c>
      <c r="BA42" s="178">
        <v>0</v>
      </c>
      <c r="BB42" s="178">
        <v>0</v>
      </c>
      <c r="BC42" s="178">
        <v>35504</v>
      </c>
      <c r="BD42" s="179">
        <v>35504</v>
      </c>
      <c r="BE42" s="181">
        <v>35504</v>
      </c>
      <c r="BF42" s="117">
        <v>0</v>
      </c>
      <c r="BG42" s="178">
        <v>0</v>
      </c>
      <c r="BH42" s="183">
        <v>0</v>
      </c>
      <c r="BI42" s="182">
        <v>0</v>
      </c>
      <c r="BJ42" s="178">
        <v>0</v>
      </c>
      <c r="BK42" s="178">
        <v>0</v>
      </c>
      <c r="BL42" s="178">
        <v>0</v>
      </c>
      <c r="BM42" s="178">
        <v>0</v>
      </c>
      <c r="BN42" s="178">
        <v>0</v>
      </c>
      <c r="BO42" s="179">
        <v>0</v>
      </c>
      <c r="BP42" s="181">
        <v>0</v>
      </c>
      <c r="BQ42" s="117">
        <v>0</v>
      </c>
      <c r="BR42" s="178">
        <v>0</v>
      </c>
      <c r="BS42" s="179">
        <v>0</v>
      </c>
      <c r="BT42" s="117">
        <v>0</v>
      </c>
      <c r="BU42" s="178">
        <v>0</v>
      </c>
      <c r="BV42" s="178">
        <v>0</v>
      </c>
      <c r="BW42" s="178">
        <v>0</v>
      </c>
      <c r="BX42" s="178">
        <v>8400</v>
      </c>
      <c r="BY42" s="178">
        <v>33124</v>
      </c>
      <c r="BZ42" s="179">
        <v>41524</v>
      </c>
      <c r="CA42" s="181">
        <v>41524</v>
      </c>
      <c r="CB42" s="117">
        <v>0</v>
      </c>
      <c r="CC42" s="178">
        <v>32951</v>
      </c>
      <c r="CD42" s="179">
        <v>32951</v>
      </c>
      <c r="CE42" s="117">
        <v>0</v>
      </c>
      <c r="CF42" s="178">
        <v>0</v>
      </c>
      <c r="CG42" s="178">
        <v>0</v>
      </c>
      <c r="CH42" s="178">
        <v>0</v>
      </c>
      <c r="CI42" s="178">
        <v>0</v>
      </c>
      <c r="CJ42" s="178">
        <v>0</v>
      </c>
      <c r="CK42" s="179">
        <v>0</v>
      </c>
      <c r="CL42" s="181">
        <v>32951</v>
      </c>
      <c r="CM42" s="117">
        <v>0</v>
      </c>
      <c r="CN42" s="178">
        <v>0</v>
      </c>
      <c r="CO42" s="179">
        <v>0</v>
      </c>
      <c r="CP42" s="182">
        <v>0</v>
      </c>
      <c r="CQ42" s="178">
        <v>0</v>
      </c>
      <c r="CR42" s="178">
        <v>0</v>
      </c>
      <c r="CS42" s="178">
        <v>0</v>
      </c>
      <c r="CT42" s="178">
        <v>0</v>
      </c>
      <c r="CU42" s="178">
        <v>0</v>
      </c>
      <c r="CV42" s="179">
        <v>0</v>
      </c>
      <c r="CW42" s="181">
        <v>0</v>
      </c>
      <c r="CX42" s="117">
        <v>0</v>
      </c>
      <c r="CY42" s="178">
        <v>32951</v>
      </c>
      <c r="CZ42" s="179">
        <v>32951</v>
      </c>
      <c r="DA42" s="117">
        <v>0</v>
      </c>
      <c r="DB42" s="178">
        <v>0</v>
      </c>
      <c r="DC42" s="178">
        <v>0</v>
      </c>
      <c r="DD42" s="178">
        <v>0</v>
      </c>
      <c r="DE42" s="178">
        <v>0</v>
      </c>
      <c r="DF42" s="178">
        <v>0</v>
      </c>
      <c r="DG42" s="179">
        <v>0</v>
      </c>
      <c r="DH42" s="181">
        <v>32951</v>
      </c>
      <c r="DI42" s="117">
        <v>0</v>
      </c>
      <c r="DJ42" s="178">
        <v>0</v>
      </c>
      <c r="DK42" s="183">
        <v>0</v>
      </c>
      <c r="DL42" s="182">
        <v>0</v>
      </c>
      <c r="DM42" s="178">
        <v>0</v>
      </c>
      <c r="DN42" s="178">
        <v>0</v>
      </c>
      <c r="DO42" s="178">
        <v>0</v>
      </c>
      <c r="DP42" s="178">
        <v>0</v>
      </c>
      <c r="DQ42" s="178">
        <v>9065</v>
      </c>
      <c r="DR42" s="179">
        <v>9065</v>
      </c>
      <c r="DS42" s="181">
        <v>9065</v>
      </c>
      <c r="DT42" s="117">
        <v>0</v>
      </c>
      <c r="DU42" s="178">
        <v>0</v>
      </c>
      <c r="DV42" s="179">
        <v>0</v>
      </c>
      <c r="DW42" s="117">
        <v>0</v>
      </c>
      <c r="DX42" s="178">
        <v>0</v>
      </c>
      <c r="DY42" s="178">
        <v>0</v>
      </c>
      <c r="DZ42" s="178">
        <v>0</v>
      </c>
      <c r="EA42" s="178">
        <v>0</v>
      </c>
      <c r="EB42" s="178">
        <v>9065</v>
      </c>
      <c r="EC42" s="179">
        <v>9065</v>
      </c>
      <c r="ED42" s="181">
        <v>9065</v>
      </c>
      <c r="EE42" s="117">
        <v>0</v>
      </c>
      <c r="EF42" s="183">
        <v>0</v>
      </c>
      <c r="EG42" s="179">
        <v>0</v>
      </c>
      <c r="EH42" s="117">
        <v>0</v>
      </c>
      <c r="EI42" s="178">
        <v>0</v>
      </c>
      <c r="EJ42" s="178">
        <v>0</v>
      </c>
      <c r="EK42" s="178">
        <v>0</v>
      </c>
      <c r="EL42" s="178">
        <v>0</v>
      </c>
      <c r="EM42" s="178">
        <v>0</v>
      </c>
      <c r="EN42" s="183">
        <v>0</v>
      </c>
      <c r="EO42" s="181">
        <v>0</v>
      </c>
      <c r="EP42" s="117">
        <v>0</v>
      </c>
      <c r="EQ42" s="178">
        <v>0</v>
      </c>
      <c r="ER42" s="183">
        <v>0</v>
      </c>
      <c r="ES42" s="182">
        <v>0</v>
      </c>
      <c r="ET42" s="178">
        <v>0</v>
      </c>
      <c r="EU42" s="178">
        <v>0</v>
      </c>
      <c r="EV42" s="178">
        <v>0</v>
      </c>
      <c r="EW42" s="178">
        <v>0</v>
      </c>
      <c r="EX42" s="178">
        <v>0</v>
      </c>
      <c r="EY42" s="179">
        <v>0</v>
      </c>
      <c r="EZ42" s="181">
        <v>0</v>
      </c>
      <c r="FA42" s="117">
        <v>0</v>
      </c>
      <c r="FB42" s="178">
        <v>0</v>
      </c>
      <c r="FC42" s="183">
        <v>0</v>
      </c>
      <c r="FD42" s="348"/>
      <c r="FE42" s="178">
        <v>0</v>
      </c>
      <c r="FF42" s="178">
        <v>0</v>
      </c>
      <c r="FG42" s="178">
        <v>0</v>
      </c>
      <c r="FH42" s="178">
        <v>0</v>
      </c>
      <c r="FI42" s="178">
        <v>0</v>
      </c>
      <c r="FJ42" s="179">
        <v>0</v>
      </c>
      <c r="FK42" s="181">
        <v>0</v>
      </c>
      <c r="FL42" s="117">
        <v>0</v>
      </c>
      <c r="FM42" s="178">
        <v>0</v>
      </c>
      <c r="FN42" s="179">
        <v>0</v>
      </c>
      <c r="FO42" s="117">
        <v>0</v>
      </c>
      <c r="FP42" s="178">
        <v>0</v>
      </c>
      <c r="FQ42" s="178">
        <v>0</v>
      </c>
      <c r="FR42" s="178">
        <v>0</v>
      </c>
      <c r="FS42" s="178">
        <v>0</v>
      </c>
      <c r="FT42" s="178">
        <v>30660</v>
      </c>
      <c r="FU42" s="179">
        <v>30660</v>
      </c>
      <c r="FV42" s="181">
        <v>30660</v>
      </c>
      <c r="FW42" s="184">
        <v>0</v>
      </c>
      <c r="FX42" s="178">
        <v>0</v>
      </c>
      <c r="FY42" s="183">
        <v>0</v>
      </c>
      <c r="FZ42" s="182">
        <v>0</v>
      </c>
      <c r="GA42" s="178">
        <v>0</v>
      </c>
      <c r="GB42" s="178">
        <v>0</v>
      </c>
      <c r="GC42" s="178">
        <v>0</v>
      </c>
      <c r="GD42" s="178">
        <v>0</v>
      </c>
      <c r="GE42" s="178">
        <v>30660</v>
      </c>
      <c r="GF42" s="179">
        <v>30660</v>
      </c>
      <c r="GG42" s="319">
        <v>30660</v>
      </c>
      <c r="GH42" s="184">
        <v>0</v>
      </c>
      <c r="GI42" s="178">
        <v>0</v>
      </c>
      <c r="GJ42" s="183">
        <v>0</v>
      </c>
      <c r="GK42" s="182">
        <v>0</v>
      </c>
      <c r="GL42" s="178">
        <v>0</v>
      </c>
      <c r="GM42" s="178">
        <v>0</v>
      </c>
      <c r="GN42" s="178">
        <v>0</v>
      </c>
      <c r="GO42" s="178">
        <v>0</v>
      </c>
      <c r="GP42" s="178">
        <v>0</v>
      </c>
      <c r="GQ42" s="179">
        <v>0</v>
      </c>
      <c r="GR42" s="181">
        <v>0</v>
      </c>
      <c r="GS42" s="117">
        <v>0</v>
      </c>
      <c r="GT42" s="178">
        <v>0</v>
      </c>
      <c r="GU42" s="179">
        <v>0</v>
      </c>
      <c r="GV42" s="117">
        <v>0</v>
      </c>
      <c r="GW42" s="178">
        <v>0</v>
      </c>
      <c r="GX42" s="178">
        <v>0</v>
      </c>
      <c r="GY42" s="178">
        <v>0</v>
      </c>
      <c r="GZ42" s="178">
        <v>0</v>
      </c>
      <c r="HA42" s="178">
        <v>0</v>
      </c>
      <c r="HB42" s="183">
        <v>0</v>
      </c>
      <c r="HC42" s="181">
        <v>0</v>
      </c>
      <c r="HD42" s="117">
        <v>0</v>
      </c>
      <c r="HE42" s="178">
        <v>0</v>
      </c>
      <c r="HF42" s="183">
        <v>0</v>
      </c>
      <c r="HG42" s="182">
        <v>0</v>
      </c>
      <c r="HH42" s="178">
        <v>0</v>
      </c>
      <c r="HI42" s="178">
        <v>0</v>
      </c>
      <c r="HJ42" s="178">
        <v>0</v>
      </c>
      <c r="HK42" s="178">
        <v>186065</v>
      </c>
      <c r="HL42" s="178">
        <v>0</v>
      </c>
      <c r="HM42" s="179">
        <v>186065</v>
      </c>
      <c r="HN42" s="180">
        <v>186065</v>
      </c>
      <c r="HO42" s="334"/>
      <c r="HP42" s="335"/>
      <c r="HQ42" s="336"/>
      <c r="HR42" s="337"/>
      <c r="HS42" s="335"/>
      <c r="HT42" s="335"/>
      <c r="HU42" s="335"/>
      <c r="HV42" s="335"/>
      <c r="HW42" s="335"/>
      <c r="HX42" s="338"/>
      <c r="HY42" s="339"/>
      <c r="HZ42" s="151">
        <v>0</v>
      </c>
      <c r="IA42" s="152">
        <v>0</v>
      </c>
      <c r="IB42" s="153">
        <v>0</v>
      </c>
      <c r="IC42" s="154">
        <v>0</v>
      </c>
      <c r="ID42" s="155">
        <v>0</v>
      </c>
      <c r="IE42" s="156">
        <v>0</v>
      </c>
      <c r="IF42" s="157">
        <v>0</v>
      </c>
      <c r="IG42" s="155">
        <v>0</v>
      </c>
      <c r="IH42" s="157">
        <v>187524</v>
      </c>
      <c r="II42" s="158">
        <v>187524</v>
      </c>
      <c r="IJ42" s="159">
        <v>187524</v>
      </c>
      <c r="IK42" s="233">
        <v>0</v>
      </c>
      <c r="IL42" s="238">
        <v>0</v>
      </c>
      <c r="IM42" s="239">
        <v>0</v>
      </c>
      <c r="IN42" s="160"/>
      <c r="IO42" s="161">
        <v>0</v>
      </c>
      <c r="IP42" s="161">
        <v>0</v>
      </c>
      <c r="IQ42" s="161">
        <v>0</v>
      </c>
      <c r="IR42" s="161">
        <v>0</v>
      </c>
      <c r="IS42" s="161">
        <v>0</v>
      </c>
      <c r="IT42" s="162">
        <v>0</v>
      </c>
      <c r="IU42" s="321">
        <v>0</v>
      </c>
      <c r="IV42" s="163">
        <v>0</v>
      </c>
      <c r="IW42" s="161">
        <v>0</v>
      </c>
      <c r="IX42" s="165">
        <v>0</v>
      </c>
      <c r="IY42" s="168"/>
      <c r="IZ42" s="161">
        <v>0</v>
      </c>
      <c r="JA42" s="161">
        <v>0</v>
      </c>
      <c r="JB42" s="161">
        <v>0</v>
      </c>
      <c r="JC42" s="161">
        <v>0</v>
      </c>
      <c r="JD42" s="161">
        <v>0</v>
      </c>
      <c r="JE42" s="165">
        <v>0</v>
      </c>
      <c r="JF42" s="166">
        <v>0</v>
      </c>
      <c r="JG42" s="163">
        <v>0</v>
      </c>
      <c r="JH42" s="161">
        <v>0</v>
      </c>
      <c r="JI42" s="162">
        <v>0</v>
      </c>
      <c r="JJ42" s="164">
        <v>0</v>
      </c>
      <c r="JK42" s="161">
        <v>0</v>
      </c>
      <c r="JL42" s="161">
        <v>0</v>
      </c>
      <c r="JM42" s="161">
        <v>0</v>
      </c>
      <c r="JN42" s="161">
        <v>0</v>
      </c>
      <c r="JO42" s="161">
        <v>187524</v>
      </c>
      <c r="JP42" s="165">
        <v>187524</v>
      </c>
      <c r="JQ42" s="321">
        <v>187524</v>
      </c>
      <c r="JR42" s="163">
        <v>0</v>
      </c>
      <c r="JS42" s="161">
        <v>0</v>
      </c>
      <c r="JT42" s="162">
        <v>0</v>
      </c>
      <c r="JU42" s="164">
        <v>0</v>
      </c>
      <c r="JV42" s="161">
        <v>0</v>
      </c>
      <c r="JW42" s="161">
        <v>0</v>
      </c>
      <c r="JX42" s="161">
        <v>0</v>
      </c>
      <c r="JY42" s="161">
        <v>0</v>
      </c>
      <c r="JZ42" s="161">
        <v>0</v>
      </c>
      <c r="KA42" s="165">
        <v>0</v>
      </c>
      <c r="KB42" s="321">
        <v>0</v>
      </c>
      <c r="KC42" s="235">
        <v>0</v>
      </c>
      <c r="KD42" s="231">
        <v>0</v>
      </c>
      <c r="KE42" s="165">
        <v>0</v>
      </c>
      <c r="KF42" s="164">
        <v>0</v>
      </c>
      <c r="KG42" s="161">
        <v>0</v>
      </c>
      <c r="KH42" s="161">
        <v>0</v>
      </c>
      <c r="KI42" s="161">
        <v>0</v>
      </c>
      <c r="KJ42" s="161">
        <v>0</v>
      </c>
      <c r="KK42" s="161">
        <v>0</v>
      </c>
      <c r="KL42" s="165">
        <v>0</v>
      </c>
      <c r="KM42" s="167">
        <v>0</v>
      </c>
      <c r="KN42" s="233">
        <v>0</v>
      </c>
      <c r="KO42" s="238">
        <v>0</v>
      </c>
      <c r="KP42" s="239">
        <v>0</v>
      </c>
      <c r="KQ42" s="160"/>
      <c r="KR42" s="161">
        <v>0</v>
      </c>
      <c r="KS42" s="161">
        <v>0</v>
      </c>
      <c r="KT42" s="161">
        <v>0</v>
      </c>
      <c r="KU42" s="161">
        <v>0</v>
      </c>
      <c r="KV42" s="161">
        <v>0</v>
      </c>
      <c r="KW42" s="165">
        <v>0</v>
      </c>
      <c r="KX42" s="321">
        <v>0</v>
      </c>
      <c r="KY42" s="163">
        <v>0</v>
      </c>
      <c r="KZ42" s="161">
        <v>0</v>
      </c>
      <c r="LA42" s="165">
        <v>0</v>
      </c>
      <c r="LB42" s="169"/>
      <c r="LC42" s="161">
        <v>0</v>
      </c>
      <c r="LD42" s="161">
        <v>0</v>
      </c>
      <c r="LE42" s="161">
        <v>0</v>
      </c>
      <c r="LF42" s="161">
        <v>0</v>
      </c>
      <c r="LG42" s="161">
        <v>0</v>
      </c>
      <c r="LH42" s="165">
        <v>0</v>
      </c>
      <c r="LI42" s="166">
        <v>0</v>
      </c>
      <c r="LJ42" s="163">
        <v>0</v>
      </c>
      <c r="LK42" s="161">
        <v>0</v>
      </c>
      <c r="LL42" s="165">
        <v>0</v>
      </c>
      <c r="LM42" s="169"/>
      <c r="LN42" s="161">
        <v>0</v>
      </c>
      <c r="LO42" s="161">
        <v>0</v>
      </c>
      <c r="LP42" s="161">
        <v>0</v>
      </c>
      <c r="LQ42" s="161">
        <v>0</v>
      </c>
      <c r="LR42" s="161">
        <v>0</v>
      </c>
      <c r="LS42" s="165">
        <v>0</v>
      </c>
      <c r="LT42" s="321">
        <v>0</v>
      </c>
      <c r="LU42" s="163">
        <v>0</v>
      </c>
      <c r="LV42" s="161">
        <v>0</v>
      </c>
      <c r="LW42" s="165">
        <v>0</v>
      </c>
      <c r="LX42" s="169"/>
      <c r="LY42" s="161">
        <v>0</v>
      </c>
      <c r="LZ42" s="161">
        <v>0</v>
      </c>
      <c r="MA42" s="161">
        <v>0</v>
      </c>
      <c r="MB42" s="161">
        <v>0</v>
      </c>
      <c r="MC42" s="161">
        <v>0</v>
      </c>
      <c r="MD42" s="165">
        <v>0</v>
      </c>
      <c r="ME42" s="166">
        <v>0</v>
      </c>
      <c r="MF42" s="163">
        <v>0</v>
      </c>
      <c r="MG42" s="161">
        <v>0</v>
      </c>
      <c r="MH42" s="165">
        <v>0</v>
      </c>
      <c r="MI42" s="169"/>
      <c r="MJ42" s="161">
        <v>0</v>
      </c>
      <c r="MK42" s="161">
        <v>0</v>
      </c>
      <c r="ML42" s="161">
        <v>0</v>
      </c>
      <c r="MM42" s="161">
        <v>0</v>
      </c>
      <c r="MN42" s="161">
        <v>340332</v>
      </c>
      <c r="MO42" s="165">
        <v>340332</v>
      </c>
      <c r="MP42" s="167">
        <v>340332</v>
      </c>
      <c r="MQ42" s="163">
        <v>0</v>
      </c>
      <c r="MR42" s="161">
        <v>0</v>
      </c>
      <c r="MS42" s="165">
        <v>0</v>
      </c>
      <c r="MT42" s="169"/>
      <c r="MU42" s="161">
        <v>0</v>
      </c>
      <c r="MV42" s="161">
        <v>0</v>
      </c>
      <c r="MW42" s="161">
        <v>0</v>
      </c>
      <c r="MX42" s="161">
        <v>0</v>
      </c>
      <c r="MY42" s="161">
        <v>0</v>
      </c>
      <c r="MZ42" s="165">
        <v>0</v>
      </c>
      <c r="NA42" s="167">
        <v>0</v>
      </c>
      <c r="NB42" s="163">
        <v>0</v>
      </c>
      <c r="NC42" s="161">
        <v>0</v>
      </c>
      <c r="ND42" s="165">
        <v>0</v>
      </c>
      <c r="NE42" s="169"/>
      <c r="NF42" s="161">
        <v>0</v>
      </c>
      <c r="NG42" s="161">
        <v>0</v>
      </c>
      <c r="NH42" s="161">
        <v>0</v>
      </c>
      <c r="NI42" s="161">
        <v>0</v>
      </c>
      <c r="NJ42" s="161">
        <v>0</v>
      </c>
      <c r="NK42" s="165">
        <v>0</v>
      </c>
      <c r="NL42" s="321">
        <v>0</v>
      </c>
      <c r="NM42" s="163">
        <v>0</v>
      </c>
      <c r="NN42" s="161">
        <v>0</v>
      </c>
      <c r="NO42" s="165">
        <v>0</v>
      </c>
      <c r="NP42" s="169"/>
      <c r="NQ42" s="161">
        <v>0</v>
      </c>
      <c r="NR42" s="161">
        <v>0</v>
      </c>
      <c r="NS42" s="161">
        <v>0</v>
      </c>
      <c r="NT42" s="161">
        <v>0</v>
      </c>
      <c r="NU42" s="161">
        <v>0</v>
      </c>
      <c r="NV42" s="165">
        <v>0</v>
      </c>
      <c r="NW42" s="166">
        <v>0</v>
      </c>
      <c r="NX42" s="163">
        <v>0</v>
      </c>
      <c r="NY42" s="161">
        <v>0</v>
      </c>
      <c r="NZ42" s="165">
        <v>0</v>
      </c>
      <c r="OA42" s="169"/>
      <c r="OB42" s="161">
        <v>0</v>
      </c>
      <c r="OC42" s="161">
        <v>0</v>
      </c>
      <c r="OD42" s="161">
        <v>0</v>
      </c>
      <c r="OE42" s="161">
        <v>0</v>
      </c>
      <c r="OF42" s="161">
        <v>340332</v>
      </c>
      <c r="OG42" s="165">
        <v>340332</v>
      </c>
      <c r="OH42" s="166">
        <v>340332</v>
      </c>
      <c r="OI42" s="163">
        <v>0</v>
      </c>
      <c r="OJ42" s="161">
        <v>32951</v>
      </c>
      <c r="OK42" s="162">
        <v>32951</v>
      </c>
      <c r="OL42" s="164">
        <v>0</v>
      </c>
      <c r="OM42" s="161">
        <v>0</v>
      </c>
      <c r="ON42" s="161">
        <v>0</v>
      </c>
      <c r="OO42" s="161">
        <v>0</v>
      </c>
      <c r="OP42" s="161">
        <v>194465</v>
      </c>
      <c r="OQ42" s="161">
        <v>734314</v>
      </c>
      <c r="OR42" s="165">
        <v>928779</v>
      </c>
      <c r="OS42" s="167">
        <v>961730</v>
      </c>
    </row>
    <row r="43" spans="2:409" x14ac:dyDescent="0.2">
      <c r="B43" s="44" t="s">
        <v>84</v>
      </c>
    </row>
  </sheetData>
  <mergeCells count="158">
    <mergeCell ref="I1:J1"/>
    <mergeCell ref="AT7:AT8"/>
    <mergeCell ref="AU7:AW7"/>
    <mergeCell ref="AX7:BD7"/>
    <mergeCell ref="BE7:BE8"/>
    <mergeCell ref="BF7:BH7"/>
    <mergeCell ref="BI7:BO7"/>
    <mergeCell ref="DH7:DH8"/>
    <mergeCell ref="B4:B8"/>
    <mergeCell ref="C4:M6"/>
    <mergeCell ref="N4:HY4"/>
    <mergeCell ref="N5:CA5"/>
    <mergeCell ref="CB5:DH5"/>
    <mergeCell ref="DI5:FK5"/>
    <mergeCell ref="FL5:HC5"/>
    <mergeCell ref="HD5:HN6"/>
    <mergeCell ref="HO5:HY6"/>
    <mergeCell ref="GH6:GR6"/>
    <mergeCell ref="GS6:HC6"/>
    <mergeCell ref="CB6:CL6"/>
    <mergeCell ref="CM6:CW6"/>
    <mergeCell ref="CX6:DH6"/>
    <mergeCell ref="DI6:DS6"/>
    <mergeCell ref="C7:E7"/>
    <mergeCell ref="F7:L7"/>
    <mergeCell ref="M7:M8"/>
    <mergeCell ref="N7:P7"/>
    <mergeCell ref="Q7:W7"/>
    <mergeCell ref="FL6:FV6"/>
    <mergeCell ref="FW6:GG6"/>
    <mergeCell ref="N6:X6"/>
    <mergeCell ref="Y6:AI6"/>
    <mergeCell ref="AJ6:AT6"/>
    <mergeCell ref="AU6:BE6"/>
    <mergeCell ref="BF6:BP6"/>
    <mergeCell ref="BQ6:CA6"/>
    <mergeCell ref="DT6:ED6"/>
    <mergeCell ref="EE6:EO6"/>
    <mergeCell ref="X7:X8"/>
    <mergeCell ref="EP6:EZ6"/>
    <mergeCell ref="FA6:FK6"/>
    <mergeCell ref="BP7:BP8"/>
    <mergeCell ref="Y7:AA7"/>
    <mergeCell ref="AB7:AH7"/>
    <mergeCell ref="AI7:AI8"/>
    <mergeCell ref="AJ7:AL7"/>
    <mergeCell ref="AM7:AS7"/>
    <mergeCell ref="CL7:CL8"/>
    <mergeCell ref="CM7:CO7"/>
    <mergeCell ref="CP7:CV7"/>
    <mergeCell ref="CW7:CW8"/>
    <mergeCell ref="CX7:CZ7"/>
    <mergeCell ref="BQ7:BS7"/>
    <mergeCell ref="BT7:BZ7"/>
    <mergeCell ref="CA7:CA8"/>
    <mergeCell ref="CB7:CD7"/>
    <mergeCell ref="CE7:CK7"/>
    <mergeCell ref="DA7:DG7"/>
    <mergeCell ref="EZ7:EZ8"/>
    <mergeCell ref="DI7:DK7"/>
    <mergeCell ref="DL7:DR7"/>
    <mergeCell ref="DS7:DS8"/>
    <mergeCell ref="DT7:DV7"/>
    <mergeCell ref="DW7:EC7"/>
    <mergeCell ref="ED7:ED8"/>
    <mergeCell ref="EE7:EG7"/>
    <mergeCell ref="EH7:EN7"/>
    <mergeCell ref="EO7:EO8"/>
    <mergeCell ref="EP7:ER7"/>
    <mergeCell ref="ES7:EY7"/>
    <mergeCell ref="GR7:GR8"/>
    <mergeCell ref="FA7:FC7"/>
    <mergeCell ref="FD7:FJ7"/>
    <mergeCell ref="FK7:FK8"/>
    <mergeCell ref="FL7:FN7"/>
    <mergeCell ref="FO7:FU7"/>
    <mergeCell ref="FV7:FV8"/>
    <mergeCell ref="FW7:FY7"/>
    <mergeCell ref="FZ7:GF7"/>
    <mergeCell ref="GG7:GG8"/>
    <mergeCell ref="GH7:GJ7"/>
    <mergeCell ref="GK7:GQ7"/>
    <mergeCell ref="HO7:HQ7"/>
    <mergeCell ref="HR7:HX7"/>
    <mergeCell ref="HY7:HY8"/>
    <mergeCell ref="GS7:GU7"/>
    <mergeCell ref="GV7:HB7"/>
    <mergeCell ref="HC7:HC8"/>
    <mergeCell ref="HD7:HF7"/>
    <mergeCell ref="HG7:HM7"/>
    <mergeCell ref="HN7:HN8"/>
    <mergeCell ref="ID1:IE1"/>
    <mergeCell ref="HZ4:ME4"/>
    <mergeCell ref="MF4:OH4"/>
    <mergeCell ref="OI4:OS6"/>
    <mergeCell ref="HZ5:IJ6"/>
    <mergeCell ref="IK5:IU6"/>
    <mergeCell ref="IV5:JF6"/>
    <mergeCell ref="JG5:JQ6"/>
    <mergeCell ref="JR5:KB6"/>
    <mergeCell ref="KC5:KM6"/>
    <mergeCell ref="KN5:KX6"/>
    <mergeCell ref="KY5:LI6"/>
    <mergeCell ref="LJ5:LT6"/>
    <mergeCell ref="LU5:ME6"/>
    <mergeCell ref="MF5:MP6"/>
    <mergeCell ref="MQ5:NA6"/>
    <mergeCell ref="JU7:KA7"/>
    <mergeCell ref="KB7:KB8"/>
    <mergeCell ref="KC7:KE7"/>
    <mergeCell ref="KF7:KL7"/>
    <mergeCell ref="KM7:KM8"/>
    <mergeCell ref="NB5:NL6"/>
    <mergeCell ref="NM5:NW6"/>
    <mergeCell ref="NX5:OH6"/>
    <mergeCell ref="HZ7:IB7"/>
    <mergeCell ref="IC7:II7"/>
    <mergeCell ref="IJ7:IJ8"/>
    <mergeCell ref="IK7:IM7"/>
    <mergeCell ref="IN7:IT7"/>
    <mergeCell ref="IU7:IU8"/>
    <mergeCell ref="IV7:IX7"/>
    <mergeCell ref="IY7:JE7"/>
    <mergeCell ref="JF7:JF8"/>
    <mergeCell ref="JG7:JI7"/>
    <mergeCell ref="JJ7:JP7"/>
    <mergeCell ref="JQ7:JQ8"/>
    <mergeCell ref="JR7:JT7"/>
    <mergeCell ref="LI7:LI8"/>
    <mergeCell ref="LJ7:LL7"/>
    <mergeCell ref="LM7:LS7"/>
    <mergeCell ref="LT7:LT8"/>
    <mergeCell ref="LU7:LW7"/>
    <mergeCell ref="KN7:KP7"/>
    <mergeCell ref="KQ7:KW7"/>
    <mergeCell ref="KX7:KX8"/>
    <mergeCell ref="KY7:LA7"/>
    <mergeCell ref="LB7:LH7"/>
    <mergeCell ref="MQ7:MS7"/>
    <mergeCell ref="MT7:MZ7"/>
    <mergeCell ref="NA7:NA8"/>
    <mergeCell ref="NB7:ND7"/>
    <mergeCell ref="NE7:NK7"/>
    <mergeCell ref="LX7:MD7"/>
    <mergeCell ref="ME7:ME8"/>
    <mergeCell ref="MF7:MH7"/>
    <mergeCell ref="MI7:MO7"/>
    <mergeCell ref="MP7:MP8"/>
    <mergeCell ref="OA7:OG7"/>
    <mergeCell ref="OH7:OH8"/>
    <mergeCell ref="OI7:OK7"/>
    <mergeCell ref="OL7:OR7"/>
    <mergeCell ref="OS7:OS8"/>
    <mergeCell ref="NL7:NL8"/>
    <mergeCell ref="NM7:NO7"/>
    <mergeCell ref="NP7:NV7"/>
    <mergeCell ref="NW7:NW8"/>
    <mergeCell ref="NX7:NZ7"/>
  </mergeCells>
  <phoneticPr fontId="4"/>
  <pageMargins left="0.78740157480314965" right="0.78740157480314965" top="0.39370078740157483" bottom="0.43307086614173229" header="0.19685039370078741" footer="0.19685039370078741"/>
  <pageSetup paperSize="9" scale="55" orientation="landscape" r:id="rId1"/>
  <headerFooter alignWithMargins="0">
    <oddFooter>&amp;L&amp;20&amp;A&amp;C&amp;P/&amp;N</oddFooter>
  </headerFooter>
  <colBreaks count="9" manualBreakCount="9">
    <brk id="24" max="1048575" man="1"/>
    <brk id="46" max="1048575" man="1"/>
    <brk id="68" max="1048575" man="1"/>
    <brk id="90" max="1048575" man="1"/>
    <brk id="112" max="1048575" man="1"/>
    <brk id="134" max="1048575" man="1"/>
    <brk id="167" max="1048575" man="1"/>
    <brk id="189" max="1048575" man="1"/>
    <brk id="211" max="1048575" man="1"/>
  </colBreaks>
</worksheet>
</file>

<file path=xl/worksheets/sheet2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HY41"/>
  <sheetViews>
    <sheetView zoomScaleNormal="100" workbookViewId="0">
      <pane xSplit="2" ySplit="7" topLeftCell="C8" activePane="bottomRight" state="frozen"/>
      <selection pane="topRight" activeCell="B1" sqref="B1"/>
      <selection pane="bottomLeft" activeCell="A8" sqref="A8"/>
      <selection pane="bottomRight" activeCell="B1" sqref="B1"/>
    </sheetView>
  </sheetViews>
  <sheetFormatPr defaultColWidth="9" defaultRowHeight="13.2" x14ac:dyDescent="0.2"/>
  <cols>
    <col min="1" max="1" width="2.5546875" style="291" customWidth="1"/>
    <col min="2" max="2" width="9" style="291" customWidth="1"/>
    <col min="3" max="4" width="9.21875" style="291" bestFit="1" customWidth="1"/>
    <col min="5" max="5" width="10.77734375" style="291" bestFit="1" customWidth="1"/>
    <col min="6" max="6" width="7.109375" style="291" customWidth="1"/>
    <col min="7" max="11" width="10.44140625" style="291" bestFit="1" customWidth="1"/>
    <col min="12" max="13" width="11.6640625" style="291" bestFit="1" customWidth="1"/>
    <col min="14" max="16" width="9.21875" style="291" bestFit="1" customWidth="1"/>
    <col min="17" max="17" width="7.44140625" style="291" customWidth="1"/>
    <col min="18" max="18" width="9.21875" style="291" bestFit="1" customWidth="1"/>
    <col min="19" max="22" width="10.44140625" style="291" bestFit="1" customWidth="1"/>
    <col min="23" max="24" width="11.6640625" style="291" bestFit="1" customWidth="1"/>
    <col min="25" max="27" width="9.109375" style="291" bestFit="1" customWidth="1"/>
    <col min="28" max="28" width="7" style="291" customWidth="1"/>
    <col min="29" max="30" width="9.109375" style="291" bestFit="1" customWidth="1"/>
    <col min="31" max="32" width="9.6640625" style="291" bestFit="1" customWidth="1"/>
    <col min="33" max="33" width="9.109375" style="291" bestFit="1" customWidth="1"/>
    <col min="34" max="35" width="9.6640625" style="291" bestFit="1" customWidth="1"/>
    <col min="36" max="38" width="9.109375" style="291" bestFit="1" customWidth="1"/>
    <col min="39" max="39" width="7.33203125" style="291" customWidth="1"/>
    <col min="40" max="49" width="9.109375" style="291" bestFit="1" customWidth="1"/>
    <col min="50" max="50" width="7.33203125" style="291" customWidth="1"/>
    <col min="51" max="60" width="9.109375" style="291" bestFit="1" customWidth="1"/>
    <col min="61" max="61" width="7.77734375" style="291" customWidth="1"/>
    <col min="62" max="71" width="9.109375" style="291" bestFit="1" customWidth="1"/>
    <col min="72" max="72" width="7.77734375" style="291" customWidth="1"/>
    <col min="73" max="77" width="9.109375" style="291" bestFit="1" customWidth="1"/>
    <col min="78" max="79" width="9.6640625" style="291" bestFit="1" customWidth="1"/>
    <col min="80" max="82" width="9.109375" style="291" bestFit="1" customWidth="1"/>
    <col min="83" max="83" width="7.88671875" style="291" customWidth="1"/>
    <col min="84" max="93" width="9.109375" style="291" bestFit="1" customWidth="1"/>
    <col min="94" max="94" width="8" style="291" customWidth="1"/>
    <col min="95" max="104" width="9.109375" style="291" bestFit="1" customWidth="1"/>
    <col min="105" max="105" width="8" style="291" customWidth="1"/>
    <col min="106" max="115" width="9.109375" style="291" bestFit="1" customWidth="1"/>
    <col min="116" max="116" width="7.6640625" style="291" customWidth="1"/>
    <col min="117" max="117" width="9.109375" style="291" bestFit="1" customWidth="1"/>
    <col min="118" max="121" width="9.6640625" style="291" bestFit="1" customWidth="1"/>
    <col min="122" max="123" width="10.6640625" style="291" bestFit="1" customWidth="1"/>
    <col min="124" max="126" width="9.109375" style="291" bestFit="1" customWidth="1"/>
    <col min="127" max="127" width="7.44140625" style="291" customWidth="1"/>
    <col min="128" max="129" width="9.109375" style="291" bestFit="1" customWidth="1"/>
    <col min="130" max="134" width="9.6640625" style="291" bestFit="1" customWidth="1"/>
    <col min="135" max="137" width="9.109375" style="291" bestFit="1" customWidth="1"/>
    <col min="138" max="138" width="7.6640625" style="291" customWidth="1"/>
    <col min="139" max="148" width="9.109375" style="291" bestFit="1" customWidth="1"/>
    <col min="149" max="149" width="7.77734375" style="291" customWidth="1"/>
    <col min="150" max="159" width="9.109375" style="291" bestFit="1" customWidth="1"/>
    <col min="160" max="160" width="7.77734375" style="291" customWidth="1"/>
    <col min="161" max="170" width="9.109375" style="291" bestFit="1" customWidth="1"/>
    <col min="171" max="171" width="7.33203125" style="291" customWidth="1"/>
    <col min="172" max="181" width="9.109375" style="291" bestFit="1" customWidth="1"/>
    <col min="182" max="182" width="8" style="291" customWidth="1"/>
    <col min="183" max="188" width="9.109375" style="291" bestFit="1" customWidth="1"/>
    <col min="189" max="189" width="9.6640625" style="291" bestFit="1" customWidth="1"/>
    <col min="190" max="192" width="9.109375" style="291" bestFit="1" customWidth="1"/>
    <col min="193" max="193" width="7.44140625" style="291" customWidth="1"/>
    <col min="194" max="203" width="9.109375" style="291" bestFit="1" customWidth="1"/>
    <col min="204" max="204" width="7.88671875" style="291" customWidth="1"/>
    <col min="205" max="214" width="9.109375" style="291" bestFit="1" customWidth="1"/>
    <col min="215" max="215" width="7.88671875" style="291" customWidth="1"/>
    <col min="216" max="225" width="9.109375" style="291" bestFit="1" customWidth="1"/>
    <col min="226" max="226" width="7.6640625" style="291" customWidth="1"/>
    <col min="227" max="229" width="9.6640625" style="291" bestFit="1" customWidth="1"/>
    <col min="230" max="230" width="10.6640625" style="291" bestFit="1" customWidth="1"/>
    <col min="231" max="231" width="9.6640625" style="291" bestFit="1" customWidth="1"/>
    <col min="232" max="233" width="10.6640625" style="291" bestFit="1" customWidth="1"/>
    <col min="234" max="16384" width="9" style="291"/>
  </cols>
  <sheetData>
    <row r="1" spans="2:233" s="1" customFormat="1" ht="24" customHeight="1" x14ac:dyDescent="0.2">
      <c r="B1" s="20" t="s">
        <v>0</v>
      </c>
      <c r="C1" s="39"/>
      <c r="D1" s="39"/>
      <c r="G1" s="500">
        <f>第１表!F2</f>
        <v>4</v>
      </c>
      <c r="H1" s="511">
        <f>第１表!G2</f>
        <v>12</v>
      </c>
      <c r="I1" s="652">
        <f>IF(H1&lt;3,H1-2+12,H1-2)</f>
        <v>10</v>
      </c>
      <c r="J1" s="652"/>
      <c r="L1" s="39"/>
      <c r="CL1" s="39"/>
      <c r="CM1" s="39"/>
      <c r="CN1" s="39"/>
      <c r="CO1" s="39"/>
      <c r="CP1" s="39"/>
      <c r="CQ1" s="39"/>
      <c r="CR1" s="39"/>
      <c r="CS1" s="39"/>
      <c r="CT1" s="39"/>
      <c r="CU1" s="39"/>
      <c r="CV1" s="39"/>
      <c r="CW1" s="39"/>
      <c r="CX1" s="39"/>
      <c r="CY1" s="39"/>
      <c r="CZ1" s="39"/>
      <c r="DA1" s="39"/>
      <c r="DB1" s="39"/>
      <c r="DC1" s="39"/>
      <c r="DD1" s="39"/>
      <c r="DE1" s="39"/>
      <c r="DF1" s="39"/>
      <c r="DG1" s="39"/>
      <c r="DH1" s="39"/>
      <c r="DI1" s="39"/>
      <c r="DJ1" s="39"/>
      <c r="DK1" s="39"/>
      <c r="DL1" s="39"/>
      <c r="DM1" s="39"/>
      <c r="DN1" s="39"/>
      <c r="DO1" s="39"/>
      <c r="DP1" s="39"/>
      <c r="DQ1" s="39"/>
      <c r="DR1" s="39"/>
      <c r="DS1" s="39"/>
      <c r="DT1" s="39"/>
      <c r="DU1" s="39"/>
      <c r="DV1" s="39"/>
      <c r="DW1" s="39"/>
      <c r="DX1" s="39"/>
      <c r="DY1" s="39"/>
      <c r="DZ1" s="39"/>
      <c r="EA1" s="39"/>
      <c r="EB1" s="39"/>
      <c r="EC1" s="39"/>
    </row>
    <row r="2" spans="2:233" ht="24" customHeight="1" thickBot="1" x14ac:dyDescent="0.25">
      <c r="B2" s="20" t="s">
        <v>120</v>
      </c>
    </row>
    <row r="3" spans="2:233" ht="21" customHeight="1" thickBot="1" x14ac:dyDescent="0.25">
      <c r="B3" s="749"/>
      <c r="C3" s="762" t="s">
        <v>116</v>
      </c>
      <c r="D3" s="763"/>
      <c r="E3" s="763"/>
      <c r="F3" s="763"/>
      <c r="G3" s="763"/>
      <c r="H3" s="763"/>
      <c r="I3" s="763"/>
      <c r="J3" s="763"/>
      <c r="K3" s="763"/>
      <c r="L3" s="763"/>
      <c r="M3" s="763"/>
      <c r="N3" s="516"/>
      <c r="O3" s="516"/>
      <c r="P3" s="516"/>
      <c r="Q3" s="516"/>
      <c r="R3" s="516"/>
      <c r="S3" s="516"/>
      <c r="T3" s="516"/>
      <c r="U3" s="516"/>
      <c r="V3" s="516"/>
      <c r="W3" s="516"/>
      <c r="X3" s="516"/>
      <c r="Y3" s="516"/>
      <c r="Z3" s="516"/>
      <c r="AA3" s="516"/>
      <c r="AB3" s="516"/>
      <c r="AC3" s="516"/>
      <c r="AD3" s="516"/>
      <c r="AE3" s="516"/>
      <c r="AF3" s="516"/>
      <c r="AG3" s="516"/>
      <c r="AH3" s="516"/>
      <c r="AI3" s="516"/>
      <c r="AJ3" s="516"/>
      <c r="AK3" s="516"/>
      <c r="AL3" s="516"/>
      <c r="AM3" s="516"/>
      <c r="AN3" s="516"/>
      <c r="AO3" s="516"/>
      <c r="AP3" s="516"/>
      <c r="AQ3" s="516"/>
      <c r="AR3" s="516"/>
      <c r="AS3" s="516"/>
      <c r="AT3" s="516"/>
      <c r="AU3" s="516"/>
      <c r="AV3" s="516"/>
      <c r="AW3" s="516"/>
      <c r="AX3" s="516"/>
      <c r="AY3" s="516"/>
      <c r="AZ3" s="516"/>
      <c r="BA3" s="516"/>
      <c r="BB3" s="516"/>
      <c r="BC3" s="516"/>
      <c r="BD3" s="516"/>
      <c r="BE3" s="516"/>
      <c r="BF3" s="516"/>
      <c r="BG3" s="516"/>
      <c r="BH3" s="516"/>
      <c r="BI3" s="516"/>
      <c r="BJ3" s="516"/>
      <c r="BK3" s="516"/>
      <c r="BL3" s="516"/>
      <c r="BM3" s="516"/>
      <c r="BN3" s="516"/>
      <c r="BO3" s="516"/>
      <c r="BP3" s="516"/>
      <c r="BQ3" s="516"/>
      <c r="BR3" s="516"/>
      <c r="BS3" s="516"/>
      <c r="BT3" s="516"/>
      <c r="BU3" s="516"/>
      <c r="BV3" s="516"/>
      <c r="BW3" s="516"/>
      <c r="BX3" s="516"/>
      <c r="BY3" s="516"/>
      <c r="BZ3" s="516"/>
      <c r="CA3" s="516"/>
      <c r="CB3" s="516"/>
      <c r="CC3" s="516"/>
      <c r="CD3" s="516"/>
      <c r="CE3" s="516"/>
      <c r="CF3" s="516"/>
      <c r="CG3" s="516"/>
      <c r="CH3" s="516"/>
      <c r="CI3" s="516"/>
      <c r="CJ3" s="516"/>
      <c r="CK3" s="516"/>
      <c r="CL3" s="516"/>
      <c r="CM3" s="516"/>
      <c r="CN3" s="516"/>
      <c r="CO3" s="516"/>
      <c r="CP3" s="516"/>
      <c r="CQ3" s="516"/>
      <c r="CR3" s="516"/>
      <c r="CS3" s="516"/>
      <c r="CT3" s="516"/>
      <c r="CU3" s="516"/>
      <c r="CV3" s="516"/>
      <c r="CW3" s="516"/>
      <c r="CX3" s="516"/>
      <c r="CY3" s="516"/>
      <c r="CZ3" s="516"/>
      <c r="DA3" s="516"/>
      <c r="DB3" s="516"/>
      <c r="DC3" s="516"/>
      <c r="DD3" s="516"/>
      <c r="DE3" s="516"/>
      <c r="DF3" s="516"/>
      <c r="DG3" s="516"/>
      <c r="DH3" s="517"/>
      <c r="DI3" s="762" t="s">
        <v>118</v>
      </c>
      <c r="DJ3" s="763"/>
      <c r="DK3" s="763"/>
      <c r="DL3" s="763"/>
      <c r="DM3" s="763"/>
      <c r="DN3" s="763"/>
      <c r="DO3" s="763"/>
      <c r="DP3" s="763"/>
      <c r="DQ3" s="763"/>
      <c r="DR3" s="763"/>
      <c r="DS3" s="763"/>
      <c r="DT3" s="763"/>
      <c r="DU3" s="763"/>
      <c r="DV3" s="763"/>
      <c r="DW3" s="763"/>
      <c r="DX3" s="763"/>
      <c r="DY3" s="763"/>
      <c r="DZ3" s="763"/>
      <c r="EA3" s="763"/>
      <c r="EB3" s="763"/>
      <c r="EC3" s="763"/>
      <c r="ED3" s="763"/>
      <c r="EE3" s="763"/>
      <c r="EF3" s="763"/>
      <c r="EG3" s="763"/>
      <c r="EH3" s="763"/>
      <c r="EI3" s="763"/>
      <c r="EJ3" s="763"/>
      <c r="EK3" s="763"/>
      <c r="EL3" s="763"/>
      <c r="EM3" s="763"/>
      <c r="EN3" s="763"/>
      <c r="EO3" s="763"/>
      <c r="EP3" s="763"/>
      <c r="EQ3" s="763"/>
      <c r="ER3" s="763"/>
      <c r="ES3" s="763"/>
      <c r="ET3" s="763"/>
      <c r="EU3" s="763"/>
      <c r="EV3" s="763"/>
      <c r="EW3" s="763"/>
      <c r="EX3" s="763"/>
      <c r="EY3" s="763"/>
      <c r="EZ3" s="763"/>
      <c r="FA3" s="763"/>
      <c r="FB3" s="763"/>
      <c r="FC3" s="763"/>
      <c r="FD3" s="763"/>
      <c r="FE3" s="763"/>
      <c r="FF3" s="763"/>
      <c r="FG3" s="763"/>
      <c r="FH3" s="763"/>
      <c r="FI3" s="763"/>
      <c r="FJ3" s="763"/>
      <c r="FK3" s="763"/>
      <c r="FL3" s="763"/>
      <c r="FM3" s="763"/>
      <c r="FN3" s="763"/>
      <c r="FO3" s="763"/>
      <c r="FP3" s="763"/>
      <c r="FQ3" s="763"/>
      <c r="FR3" s="763"/>
      <c r="FS3" s="763"/>
      <c r="FT3" s="763"/>
      <c r="FU3" s="763"/>
      <c r="FV3" s="763"/>
      <c r="FW3" s="763"/>
      <c r="FX3" s="763"/>
      <c r="FY3" s="763"/>
      <c r="FZ3" s="763"/>
      <c r="GA3" s="763"/>
      <c r="GB3" s="763"/>
      <c r="GC3" s="763"/>
      <c r="GD3" s="763"/>
      <c r="GE3" s="763"/>
      <c r="GF3" s="763"/>
      <c r="GG3" s="763"/>
      <c r="GH3" s="763"/>
      <c r="GI3" s="763"/>
      <c r="GJ3" s="763"/>
      <c r="GK3" s="763"/>
      <c r="GL3" s="763"/>
      <c r="GM3" s="763"/>
      <c r="GN3" s="763"/>
      <c r="GO3" s="763"/>
      <c r="GP3" s="763"/>
      <c r="GQ3" s="763"/>
      <c r="GR3" s="763"/>
      <c r="GS3" s="763"/>
      <c r="GT3" s="763"/>
      <c r="GU3" s="763"/>
      <c r="GV3" s="763"/>
      <c r="GW3" s="763"/>
      <c r="GX3" s="763"/>
      <c r="GY3" s="763"/>
      <c r="GZ3" s="763"/>
      <c r="HA3" s="763"/>
      <c r="HB3" s="763"/>
      <c r="HC3" s="763"/>
      <c r="HD3" s="763"/>
      <c r="HE3" s="763"/>
      <c r="HF3" s="763"/>
      <c r="HG3" s="763"/>
      <c r="HH3" s="763"/>
      <c r="HI3" s="763"/>
      <c r="HJ3" s="763"/>
      <c r="HK3" s="763"/>
      <c r="HL3" s="763"/>
      <c r="HM3" s="763"/>
      <c r="HN3" s="764"/>
      <c r="HO3" s="756" t="s">
        <v>60</v>
      </c>
      <c r="HP3" s="757"/>
      <c r="HQ3" s="757"/>
      <c r="HR3" s="757"/>
      <c r="HS3" s="757"/>
      <c r="HT3" s="757"/>
      <c r="HU3" s="757"/>
      <c r="HV3" s="757"/>
      <c r="HW3" s="757"/>
      <c r="HX3" s="757"/>
      <c r="HY3" s="758"/>
    </row>
    <row r="4" spans="2:233" ht="21" customHeight="1" thickBot="1" x14ac:dyDescent="0.25">
      <c r="B4" s="750"/>
      <c r="C4" s="737"/>
      <c r="D4" s="738"/>
      <c r="E4" s="738"/>
      <c r="F4" s="738"/>
      <c r="G4" s="738"/>
      <c r="H4" s="738"/>
      <c r="I4" s="738"/>
      <c r="J4" s="738"/>
      <c r="K4" s="738"/>
      <c r="L4" s="738"/>
      <c r="M4" s="765"/>
      <c r="N4" s="752" t="s">
        <v>57</v>
      </c>
      <c r="O4" s="753"/>
      <c r="P4" s="753"/>
      <c r="Q4" s="753"/>
      <c r="R4" s="753"/>
      <c r="S4" s="753"/>
      <c r="T4" s="753"/>
      <c r="U4" s="753"/>
      <c r="V4" s="753"/>
      <c r="W4" s="753"/>
      <c r="X4" s="754"/>
      <c r="Y4" s="752" t="s">
        <v>58</v>
      </c>
      <c r="Z4" s="753"/>
      <c r="AA4" s="753"/>
      <c r="AB4" s="753"/>
      <c r="AC4" s="753"/>
      <c r="AD4" s="753"/>
      <c r="AE4" s="753"/>
      <c r="AF4" s="753"/>
      <c r="AG4" s="753"/>
      <c r="AH4" s="753"/>
      <c r="AI4" s="754"/>
      <c r="AJ4" s="752" t="s">
        <v>59</v>
      </c>
      <c r="AK4" s="753"/>
      <c r="AL4" s="753"/>
      <c r="AM4" s="753"/>
      <c r="AN4" s="753"/>
      <c r="AO4" s="753"/>
      <c r="AP4" s="753"/>
      <c r="AQ4" s="753"/>
      <c r="AR4" s="753"/>
      <c r="AS4" s="753"/>
      <c r="AT4" s="754"/>
      <c r="AU4" s="752" t="s">
        <v>151</v>
      </c>
      <c r="AV4" s="753"/>
      <c r="AW4" s="753"/>
      <c r="AX4" s="753"/>
      <c r="AY4" s="753"/>
      <c r="AZ4" s="753"/>
      <c r="BA4" s="753"/>
      <c r="BB4" s="753"/>
      <c r="BC4" s="753"/>
      <c r="BD4" s="753"/>
      <c r="BE4" s="754"/>
      <c r="BF4" s="752" t="s">
        <v>117</v>
      </c>
      <c r="BG4" s="753"/>
      <c r="BH4" s="753"/>
      <c r="BI4" s="753"/>
      <c r="BJ4" s="753"/>
      <c r="BK4" s="753"/>
      <c r="BL4" s="753"/>
      <c r="BM4" s="753"/>
      <c r="BN4" s="753"/>
      <c r="BO4" s="753"/>
      <c r="BP4" s="754"/>
      <c r="BQ4" s="752" t="s">
        <v>77</v>
      </c>
      <c r="BR4" s="753"/>
      <c r="BS4" s="753"/>
      <c r="BT4" s="753"/>
      <c r="BU4" s="753"/>
      <c r="BV4" s="753"/>
      <c r="BW4" s="753"/>
      <c r="BX4" s="753"/>
      <c r="BY4" s="753"/>
      <c r="BZ4" s="753"/>
      <c r="CA4" s="754"/>
      <c r="CB4" s="752" t="s">
        <v>78</v>
      </c>
      <c r="CC4" s="753"/>
      <c r="CD4" s="753"/>
      <c r="CE4" s="753"/>
      <c r="CF4" s="753"/>
      <c r="CG4" s="753"/>
      <c r="CH4" s="753"/>
      <c r="CI4" s="753"/>
      <c r="CJ4" s="753"/>
      <c r="CK4" s="753"/>
      <c r="CL4" s="754"/>
      <c r="CM4" s="752" t="s">
        <v>79</v>
      </c>
      <c r="CN4" s="753"/>
      <c r="CO4" s="753"/>
      <c r="CP4" s="753"/>
      <c r="CQ4" s="753"/>
      <c r="CR4" s="753"/>
      <c r="CS4" s="753"/>
      <c r="CT4" s="753"/>
      <c r="CU4" s="753"/>
      <c r="CV4" s="753"/>
      <c r="CW4" s="754"/>
      <c r="CX4" s="752" t="s">
        <v>152</v>
      </c>
      <c r="CY4" s="753"/>
      <c r="CZ4" s="753"/>
      <c r="DA4" s="753"/>
      <c r="DB4" s="753"/>
      <c r="DC4" s="753"/>
      <c r="DD4" s="753"/>
      <c r="DE4" s="753"/>
      <c r="DF4" s="753"/>
      <c r="DG4" s="753"/>
      <c r="DH4" s="754"/>
      <c r="DI4" s="737"/>
      <c r="DJ4" s="738"/>
      <c r="DK4" s="738"/>
      <c r="DL4" s="738"/>
      <c r="DM4" s="738"/>
      <c r="DN4" s="738"/>
      <c r="DO4" s="738"/>
      <c r="DP4" s="738"/>
      <c r="DQ4" s="738"/>
      <c r="DR4" s="738"/>
      <c r="DS4" s="739"/>
      <c r="DT4" s="752" t="s">
        <v>57</v>
      </c>
      <c r="DU4" s="753"/>
      <c r="DV4" s="753"/>
      <c r="DW4" s="753"/>
      <c r="DX4" s="753"/>
      <c r="DY4" s="753"/>
      <c r="DZ4" s="753"/>
      <c r="EA4" s="753"/>
      <c r="EB4" s="753"/>
      <c r="EC4" s="753"/>
      <c r="ED4" s="754"/>
      <c r="EE4" s="752" t="s">
        <v>58</v>
      </c>
      <c r="EF4" s="753"/>
      <c r="EG4" s="753"/>
      <c r="EH4" s="753"/>
      <c r="EI4" s="753"/>
      <c r="EJ4" s="753"/>
      <c r="EK4" s="753"/>
      <c r="EL4" s="753"/>
      <c r="EM4" s="753"/>
      <c r="EN4" s="753"/>
      <c r="EO4" s="754"/>
      <c r="EP4" s="752" t="s">
        <v>59</v>
      </c>
      <c r="EQ4" s="753"/>
      <c r="ER4" s="753"/>
      <c r="ES4" s="753"/>
      <c r="ET4" s="753"/>
      <c r="EU4" s="753"/>
      <c r="EV4" s="753"/>
      <c r="EW4" s="753"/>
      <c r="EX4" s="753"/>
      <c r="EY4" s="753"/>
      <c r="EZ4" s="754"/>
      <c r="FA4" s="752" t="s">
        <v>151</v>
      </c>
      <c r="FB4" s="753"/>
      <c r="FC4" s="753"/>
      <c r="FD4" s="753"/>
      <c r="FE4" s="753"/>
      <c r="FF4" s="753"/>
      <c r="FG4" s="753"/>
      <c r="FH4" s="753"/>
      <c r="FI4" s="753"/>
      <c r="FJ4" s="753"/>
      <c r="FK4" s="754"/>
      <c r="FL4" s="752" t="s">
        <v>117</v>
      </c>
      <c r="FM4" s="753"/>
      <c r="FN4" s="753"/>
      <c r="FO4" s="753"/>
      <c r="FP4" s="753"/>
      <c r="FQ4" s="753"/>
      <c r="FR4" s="753"/>
      <c r="FS4" s="753"/>
      <c r="FT4" s="753"/>
      <c r="FU4" s="753"/>
      <c r="FV4" s="754"/>
      <c r="FW4" s="752" t="s">
        <v>77</v>
      </c>
      <c r="FX4" s="753"/>
      <c r="FY4" s="753"/>
      <c r="FZ4" s="753"/>
      <c r="GA4" s="753"/>
      <c r="GB4" s="753"/>
      <c r="GC4" s="753"/>
      <c r="GD4" s="753"/>
      <c r="GE4" s="753"/>
      <c r="GF4" s="753"/>
      <c r="GG4" s="754"/>
      <c r="GH4" s="752" t="s">
        <v>78</v>
      </c>
      <c r="GI4" s="753"/>
      <c r="GJ4" s="753"/>
      <c r="GK4" s="753"/>
      <c r="GL4" s="753"/>
      <c r="GM4" s="753"/>
      <c r="GN4" s="753"/>
      <c r="GO4" s="753"/>
      <c r="GP4" s="753"/>
      <c r="GQ4" s="753"/>
      <c r="GR4" s="754"/>
      <c r="GS4" s="752" t="s">
        <v>79</v>
      </c>
      <c r="GT4" s="753"/>
      <c r="GU4" s="753"/>
      <c r="GV4" s="753"/>
      <c r="GW4" s="753"/>
      <c r="GX4" s="753"/>
      <c r="GY4" s="753"/>
      <c r="GZ4" s="753"/>
      <c r="HA4" s="753"/>
      <c r="HB4" s="753"/>
      <c r="HC4" s="754"/>
      <c r="HD4" s="752" t="s">
        <v>152</v>
      </c>
      <c r="HE4" s="753"/>
      <c r="HF4" s="753"/>
      <c r="HG4" s="753"/>
      <c r="HH4" s="753"/>
      <c r="HI4" s="753"/>
      <c r="HJ4" s="753"/>
      <c r="HK4" s="753"/>
      <c r="HL4" s="753"/>
      <c r="HM4" s="753"/>
      <c r="HN4" s="754"/>
      <c r="HO4" s="759"/>
      <c r="HP4" s="760"/>
      <c r="HQ4" s="760"/>
      <c r="HR4" s="760"/>
      <c r="HS4" s="760"/>
      <c r="HT4" s="760"/>
      <c r="HU4" s="760"/>
      <c r="HV4" s="760"/>
      <c r="HW4" s="760"/>
      <c r="HX4" s="760"/>
      <c r="HY4" s="761"/>
    </row>
    <row r="5" spans="2:233" ht="21" customHeight="1" x14ac:dyDescent="0.2">
      <c r="B5" s="750"/>
      <c r="C5" s="742" t="s">
        <v>61</v>
      </c>
      <c r="D5" s="743"/>
      <c r="E5" s="744"/>
      <c r="F5" s="745" t="s">
        <v>62</v>
      </c>
      <c r="G5" s="743"/>
      <c r="H5" s="743"/>
      <c r="I5" s="743"/>
      <c r="J5" s="743"/>
      <c r="K5" s="743"/>
      <c r="L5" s="746"/>
      <c r="M5" s="755" t="s">
        <v>52</v>
      </c>
      <c r="N5" s="737" t="s">
        <v>61</v>
      </c>
      <c r="O5" s="738"/>
      <c r="P5" s="739"/>
      <c r="Q5" s="740" t="s">
        <v>62</v>
      </c>
      <c r="R5" s="738"/>
      <c r="S5" s="738"/>
      <c r="T5" s="738"/>
      <c r="U5" s="738"/>
      <c r="V5" s="738"/>
      <c r="W5" s="741"/>
      <c r="X5" s="639" t="s">
        <v>52</v>
      </c>
      <c r="Y5" s="737" t="s">
        <v>61</v>
      </c>
      <c r="Z5" s="738"/>
      <c r="AA5" s="739"/>
      <c r="AB5" s="740" t="s">
        <v>62</v>
      </c>
      <c r="AC5" s="738"/>
      <c r="AD5" s="738"/>
      <c r="AE5" s="738"/>
      <c r="AF5" s="738"/>
      <c r="AG5" s="738"/>
      <c r="AH5" s="741"/>
      <c r="AI5" s="639" t="s">
        <v>52</v>
      </c>
      <c r="AJ5" s="737" t="s">
        <v>61</v>
      </c>
      <c r="AK5" s="738"/>
      <c r="AL5" s="739"/>
      <c r="AM5" s="740" t="s">
        <v>62</v>
      </c>
      <c r="AN5" s="738"/>
      <c r="AO5" s="738"/>
      <c r="AP5" s="738"/>
      <c r="AQ5" s="738"/>
      <c r="AR5" s="738"/>
      <c r="AS5" s="741"/>
      <c r="AT5" s="639" t="s">
        <v>52</v>
      </c>
      <c r="AU5" s="737" t="s">
        <v>61</v>
      </c>
      <c r="AV5" s="738"/>
      <c r="AW5" s="739"/>
      <c r="AX5" s="740" t="s">
        <v>62</v>
      </c>
      <c r="AY5" s="738"/>
      <c r="AZ5" s="738"/>
      <c r="BA5" s="738"/>
      <c r="BB5" s="738"/>
      <c r="BC5" s="738"/>
      <c r="BD5" s="741"/>
      <c r="BE5" s="639" t="s">
        <v>52</v>
      </c>
      <c r="BF5" s="737" t="s">
        <v>61</v>
      </c>
      <c r="BG5" s="738"/>
      <c r="BH5" s="739"/>
      <c r="BI5" s="740" t="s">
        <v>62</v>
      </c>
      <c r="BJ5" s="738"/>
      <c r="BK5" s="738"/>
      <c r="BL5" s="738"/>
      <c r="BM5" s="738"/>
      <c r="BN5" s="738"/>
      <c r="BO5" s="741"/>
      <c r="BP5" s="639" t="s">
        <v>52</v>
      </c>
      <c r="BQ5" s="737" t="s">
        <v>61</v>
      </c>
      <c r="BR5" s="738"/>
      <c r="BS5" s="739"/>
      <c r="BT5" s="740" t="s">
        <v>62</v>
      </c>
      <c r="BU5" s="738"/>
      <c r="BV5" s="738"/>
      <c r="BW5" s="738"/>
      <c r="BX5" s="738"/>
      <c r="BY5" s="738"/>
      <c r="BZ5" s="741"/>
      <c r="CA5" s="639" t="s">
        <v>52</v>
      </c>
      <c r="CB5" s="737" t="s">
        <v>61</v>
      </c>
      <c r="CC5" s="738"/>
      <c r="CD5" s="739"/>
      <c r="CE5" s="740" t="s">
        <v>62</v>
      </c>
      <c r="CF5" s="738"/>
      <c r="CG5" s="738"/>
      <c r="CH5" s="738"/>
      <c r="CI5" s="738"/>
      <c r="CJ5" s="738"/>
      <c r="CK5" s="741"/>
      <c r="CL5" s="639" t="s">
        <v>52</v>
      </c>
      <c r="CM5" s="737" t="s">
        <v>61</v>
      </c>
      <c r="CN5" s="738"/>
      <c r="CO5" s="739"/>
      <c r="CP5" s="740" t="s">
        <v>62</v>
      </c>
      <c r="CQ5" s="738"/>
      <c r="CR5" s="738"/>
      <c r="CS5" s="738"/>
      <c r="CT5" s="738"/>
      <c r="CU5" s="738"/>
      <c r="CV5" s="741"/>
      <c r="CW5" s="639" t="s">
        <v>52</v>
      </c>
      <c r="CX5" s="737" t="s">
        <v>61</v>
      </c>
      <c r="CY5" s="738"/>
      <c r="CZ5" s="739"/>
      <c r="DA5" s="740" t="s">
        <v>62</v>
      </c>
      <c r="DB5" s="738"/>
      <c r="DC5" s="738"/>
      <c r="DD5" s="738"/>
      <c r="DE5" s="738"/>
      <c r="DF5" s="738"/>
      <c r="DG5" s="741"/>
      <c r="DH5" s="639" t="s">
        <v>52</v>
      </c>
      <c r="DI5" s="742" t="s">
        <v>61</v>
      </c>
      <c r="DJ5" s="743"/>
      <c r="DK5" s="744"/>
      <c r="DL5" s="745" t="s">
        <v>62</v>
      </c>
      <c r="DM5" s="743"/>
      <c r="DN5" s="743"/>
      <c r="DO5" s="743"/>
      <c r="DP5" s="743"/>
      <c r="DQ5" s="743"/>
      <c r="DR5" s="746"/>
      <c r="DS5" s="747" t="s">
        <v>52</v>
      </c>
      <c r="DT5" s="737" t="s">
        <v>61</v>
      </c>
      <c r="DU5" s="738"/>
      <c r="DV5" s="739"/>
      <c r="DW5" s="740" t="s">
        <v>62</v>
      </c>
      <c r="DX5" s="738"/>
      <c r="DY5" s="738"/>
      <c r="DZ5" s="738"/>
      <c r="EA5" s="738"/>
      <c r="EB5" s="738"/>
      <c r="EC5" s="741"/>
      <c r="ED5" s="639" t="s">
        <v>52</v>
      </c>
      <c r="EE5" s="737" t="s">
        <v>61</v>
      </c>
      <c r="EF5" s="738"/>
      <c r="EG5" s="739"/>
      <c r="EH5" s="740" t="s">
        <v>62</v>
      </c>
      <c r="EI5" s="738"/>
      <c r="EJ5" s="738"/>
      <c r="EK5" s="738"/>
      <c r="EL5" s="738"/>
      <c r="EM5" s="738"/>
      <c r="EN5" s="741"/>
      <c r="EO5" s="639" t="s">
        <v>52</v>
      </c>
      <c r="EP5" s="737" t="s">
        <v>61</v>
      </c>
      <c r="EQ5" s="738"/>
      <c r="ER5" s="739"/>
      <c r="ES5" s="740" t="s">
        <v>62</v>
      </c>
      <c r="ET5" s="738"/>
      <c r="EU5" s="738"/>
      <c r="EV5" s="738"/>
      <c r="EW5" s="738"/>
      <c r="EX5" s="738"/>
      <c r="EY5" s="741"/>
      <c r="EZ5" s="639" t="s">
        <v>52</v>
      </c>
      <c r="FA5" s="737" t="s">
        <v>61</v>
      </c>
      <c r="FB5" s="738"/>
      <c r="FC5" s="739"/>
      <c r="FD5" s="740" t="s">
        <v>62</v>
      </c>
      <c r="FE5" s="738"/>
      <c r="FF5" s="738"/>
      <c r="FG5" s="738"/>
      <c r="FH5" s="738"/>
      <c r="FI5" s="738"/>
      <c r="FJ5" s="741"/>
      <c r="FK5" s="639" t="s">
        <v>52</v>
      </c>
      <c r="FL5" s="737" t="s">
        <v>61</v>
      </c>
      <c r="FM5" s="738"/>
      <c r="FN5" s="739"/>
      <c r="FO5" s="740" t="s">
        <v>62</v>
      </c>
      <c r="FP5" s="738"/>
      <c r="FQ5" s="738"/>
      <c r="FR5" s="738"/>
      <c r="FS5" s="738"/>
      <c r="FT5" s="738"/>
      <c r="FU5" s="741"/>
      <c r="FV5" s="639" t="s">
        <v>52</v>
      </c>
      <c r="FW5" s="737" t="s">
        <v>61</v>
      </c>
      <c r="FX5" s="738"/>
      <c r="FY5" s="739"/>
      <c r="FZ5" s="740" t="s">
        <v>62</v>
      </c>
      <c r="GA5" s="738"/>
      <c r="GB5" s="738"/>
      <c r="GC5" s="738"/>
      <c r="GD5" s="738"/>
      <c r="GE5" s="738"/>
      <c r="GF5" s="741"/>
      <c r="GG5" s="639" t="s">
        <v>52</v>
      </c>
      <c r="GH5" s="737" t="s">
        <v>61</v>
      </c>
      <c r="GI5" s="738"/>
      <c r="GJ5" s="739"/>
      <c r="GK5" s="740" t="s">
        <v>62</v>
      </c>
      <c r="GL5" s="738"/>
      <c r="GM5" s="738"/>
      <c r="GN5" s="738"/>
      <c r="GO5" s="738"/>
      <c r="GP5" s="738"/>
      <c r="GQ5" s="741"/>
      <c r="GR5" s="639" t="s">
        <v>52</v>
      </c>
      <c r="GS5" s="737" t="s">
        <v>61</v>
      </c>
      <c r="GT5" s="738"/>
      <c r="GU5" s="739"/>
      <c r="GV5" s="740" t="s">
        <v>62</v>
      </c>
      <c r="GW5" s="738"/>
      <c r="GX5" s="738"/>
      <c r="GY5" s="738"/>
      <c r="GZ5" s="738"/>
      <c r="HA5" s="738"/>
      <c r="HB5" s="741"/>
      <c r="HC5" s="639" t="s">
        <v>52</v>
      </c>
      <c r="HD5" s="737" t="s">
        <v>61</v>
      </c>
      <c r="HE5" s="738"/>
      <c r="HF5" s="739"/>
      <c r="HG5" s="740" t="s">
        <v>62</v>
      </c>
      <c r="HH5" s="738"/>
      <c r="HI5" s="738"/>
      <c r="HJ5" s="738"/>
      <c r="HK5" s="738"/>
      <c r="HL5" s="738"/>
      <c r="HM5" s="741"/>
      <c r="HN5" s="639" t="s">
        <v>52</v>
      </c>
      <c r="HO5" s="737" t="s">
        <v>61</v>
      </c>
      <c r="HP5" s="738"/>
      <c r="HQ5" s="739"/>
      <c r="HR5" s="740" t="s">
        <v>62</v>
      </c>
      <c r="HS5" s="738"/>
      <c r="HT5" s="738"/>
      <c r="HU5" s="738"/>
      <c r="HV5" s="738"/>
      <c r="HW5" s="738"/>
      <c r="HX5" s="741"/>
      <c r="HY5" s="639" t="s">
        <v>52</v>
      </c>
    </row>
    <row r="6" spans="2:233" ht="30" customHeight="1" thickBot="1" x14ac:dyDescent="0.25">
      <c r="B6" s="751"/>
      <c r="C6" s="371" t="s">
        <v>119</v>
      </c>
      <c r="D6" s="372" t="s">
        <v>44</v>
      </c>
      <c r="E6" s="379" t="s">
        <v>45</v>
      </c>
      <c r="F6" s="380" t="s">
        <v>83</v>
      </c>
      <c r="G6" s="372" t="s">
        <v>47</v>
      </c>
      <c r="H6" s="372" t="s">
        <v>48</v>
      </c>
      <c r="I6" s="372" t="s">
        <v>49</v>
      </c>
      <c r="J6" s="372" t="s">
        <v>50</v>
      </c>
      <c r="K6" s="372" t="s">
        <v>51</v>
      </c>
      <c r="L6" s="381" t="s">
        <v>45</v>
      </c>
      <c r="M6" s="736"/>
      <c r="N6" s="371" t="s">
        <v>119</v>
      </c>
      <c r="O6" s="372" t="s">
        <v>44</v>
      </c>
      <c r="P6" s="379" t="s">
        <v>45</v>
      </c>
      <c r="Q6" s="380" t="s">
        <v>83</v>
      </c>
      <c r="R6" s="372" t="s">
        <v>47</v>
      </c>
      <c r="S6" s="372" t="s">
        <v>48</v>
      </c>
      <c r="T6" s="372" t="s">
        <v>49</v>
      </c>
      <c r="U6" s="372" t="s">
        <v>50</v>
      </c>
      <c r="V6" s="372" t="s">
        <v>51</v>
      </c>
      <c r="W6" s="381" t="s">
        <v>45</v>
      </c>
      <c r="X6" s="736"/>
      <c r="Y6" s="371" t="s">
        <v>119</v>
      </c>
      <c r="Z6" s="372" t="s">
        <v>44</v>
      </c>
      <c r="AA6" s="379" t="s">
        <v>45</v>
      </c>
      <c r="AB6" s="380" t="s">
        <v>83</v>
      </c>
      <c r="AC6" s="372" t="s">
        <v>47</v>
      </c>
      <c r="AD6" s="372" t="s">
        <v>48</v>
      </c>
      <c r="AE6" s="372" t="s">
        <v>49</v>
      </c>
      <c r="AF6" s="372" t="s">
        <v>50</v>
      </c>
      <c r="AG6" s="372" t="s">
        <v>51</v>
      </c>
      <c r="AH6" s="381" t="s">
        <v>45</v>
      </c>
      <c r="AI6" s="736"/>
      <c r="AJ6" s="371" t="s">
        <v>119</v>
      </c>
      <c r="AK6" s="372" t="s">
        <v>44</v>
      </c>
      <c r="AL6" s="379" t="s">
        <v>45</v>
      </c>
      <c r="AM6" s="380" t="s">
        <v>83</v>
      </c>
      <c r="AN6" s="372" t="s">
        <v>47</v>
      </c>
      <c r="AO6" s="372" t="s">
        <v>48</v>
      </c>
      <c r="AP6" s="372" t="s">
        <v>49</v>
      </c>
      <c r="AQ6" s="372" t="s">
        <v>50</v>
      </c>
      <c r="AR6" s="372" t="s">
        <v>51</v>
      </c>
      <c r="AS6" s="381" t="s">
        <v>45</v>
      </c>
      <c r="AT6" s="736"/>
      <c r="AU6" s="371" t="s">
        <v>119</v>
      </c>
      <c r="AV6" s="372" t="s">
        <v>44</v>
      </c>
      <c r="AW6" s="379" t="s">
        <v>45</v>
      </c>
      <c r="AX6" s="380" t="s">
        <v>83</v>
      </c>
      <c r="AY6" s="372" t="s">
        <v>47</v>
      </c>
      <c r="AZ6" s="372" t="s">
        <v>48</v>
      </c>
      <c r="BA6" s="372" t="s">
        <v>49</v>
      </c>
      <c r="BB6" s="372" t="s">
        <v>50</v>
      </c>
      <c r="BC6" s="372" t="s">
        <v>51</v>
      </c>
      <c r="BD6" s="381" t="s">
        <v>45</v>
      </c>
      <c r="BE6" s="736"/>
      <c r="BF6" s="371" t="s">
        <v>119</v>
      </c>
      <c r="BG6" s="372" t="s">
        <v>44</v>
      </c>
      <c r="BH6" s="379" t="s">
        <v>45</v>
      </c>
      <c r="BI6" s="380" t="s">
        <v>83</v>
      </c>
      <c r="BJ6" s="372" t="s">
        <v>47</v>
      </c>
      <c r="BK6" s="372" t="s">
        <v>48</v>
      </c>
      <c r="BL6" s="372" t="s">
        <v>49</v>
      </c>
      <c r="BM6" s="372" t="s">
        <v>50</v>
      </c>
      <c r="BN6" s="372" t="s">
        <v>51</v>
      </c>
      <c r="BO6" s="381" t="s">
        <v>45</v>
      </c>
      <c r="BP6" s="736"/>
      <c r="BQ6" s="371" t="s">
        <v>119</v>
      </c>
      <c r="BR6" s="372" t="s">
        <v>44</v>
      </c>
      <c r="BS6" s="379" t="s">
        <v>45</v>
      </c>
      <c r="BT6" s="380" t="s">
        <v>83</v>
      </c>
      <c r="BU6" s="372" t="s">
        <v>47</v>
      </c>
      <c r="BV6" s="372" t="s">
        <v>48</v>
      </c>
      <c r="BW6" s="372" t="s">
        <v>49</v>
      </c>
      <c r="BX6" s="372" t="s">
        <v>50</v>
      </c>
      <c r="BY6" s="372" t="s">
        <v>51</v>
      </c>
      <c r="BZ6" s="381" t="s">
        <v>45</v>
      </c>
      <c r="CA6" s="736"/>
      <c r="CB6" s="371" t="s">
        <v>119</v>
      </c>
      <c r="CC6" s="372" t="s">
        <v>44</v>
      </c>
      <c r="CD6" s="379" t="s">
        <v>45</v>
      </c>
      <c r="CE6" s="380" t="s">
        <v>83</v>
      </c>
      <c r="CF6" s="372" t="s">
        <v>47</v>
      </c>
      <c r="CG6" s="372" t="s">
        <v>48</v>
      </c>
      <c r="CH6" s="372" t="s">
        <v>49</v>
      </c>
      <c r="CI6" s="372" t="s">
        <v>50</v>
      </c>
      <c r="CJ6" s="372" t="s">
        <v>51</v>
      </c>
      <c r="CK6" s="381" t="s">
        <v>45</v>
      </c>
      <c r="CL6" s="736"/>
      <c r="CM6" s="371" t="s">
        <v>119</v>
      </c>
      <c r="CN6" s="372" t="s">
        <v>44</v>
      </c>
      <c r="CO6" s="379" t="s">
        <v>45</v>
      </c>
      <c r="CP6" s="380" t="s">
        <v>83</v>
      </c>
      <c r="CQ6" s="372" t="s">
        <v>47</v>
      </c>
      <c r="CR6" s="372" t="s">
        <v>48</v>
      </c>
      <c r="CS6" s="372" t="s">
        <v>49</v>
      </c>
      <c r="CT6" s="372" t="s">
        <v>50</v>
      </c>
      <c r="CU6" s="372" t="s">
        <v>51</v>
      </c>
      <c r="CV6" s="381" t="s">
        <v>45</v>
      </c>
      <c r="CW6" s="736"/>
      <c r="CX6" s="371" t="s">
        <v>119</v>
      </c>
      <c r="CY6" s="372" t="s">
        <v>44</v>
      </c>
      <c r="CZ6" s="379" t="s">
        <v>45</v>
      </c>
      <c r="DA6" s="380" t="s">
        <v>83</v>
      </c>
      <c r="DB6" s="372" t="s">
        <v>47</v>
      </c>
      <c r="DC6" s="372" t="s">
        <v>48</v>
      </c>
      <c r="DD6" s="372" t="s">
        <v>49</v>
      </c>
      <c r="DE6" s="372" t="s">
        <v>50</v>
      </c>
      <c r="DF6" s="372" t="s">
        <v>51</v>
      </c>
      <c r="DG6" s="381" t="s">
        <v>45</v>
      </c>
      <c r="DH6" s="736"/>
      <c r="DI6" s="371" t="s">
        <v>119</v>
      </c>
      <c r="DJ6" s="372" t="s">
        <v>44</v>
      </c>
      <c r="DK6" s="379" t="s">
        <v>45</v>
      </c>
      <c r="DL6" s="380" t="s">
        <v>83</v>
      </c>
      <c r="DM6" s="372" t="s">
        <v>47</v>
      </c>
      <c r="DN6" s="372" t="s">
        <v>48</v>
      </c>
      <c r="DO6" s="372" t="s">
        <v>49</v>
      </c>
      <c r="DP6" s="372" t="s">
        <v>50</v>
      </c>
      <c r="DQ6" s="372" t="s">
        <v>51</v>
      </c>
      <c r="DR6" s="381" t="s">
        <v>45</v>
      </c>
      <c r="DS6" s="748"/>
      <c r="DT6" s="371" t="s">
        <v>119</v>
      </c>
      <c r="DU6" s="372" t="s">
        <v>44</v>
      </c>
      <c r="DV6" s="379" t="s">
        <v>45</v>
      </c>
      <c r="DW6" s="380" t="s">
        <v>83</v>
      </c>
      <c r="DX6" s="372" t="s">
        <v>47</v>
      </c>
      <c r="DY6" s="372" t="s">
        <v>48</v>
      </c>
      <c r="DZ6" s="372" t="s">
        <v>49</v>
      </c>
      <c r="EA6" s="372" t="s">
        <v>50</v>
      </c>
      <c r="EB6" s="372" t="s">
        <v>51</v>
      </c>
      <c r="EC6" s="381" t="s">
        <v>45</v>
      </c>
      <c r="ED6" s="736"/>
      <c r="EE6" s="371" t="s">
        <v>119</v>
      </c>
      <c r="EF6" s="372" t="s">
        <v>44</v>
      </c>
      <c r="EG6" s="379" t="s">
        <v>45</v>
      </c>
      <c r="EH6" s="380" t="s">
        <v>83</v>
      </c>
      <c r="EI6" s="372" t="s">
        <v>47</v>
      </c>
      <c r="EJ6" s="372" t="s">
        <v>48</v>
      </c>
      <c r="EK6" s="372" t="s">
        <v>49</v>
      </c>
      <c r="EL6" s="372" t="s">
        <v>50</v>
      </c>
      <c r="EM6" s="372" t="s">
        <v>51</v>
      </c>
      <c r="EN6" s="381" t="s">
        <v>45</v>
      </c>
      <c r="EO6" s="736"/>
      <c r="EP6" s="371" t="s">
        <v>119</v>
      </c>
      <c r="EQ6" s="372" t="s">
        <v>44</v>
      </c>
      <c r="ER6" s="379" t="s">
        <v>45</v>
      </c>
      <c r="ES6" s="380" t="s">
        <v>83</v>
      </c>
      <c r="ET6" s="372" t="s">
        <v>47</v>
      </c>
      <c r="EU6" s="372" t="s">
        <v>48</v>
      </c>
      <c r="EV6" s="372" t="s">
        <v>49</v>
      </c>
      <c r="EW6" s="372" t="s">
        <v>50</v>
      </c>
      <c r="EX6" s="372" t="s">
        <v>51</v>
      </c>
      <c r="EY6" s="381" t="s">
        <v>45</v>
      </c>
      <c r="EZ6" s="736"/>
      <c r="FA6" s="371" t="s">
        <v>119</v>
      </c>
      <c r="FB6" s="372" t="s">
        <v>44</v>
      </c>
      <c r="FC6" s="379" t="s">
        <v>45</v>
      </c>
      <c r="FD6" s="380" t="s">
        <v>83</v>
      </c>
      <c r="FE6" s="372" t="s">
        <v>47</v>
      </c>
      <c r="FF6" s="372" t="s">
        <v>48</v>
      </c>
      <c r="FG6" s="372" t="s">
        <v>49</v>
      </c>
      <c r="FH6" s="372" t="s">
        <v>50</v>
      </c>
      <c r="FI6" s="372" t="s">
        <v>51</v>
      </c>
      <c r="FJ6" s="381" t="s">
        <v>45</v>
      </c>
      <c r="FK6" s="736"/>
      <c r="FL6" s="371" t="s">
        <v>119</v>
      </c>
      <c r="FM6" s="372" t="s">
        <v>44</v>
      </c>
      <c r="FN6" s="379" t="s">
        <v>45</v>
      </c>
      <c r="FO6" s="380" t="s">
        <v>83</v>
      </c>
      <c r="FP6" s="372" t="s">
        <v>47</v>
      </c>
      <c r="FQ6" s="372" t="s">
        <v>48</v>
      </c>
      <c r="FR6" s="372" t="s">
        <v>49</v>
      </c>
      <c r="FS6" s="372" t="s">
        <v>50</v>
      </c>
      <c r="FT6" s="372" t="s">
        <v>51</v>
      </c>
      <c r="FU6" s="381" t="s">
        <v>45</v>
      </c>
      <c r="FV6" s="736"/>
      <c r="FW6" s="371" t="s">
        <v>119</v>
      </c>
      <c r="FX6" s="372" t="s">
        <v>44</v>
      </c>
      <c r="FY6" s="379" t="s">
        <v>45</v>
      </c>
      <c r="FZ6" s="380" t="s">
        <v>83</v>
      </c>
      <c r="GA6" s="372" t="s">
        <v>47</v>
      </c>
      <c r="GB6" s="372" t="s">
        <v>48</v>
      </c>
      <c r="GC6" s="372" t="s">
        <v>49</v>
      </c>
      <c r="GD6" s="372" t="s">
        <v>50</v>
      </c>
      <c r="GE6" s="372" t="s">
        <v>51</v>
      </c>
      <c r="GF6" s="381" t="s">
        <v>45</v>
      </c>
      <c r="GG6" s="736"/>
      <c r="GH6" s="371" t="s">
        <v>119</v>
      </c>
      <c r="GI6" s="372" t="s">
        <v>44</v>
      </c>
      <c r="GJ6" s="379" t="s">
        <v>45</v>
      </c>
      <c r="GK6" s="380" t="s">
        <v>83</v>
      </c>
      <c r="GL6" s="372" t="s">
        <v>47</v>
      </c>
      <c r="GM6" s="372" t="s">
        <v>48</v>
      </c>
      <c r="GN6" s="372" t="s">
        <v>49</v>
      </c>
      <c r="GO6" s="372" t="s">
        <v>50</v>
      </c>
      <c r="GP6" s="372" t="s">
        <v>51</v>
      </c>
      <c r="GQ6" s="381" t="s">
        <v>45</v>
      </c>
      <c r="GR6" s="736"/>
      <c r="GS6" s="371" t="s">
        <v>119</v>
      </c>
      <c r="GT6" s="372" t="s">
        <v>44</v>
      </c>
      <c r="GU6" s="379" t="s">
        <v>45</v>
      </c>
      <c r="GV6" s="380" t="s">
        <v>83</v>
      </c>
      <c r="GW6" s="372" t="s">
        <v>47</v>
      </c>
      <c r="GX6" s="372" t="s">
        <v>48</v>
      </c>
      <c r="GY6" s="372" t="s">
        <v>49</v>
      </c>
      <c r="GZ6" s="372" t="s">
        <v>50</v>
      </c>
      <c r="HA6" s="372" t="s">
        <v>51</v>
      </c>
      <c r="HB6" s="381" t="s">
        <v>45</v>
      </c>
      <c r="HC6" s="736"/>
      <c r="HD6" s="371" t="s">
        <v>119</v>
      </c>
      <c r="HE6" s="372" t="s">
        <v>44</v>
      </c>
      <c r="HF6" s="379" t="s">
        <v>45</v>
      </c>
      <c r="HG6" s="380" t="s">
        <v>83</v>
      </c>
      <c r="HH6" s="372" t="s">
        <v>47</v>
      </c>
      <c r="HI6" s="372" t="s">
        <v>48</v>
      </c>
      <c r="HJ6" s="372" t="s">
        <v>49</v>
      </c>
      <c r="HK6" s="372" t="s">
        <v>50</v>
      </c>
      <c r="HL6" s="372" t="s">
        <v>51</v>
      </c>
      <c r="HM6" s="381" t="s">
        <v>45</v>
      </c>
      <c r="HN6" s="736"/>
      <c r="HO6" s="371" t="s">
        <v>119</v>
      </c>
      <c r="HP6" s="372" t="s">
        <v>44</v>
      </c>
      <c r="HQ6" s="379" t="s">
        <v>45</v>
      </c>
      <c r="HR6" s="380" t="s">
        <v>83</v>
      </c>
      <c r="HS6" s="372" t="s">
        <v>47</v>
      </c>
      <c r="HT6" s="372" t="s">
        <v>48</v>
      </c>
      <c r="HU6" s="372" t="s">
        <v>49</v>
      </c>
      <c r="HV6" s="372" t="s">
        <v>50</v>
      </c>
      <c r="HW6" s="372" t="s">
        <v>51</v>
      </c>
      <c r="HX6" s="381" t="s">
        <v>45</v>
      </c>
      <c r="HY6" s="736"/>
    </row>
    <row r="7" spans="2:233" s="490" customFormat="1" ht="21" customHeight="1" x14ac:dyDescent="0.2">
      <c r="B7" s="481" t="s">
        <v>4</v>
      </c>
      <c r="C7" s="482">
        <v>19620</v>
      </c>
      <c r="D7" s="483">
        <v>146929</v>
      </c>
      <c r="E7" s="484">
        <v>166549</v>
      </c>
      <c r="F7" s="485">
        <v>0</v>
      </c>
      <c r="G7" s="483">
        <v>17841695</v>
      </c>
      <c r="H7" s="483">
        <v>40621706</v>
      </c>
      <c r="I7" s="483">
        <v>121361075</v>
      </c>
      <c r="J7" s="483">
        <v>160240504</v>
      </c>
      <c r="K7" s="483">
        <v>102901831</v>
      </c>
      <c r="L7" s="486">
        <v>442966811</v>
      </c>
      <c r="M7" s="487">
        <v>443133360</v>
      </c>
      <c r="N7" s="482">
        <v>0</v>
      </c>
      <c r="O7" s="483">
        <v>0</v>
      </c>
      <c r="P7" s="484">
        <v>0</v>
      </c>
      <c r="Q7" s="488"/>
      <c r="R7" s="483">
        <v>4569014</v>
      </c>
      <c r="S7" s="483">
        <v>13407865</v>
      </c>
      <c r="T7" s="483">
        <v>83141396</v>
      </c>
      <c r="U7" s="483">
        <v>115667398</v>
      </c>
      <c r="V7" s="483">
        <v>79291647</v>
      </c>
      <c r="W7" s="486">
        <v>296077320</v>
      </c>
      <c r="X7" s="487">
        <v>296077320</v>
      </c>
      <c r="Y7" s="482">
        <v>0</v>
      </c>
      <c r="Z7" s="483">
        <v>0</v>
      </c>
      <c r="AA7" s="484">
        <v>0</v>
      </c>
      <c r="AB7" s="488"/>
      <c r="AC7" s="483">
        <v>11292049</v>
      </c>
      <c r="AD7" s="483">
        <v>22469640</v>
      </c>
      <c r="AE7" s="483">
        <v>27795013</v>
      </c>
      <c r="AF7" s="483">
        <v>31971672</v>
      </c>
      <c r="AG7" s="483">
        <v>14683749</v>
      </c>
      <c r="AH7" s="486">
        <v>108212123</v>
      </c>
      <c r="AI7" s="487">
        <v>108212123</v>
      </c>
      <c r="AJ7" s="482">
        <v>0</v>
      </c>
      <c r="AK7" s="483">
        <v>0</v>
      </c>
      <c r="AL7" s="484">
        <v>0</v>
      </c>
      <c r="AM7" s="488"/>
      <c r="AN7" s="483">
        <v>0</v>
      </c>
      <c r="AO7" s="483">
        <v>0</v>
      </c>
      <c r="AP7" s="483">
        <v>29915</v>
      </c>
      <c r="AQ7" s="483">
        <v>835400</v>
      </c>
      <c r="AR7" s="483">
        <v>1091720</v>
      </c>
      <c r="AS7" s="486">
        <v>1957035</v>
      </c>
      <c r="AT7" s="487">
        <v>1957035</v>
      </c>
      <c r="AU7" s="482">
        <v>0</v>
      </c>
      <c r="AV7" s="483">
        <v>0</v>
      </c>
      <c r="AW7" s="484">
        <v>0</v>
      </c>
      <c r="AX7" s="488"/>
      <c r="AY7" s="483">
        <v>167275</v>
      </c>
      <c r="AZ7" s="483">
        <v>146720</v>
      </c>
      <c r="BA7" s="483">
        <v>326485</v>
      </c>
      <c r="BB7" s="483">
        <v>1787765</v>
      </c>
      <c r="BC7" s="483">
        <v>2750031</v>
      </c>
      <c r="BD7" s="486">
        <v>5178276</v>
      </c>
      <c r="BE7" s="487">
        <v>5178276</v>
      </c>
      <c r="BF7" s="482">
        <v>0</v>
      </c>
      <c r="BG7" s="483">
        <v>0</v>
      </c>
      <c r="BH7" s="484">
        <v>0</v>
      </c>
      <c r="BI7" s="488"/>
      <c r="BJ7" s="483">
        <v>97960</v>
      </c>
      <c r="BK7" s="483">
        <v>345125</v>
      </c>
      <c r="BL7" s="483">
        <v>1588630</v>
      </c>
      <c r="BM7" s="483">
        <v>1804218</v>
      </c>
      <c r="BN7" s="483">
        <v>1227330</v>
      </c>
      <c r="BO7" s="486">
        <v>5063263</v>
      </c>
      <c r="BP7" s="487">
        <v>5063263</v>
      </c>
      <c r="BQ7" s="482">
        <v>19620</v>
      </c>
      <c r="BR7" s="483">
        <v>138277</v>
      </c>
      <c r="BS7" s="484">
        <v>157897</v>
      </c>
      <c r="BT7" s="485">
        <v>0</v>
      </c>
      <c r="BU7" s="483">
        <v>1642697</v>
      </c>
      <c r="BV7" s="483">
        <v>4109687</v>
      </c>
      <c r="BW7" s="483">
        <v>8109833</v>
      </c>
      <c r="BX7" s="483">
        <v>7862996</v>
      </c>
      <c r="BY7" s="483">
        <v>3533106</v>
      </c>
      <c r="BZ7" s="486">
        <v>25258319</v>
      </c>
      <c r="CA7" s="487">
        <v>25416216</v>
      </c>
      <c r="CB7" s="482">
        <v>0</v>
      </c>
      <c r="CC7" s="483">
        <v>8652</v>
      </c>
      <c r="CD7" s="484">
        <v>8652</v>
      </c>
      <c r="CE7" s="485">
        <v>0</v>
      </c>
      <c r="CF7" s="483">
        <v>72700</v>
      </c>
      <c r="CG7" s="483">
        <v>142669</v>
      </c>
      <c r="CH7" s="483">
        <v>369803</v>
      </c>
      <c r="CI7" s="483">
        <v>311055</v>
      </c>
      <c r="CJ7" s="483">
        <v>324248</v>
      </c>
      <c r="CK7" s="486">
        <v>1220475</v>
      </c>
      <c r="CL7" s="487">
        <v>1229127</v>
      </c>
      <c r="CM7" s="482">
        <v>0</v>
      </c>
      <c r="CN7" s="483">
        <v>0</v>
      </c>
      <c r="CO7" s="484">
        <v>0</v>
      </c>
      <c r="CP7" s="485">
        <v>0</v>
      </c>
      <c r="CQ7" s="483">
        <v>0</v>
      </c>
      <c r="CR7" s="483">
        <v>0</v>
      </c>
      <c r="CS7" s="483">
        <v>0</v>
      </c>
      <c r="CT7" s="483">
        <v>0</v>
      </c>
      <c r="CU7" s="483">
        <v>0</v>
      </c>
      <c r="CV7" s="486">
        <v>0</v>
      </c>
      <c r="CW7" s="487">
        <v>0</v>
      </c>
      <c r="CX7" s="482">
        <v>0</v>
      </c>
      <c r="CY7" s="483">
        <v>0</v>
      </c>
      <c r="CZ7" s="484">
        <v>0</v>
      </c>
      <c r="DA7" s="488"/>
      <c r="DB7" s="483">
        <v>0</v>
      </c>
      <c r="DC7" s="483">
        <v>0</v>
      </c>
      <c r="DD7" s="483">
        <v>0</v>
      </c>
      <c r="DE7" s="483">
        <v>0</v>
      </c>
      <c r="DF7" s="483">
        <v>0</v>
      </c>
      <c r="DG7" s="486">
        <v>0</v>
      </c>
      <c r="DH7" s="487">
        <v>0</v>
      </c>
      <c r="DI7" s="482">
        <v>39400</v>
      </c>
      <c r="DJ7" s="483">
        <v>234076</v>
      </c>
      <c r="DK7" s="484">
        <v>273476</v>
      </c>
      <c r="DL7" s="485">
        <v>0</v>
      </c>
      <c r="DM7" s="483">
        <v>11686758</v>
      </c>
      <c r="DN7" s="483">
        <v>32622451</v>
      </c>
      <c r="DO7" s="483">
        <v>132026016</v>
      </c>
      <c r="DP7" s="483">
        <v>168854160</v>
      </c>
      <c r="DQ7" s="483">
        <v>107580640</v>
      </c>
      <c r="DR7" s="486">
        <v>452770025</v>
      </c>
      <c r="DS7" s="489">
        <v>453043501</v>
      </c>
      <c r="DT7" s="482">
        <v>0</v>
      </c>
      <c r="DU7" s="483">
        <v>0</v>
      </c>
      <c r="DV7" s="484">
        <v>0</v>
      </c>
      <c r="DW7" s="488"/>
      <c r="DX7" s="483">
        <v>5855120</v>
      </c>
      <c r="DY7" s="483">
        <v>19419459</v>
      </c>
      <c r="DZ7" s="483">
        <v>109403071</v>
      </c>
      <c r="EA7" s="483">
        <v>146705130</v>
      </c>
      <c r="EB7" s="483">
        <v>95430522</v>
      </c>
      <c r="EC7" s="486">
        <v>376813302</v>
      </c>
      <c r="ED7" s="487">
        <v>376813302</v>
      </c>
      <c r="EE7" s="482">
        <v>0</v>
      </c>
      <c r="EF7" s="483">
        <v>0</v>
      </c>
      <c r="EG7" s="484">
        <v>0</v>
      </c>
      <c r="EH7" s="488"/>
      <c r="EI7" s="483">
        <v>2889469</v>
      </c>
      <c r="EJ7" s="483">
        <v>5972466</v>
      </c>
      <c r="EK7" s="483">
        <v>6564849</v>
      </c>
      <c r="EL7" s="483">
        <v>6865832</v>
      </c>
      <c r="EM7" s="483">
        <v>3865048</v>
      </c>
      <c r="EN7" s="486">
        <v>26157664</v>
      </c>
      <c r="EO7" s="487">
        <v>26157664</v>
      </c>
      <c r="EP7" s="482">
        <v>0</v>
      </c>
      <c r="EQ7" s="483">
        <v>0</v>
      </c>
      <c r="ER7" s="484">
        <v>0</v>
      </c>
      <c r="ES7" s="488"/>
      <c r="ET7" s="483">
        <v>0</v>
      </c>
      <c r="EU7" s="483">
        <v>0</v>
      </c>
      <c r="EV7" s="483">
        <v>23591</v>
      </c>
      <c r="EW7" s="483">
        <v>152567</v>
      </c>
      <c r="EX7" s="483">
        <v>183617</v>
      </c>
      <c r="EY7" s="486">
        <v>359775</v>
      </c>
      <c r="EZ7" s="487">
        <v>359775</v>
      </c>
      <c r="FA7" s="482">
        <v>0</v>
      </c>
      <c r="FB7" s="483">
        <v>0</v>
      </c>
      <c r="FC7" s="484">
        <v>0</v>
      </c>
      <c r="FD7" s="488"/>
      <c r="FE7" s="483">
        <v>29318</v>
      </c>
      <c r="FF7" s="483">
        <v>36566</v>
      </c>
      <c r="FG7" s="483">
        <v>72634</v>
      </c>
      <c r="FH7" s="483">
        <v>274347</v>
      </c>
      <c r="FI7" s="483">
        <v>402930</v>
      </c>
      <c r="FJ7" s="486">
        <v>815795</v>
      </c>
      <c r="FK7" s="487">
        <v>815795</v>
      </c>
      <c r="FL7" s="482">
        <v>0</v>
      </c>
      <c r="FM7" s="483">
        <v>0</v>
      </c>
      <c r="FN7" s="484">
        <v>0</v>
      </c>
      <c r="FO7" s="488"/>
      <c r="FP7" s="483">
        <v>159836</v>
      </c>
      <c r="FQ7" s="483">
        <v>437175</v>
      </c>
      <c r="FR7" s="483">
        <v>2702296</v>
      </c>
      <c r="FS7" s="483">
        <v>3414070</v>
      </c>
      <c r="FT7" s="483">
        <v>2048098</v>
      </c>
      <c r="FU7" s="486">
        <v>8761475</v>
      </c>
      <c r="FV7" s="487">
        <v>8761475</v>
      </c>
      <c r="FW7" s="482">
        <v>39400</v>
      </c>
      <c r="FX7" s="483">
        <v>231060</v>
      </c>
      <c r="FY7" s="484">
        <v>270460</v>
      </c>
      <c r="FZ7" s="485">
        <v>0</v>
      </c>
      <c r="GA7" s="483">
        <v>2710646</v>
      </c>
      <c r="GB7" s="483">
        <v>6680125</v>
      </c>
      <c r="GC7" s="483">
        <v>13031199</v>
      </c>
      <c r="GD7" s="483">
        <v>11211548</v>
      </c>
      <c r="GE7" s="483">
        <v>5509755</v>
      </c>
      <c r="GF7" s="486">
        <v>39143273</v>
      </c>
      <c r="GG7" s="487">
        <v>39413733</v>
      </c>
      <c r="GH7" s="482">
        <v>0</v>
      </c>
      <c r="GI7" s="483">
        <v>3016</v>
      </c>
      <c r="GJ7" s="484">
        <v>3016</v>
      </c>
      <c r="GK7" s="485">
        <v>0</v>
      </c>
      <c r="GL7" s="483">
        <v>42369</v>
      </c>
      <c r="GM7" s="483">
        <v>76660</v>
      </c>
      <c r="GN7" s="483">
        <v>228376</v>
      </c>
      <c r="GO7" s="483">
        <v>230666</v>
      </c>
      <c r="GP7" s="483">
        <v>140670</v>
      </c>
      <c r="GQ7" s="486">
        <v>718741</v>
      </c>
      <c r="GR7" s="487">
        <v>721757</v>
      </c>
      <c r="GS7" s="482">
        <v>0</v>
      </c>
      <c r="GT7" s="483">
        <v>0</v>
      </c>
      <c r="GU7" s="484">
        <v>0</v>
      </c>
      <c r="GV7" s="485">
        <v>0</v>
      </c>
      <c r="GW7" s="483">
        <v>0</v>
      </c>
      <c r="GX7" s="483">
        <v>0</v>
      </c>
      <c r="GY7" s="483">
        <v>0</v>
      </c>
      <c r="GZ7" s="483">
        <v>0</v>
      </c>
      <c r="HA7" s="483">
        <v>0</v>
      </c>
      <c r="HB7" s="486">
        <v>0</v>
      </c>
      <c r="HC7" s="487">
        <v>0</v>
      </c>
      <c r="HD7" s="482">
        <v>0</v>
      </c>
      <c r="HE7" s="483">
        <v>0</v>
      </c>
      <c r="HF7" s="484">
        <v>0</v>
      </c>
      <c r="HG7" s="488"/>
      <c r="HH7" s="483">
        <v>0</v>
      </c>
      <c r="HI7" s="483">
        <v>0</v>
      </c>
      <c r="HJ7" s="483">
        <v>0</v>
      </c>
      <c r="HK7" s="483">
        <v>0</v>
      </c>
      <c r="HL7" s="483">
        <v>0</v>
      </c>
      <c r="HM7" s="486">
        <v>0</v>
      </c>
      <c r="HN7" s="487">
        <v>0</v>
      </c>
      <c r="HO7" s="482">
        <v>59020</v>
      </c>
      <c r="HP7" s="483">
        <v>381005</v>
      </c>
      <c r="HQ7" s="484">
        <v>440025</v>
      </c>
      <c r="HR7" s="485">
        <v>0</v>
      </c>
      <c r="HS7" s="483">
        <v>29528453</v>
      </c>
      <c r="HT7" s="483">
        <v>73244157</v>
      </c>
      <c r="HU7" s="483">
        <v>253387091</v>
      </c>
      <c r="HV7" s="483">
        <v>329094664</v>
      </c>
      <c r="HW7" s="483">
        <v>210482471</v>
      </c>
      <c r="HX7" s="486">
        <v>895736836</v>
      </c>
      <c r="HY7" s="487">
        <v>896176861</v>
      </c>
    </row>
    <row r="8" spans="2:233" s="490" customFormat="1" ht="21" customHeight="1" x14ac:dyDescent="0.2">
      <c r="B8" s="491" t="s">
        <v>5</v>
      </c>
      <c r="C8" s="492">
        <v>2140</v>
      </c>
      <c r="D8" s="493">
        <v>52982</v>
      </c>
      <c r="E8" s="494">
        <v>55122</v>
      </c>
      <c r="F8" s="495">
        <v>0</v>
      </c>
      <c r="G8" s="493">
        <v>7522021</v>
      </c>
      <c r="H8" s="493">
        <v>20351591</v>
      </c>
      <c r="I8" s="493">
        <v>51122575</v>
      </c>
      <c r="J8" s="493">
        <v>66589946</v>
      </c>
      <c r="K8" s="493">
        <v>43518719</v>
      </c>
      <c r="L8" s="496">
        <v>189104852</v>
      </c>
      <c r="M8" s="497">
        <v>189159974</v>
      </c>
      <c r="N8" s="492">
        <v>0</v>
      </c>
      <c r="O8" s="493">
        <v>0</v>
      </c>
      <c r="P8" s="494">
        <v>0</v>
      </c>
      <c r="Q8" s="498"/>
      <c r="R8" s="493">
        <v>2456764</v>
      </c>
      <c r="S8" s="493">
        <v>8560374</v>
      </c>
      <c r="T8" s="493">
        <v>35654309</v>
      </c>
      <c r="U8" s="493">
        <v>49423990</v>
      </c>
      <c r="V8" s="493">
        <v>33712369</v>
      </c>
      <c r="W8" s="496">
        <v>129807806</v>
      </c>
      <c r="X8" s="497">
        <v>129807806</v>
      </c>
      <c r="Y8" s="492">
        <v>0</v>
      </c>
      <c r="Z8" s="493">
        <v>0</v>
      </c>
      <c r="AA8" s="494">
        <v>0</v>
      </c>
      <c r="AB8" s="498"/>
      <c r="AC8" s="493">
        <v>4487965</v>
      </c>
      <c r="AD8" s="493">
        <v>9909587</v>
      </c>
      <c r="AE8" s="493">
        <v>11497413</v>
      </c>
      <c r="AF8" s="493">
        <v>13220382</v>
      </c>
      <c r="AG8" s="493">
        <v>7014951</v>
      </c>
      <c r="AH8" s="496">
        <v>46130298</v>
      </c>
      <c r="AI8" s="497">
        <v>46130298</v>
      </c>
      <c r="AJ8" s="492">
        <v>0</v>
      </c>
      <c r="AK8" s="493">
        <v>0</v>
      </c>
      <c r="AL8" s="494">
        <v>0</v>
      </c>
      <c r="AM8" s="498"/>
      <c r="AN8" s="493">
        <v>0</v>
      </c>
      <c r="AO8" s="493">
        <v>0</v>
      </c>
      <c r="AP8" s="493">
        <v>0</v>
      </c>
      <c r="AQ8" s="493">
        <v>220795</v>
      </c>
      <c r="AR8" s="493">
        <v>325270</v>
      </c>
      <c r="AS8" s="496">
        <v>546065</v>
      </c>
      <c r="AT8" s="497">
        <v>546065</v>
      </c>
      <c r="AU8" s="492">
        <v>0</v>
      </c>
      <c r="AV8" s="493">
        <v>0</v>
      </c>
      <c r="AW8" s="494">
        <v>0</v>
      </c>
      <c r="AX8" s="498"/>
      <c r="AY8" s="493">
        <v>0</v>
      </c>
      <c r="AZ8" s="493">
        <v>95635</v>
      </c>
      <c r="BA8" s="493">
        <v>27280</v>
      </c>
      <c r="BB8" s="493">
        <v>363270</v>
      </c>
      <c r="BC8" s="493">
        <v>558590</v>
      </c>
      <c r="BD8" s="496">
        <v>1044775</v>
      </c>
      <c r="BE8" s="497">
        <v>1044775</v>
      </c>
      <c r="BF8" s="492">
        <v>0</v>
      </c>
      <c r="BG8" s="493">
        <v>0</v>
      </c>
      <c r="BH8" s="494">
        <v>0</v>
      </c>
      <c r="BI8" s="498"/>
      <c r="BJ8" s="493">
        <v>68045</v>
      </c>
      <c r="BK8" s="493">
        <v>84630</v>
      </c>
      <c r="BL8" s="493">
        <v>269545</v>
      </c>
      <c r="BM8" s="493">
        <v>229688</v>
      </c>
      <c r="BN8" s="493">
        <v>108995</v>
      </c>
      <c r="BO8" s="496">
        <v>760903</v>
      </c>
      <c r="BP8" s="497">
        <v>760903</v>
      </c>
      <c r="BQ8" s="492">
        <v>2140</v>
      </c>
      <c r="BR8" s="493">
        <v>52982</v>
      </c>
      <c r="BS8" s="494">
        <v>55122</v>
      </c>
      <c r="BT8" s="495">
        <v>0</v>
      </c>
      <c r="BU8" s="493">
        <v>461730</v>
      </c>
      <c r="BV8" s="493">
        <v>1621961</v>
      </c>
      <c r="BW8" s="493">
        <v>3448660</v>
      </c>
      <c r="BX8" s="493">
        <v>2949503</v>
      </c>
      <c r="BY8" s="493">
        <v>1651828</v>
      </c>
      <c r="BZ8" s="496">
        <v>10133682</v>
      </c>
      <c r="CA8" s="497">
        <v>10188804</v>
      </c>
      <c r="CB8" s="492">
        <v>0</v>
      </c>
      <c r="CC8" s="493">
        <v>0</v>
      </c>
      <c r="CD8" s="494">
        <v>0</v>
      </c>
      <c r="CE8" s="495">
        <v>0</v>
      </c>
      <c r="CF8" s="493">
        <v>47517</v>
      </c>
      <c r="CG8" s="493">
        <v>79404</v>
      </c>
      <c r="CH8" s="493">
        <v>225368</v>
      </c>
      <c r="CI8" s="493">
        <v>182318</v>
      </c>
      <c r="CJ8" s="493">
        <v>146716</v>
      </c>
      <c r="CK8" s="496">
        <v>681323</v>
      </c>
      <c r="CL8" s="497">
        <v>681323</v>
      </c>
      <c r="CM8" s="492">
        <v>0</v>
      </c>
      <c r="CN8" s="493">
        <v>0</v>
      </c>
      <c r="CO8" s="494">
        <v>0</v>
      </c>
      <c r="CP8" s="495">
        <v>0</v>
      </c>
      <c r="CQ8" s="493">
        <v>0</v>
      </c>
      <c r="CR8" s="493">
        <v>0</v>
      </c>
      <c r="CS8" s="493">
        <v>0</v>
      </c>
      <c r="CT8" s="493">
        <v>0</v>
      </c>
      <c r="CU8" s="493">
        <v>0</v>
      </c>
      <c r="CV8" s="496">
        <v>0</v>
      </c>
      <c r="CW8" s="497">
        <v>0</v>
      </c>
      <c r="CX8" s="492">
        <v>0</v>
      </c>
      <c r="CY8" s="493">
        <v>0</v>
      </c>
      <c r="CZ8" s="494">
        <v>0</v>
      </c>
      <c r="DA8" s="498"/>
      <c r="DB8" s="493">
        <v>0</v>
      </c>
      <c r="DC8" s="493">
        <v>0</v>
      </c>
      <c r="DD8" s="493">
        <v>0</v>
      </c>
      <c r="DE8" s="493">
        <v>0</v>
      </c>
      <c r="DF8" s="493">
        <v>0</v>
      </c>
      <c r="DG8" s="496">
        <v>0</v>
      </c>
      <c r="DH8" s="497">
        <v>0</v>
      </c>
      <c r="DI8" s="492">
        <v>7668</v>
      </c>
      <c r="DJ8" s="493">
        <v>94922</v>
      </c>
      <c r="DK8" s="494">
        <v>102590</v>
      </c>
      <c r="DL8" s="495">
        <v>0</v>
      </c>
      <c r="DM8" s="493">
        <v>6016664</v>
      </c>
      <c r="DN8" s="493">
        <v>19097713</v>
      </c>
      <c r="DO8" s="493">
        <v>57124488</v>
      </c>
      <c r="DP8" s="493">
        <v>72787864</v>
      </c>
      <c r="DQ8" s="493">
        <v>47228894</v>
      </c>
      <c r="DR8" s="496">
        <v>202255623</v>
      </c>
      <c r="DS8" s="499">
        <v>202358213</v>
      </c>
      <c r="DT8" s="492">
        <v>0</v>
      </c>
      <c r="DU8" s="493">
        <v>0</v>
      </c>
      <c r="DV8" s="494">
        <v>0</v>
      </c>
      <c r="DW8" s="498"/>
      <c r="DX8" s="493">
        <v>3444149</v>
      </c>
      <c r="DY8" s="493">
        <v>12357157</v>
      </c>
      <c r="DZ8" s="493">
        <v>47555418</v>
      </c>
      <c r="EA8" s="493">
        <v>63946535</v>
      </c>
      <c r="EB8" s="493">
        <v>41712174</v>
      </c>
      <c r="EC8" s="496">
        <v>169015433</v>
      </c>
      <c r="ED8" s="497">
        <v>169015433</v>
      </c>
      <c r="EE8" s="492">
        <v>0</v>
      </c>
      <c r="EF8" s="493">
        <v>0</v>
      </c>
      <c r="EG8" s="494">
        <v>0</v>
      </c>
      <c r="EH8" s="498"/>
      <c r="EI8" s="493">
        <v>1607848</v>
      </c>
      <c r="EJ8" s="493">
        <v>3642061</v>
      </c>
      <c r="EK8" s="493">
        <v>3569925</v>
      </c>
      <c r="EL8" s="493">
        <v>3860037</v>
      </c>
      <c r="EM8" s="493">
        <v>2505316</v>
      </c>
      <c r="EN8" s="496">
        <v>15185187</v>
      </c>
      <c r="EO8" s="497">
        <v>15185187</v>
      </c>
      <c r="EP8" s="492">
        <v>0</v>
      </c>
      <c r="EQ8" s="493">
        <v>0</v>
      </c>
      <c r="ER8" s="494">
        <v>0</v>
      </c>
      <c r="ES8" s="498"/>
      <c r="ET8" s="493">
        <v>0</v>
      </c>
      <c r="EU8" s="493">
        <v>0</v>
      </c>
      <c r="EV8" s="493">
        <v>11470</v>
      </c>
      <c r="EW8" s="493">
        <v>47897</v>
      </c>
      <c r="EX8" s="493">
        <v>39184</v>
      </c>
      <c r="EY8" s="496">
        <v>98551</v>
      </c>
      <c r="EZ8" s="497">
        <v>98551</v>
      </c>
      <c r="FA8" s="492">
        <v>0</v>
      </c>
      <c r="FB8" s="493">
        <v>0</v>
      </c>
      <c r="FC8" s="494">
        <v>0</v>
      </c>
      <c r="FD8" s="498"/>
      <c r="FE8" s="493">
        <v>0</v>
      </c>
      <c r="FF8" s="493">
        <v>23591</v>
      </c>
      <c r="FG8" s="493">
        <v>11904</v>
      </c>
      <c r="FH8" s="493">
        <v>51781</v>
      </c>
      <c r="FI8" s="493">
        <v>126022</v>
      </c>
      <c r="FJ8" s="496">
        <v>213298</v>
      </c>
      <c r="FK8" s="497">
        <v>213298</v>
      </c>
      <c r="FL8" s="492">
        <v>0</v>
      </c>
      <c r="FM8" s="493">
        <v>0</v>
      </c>
      <c r="FN8" s="494">
        <v>0</v>
      </c>
      <c r="FO8" s="498"/>
      <c r="FP8" s="493">
        <v>95108</v>
      </c>
      <c r="FQ8" s="493">
        <v>101494</v>
      </c>
      <c r="FR8" s="493">
        <v>414780</v>
      </c>
      <c r="FS8" s="493">
        <v>402496</v>
      </c>
      <c r="FT8" s="493">
        <v>227348</v>
      </c>
      <c r="FU8" s="496">
        <v>1241226</v>
      </c>
      <c r="FV8" s="497">
        <v>1241226</v>
      </c>
      <c r="FW8" s="492">
        <v>7668</v>
      </c>
      <c r="FX8" s="493">
        <v>94922</v>
      </c>
      <c r="FY8" s="494">
        <v>102590</v>
      </c>
      <c r="FZ8" s="495">
        <v>0</v>
      </c>
      <c r="GA8" s="493">
        <v>844582</v>
      </c>
      <c r="GB8" s="493">
        <v>2936188</v>
      </c>
      <c r="GC8" s="493">
        <v>5423188</v>
      </c>
      <c r="GD8" s="493">
        <v>4377787</v>
      </c>
      <c r="GE8" s="493">
        <v>2536831</v>
      </c>
      <c r="GF8" s="496">
        <v>16118576</v>
      </c>
      <c r="GG8" s="497">
        <v>16221166</v>
      </c>
      <c r="GH8" s="492">
        <v>0</v>
      </c>
      <c r="GI8" s="493">
        <v>0</v>
      </c>
      <c r="GJ8" s="494">
        <v>0</v>
      </c>
      <c r="GK8" s="495">
        <v>0</v>
      </c>
      <c r="GL8" s="493">
        <v>24977</v>
      </c>
      <c r="GM8" s="493">
        <v>37222</v>
      </c>
      <c r="GN8" s="493">
        <v>137803</v>
      </c>
      <c r="GO8" s="493">
        <v>101331</v>
      </c>
      <c r="GP8" s="493">
        <v>82019</v>
      </c>
      <c r="GQ8" s="496">
        <v>383352</v>
      </c>
      <c r="GR8" s="497">
        <v>383352</v>
      </c>
      <c r="GS8" s="492">
        <v>0</v>
      </c>
      <c r="GT8" s="493">
        <v>0</v>
      </c>
      <c r="GU8" s="494">
        <v>0</v>
      </c>
      <c r="GV8" s="495">
        <v>0</v>
      </c>
      <c r="GW8" s="493">
        <v>0</v>
      </c>
      <c r="GX8" s="493">
        <v>0</v>
      </c>
      <c r="GY8" s="493">
        <v>0</v>
      </c>
      <c r="GZ8" s="493">
        <v>0</v>
      </c>
      <c r="HA8" s="493">
        <v>0</v>
      </c>
      <c r="HB8" s="496">
        <v>0</v>
      </c>
      <c r="HC8" s="497">
        <v>0</v>
      </c>
      <c r="HD8" s="492">
        <v>0</v>
      </c>
      <c r="HE8" s="493">
        <v>0</v>
      </c>
      <c r="HF8" s="494">
        <v>0</v>
      </c>
      <c r="HG8" s="498"/>
      <c r="HH8" s="493">
        <v>0</v>
      </c>
      <c r="HI8" s="493">
        <v>0</v>
      </c>
      <c r="HJ8" s="493">
        <v>0</v>
      </c>
      <c r="HK8" s="493">
        <v>0</v>
      </c>
      <c r="HL8" s="493">
        <v>0</v>
      </c>
      <c r="HM8" s="496">
        <v>0</v>
      </c>
      <c r="HN8" s="497">
        <v>0</v>
      </c>
      <c r="HO8" s="492">
        <v>9808</v>
      </c>
      <c r="HP8" s="493">
        <v>147904</v>
      </c>
      <c r="HQ8" s="494">
        <v>157712</v>
      </c>
      <c r="HR8" s="495">
        <v>0</v>
      </c>
      <c r="HS8" s="493">
        <v>13538685</v>
      </c>
      <c r="HT8" s="493">
        <v>39449304</v>
      </c>
      <c r="HU8" s="493">
        <v>108247063</v>
      </c>
      <c r="HV8" s="493">
        <v>139377810</v>
      </c>
      <c r="HW8" s="493">
        <v>90747613</v>
      </c>
      <c r="HX8" s="496">
        <v>391360475</v>
      </c>
      <c r="HY8" s="497">
        <v>391518187</v>
      </c>
    </row>
    <row r="9" spans="2:233" ht="21" customHeight="1" x14ac:dyDescent="0.2">
      <c r="B9" s="292" t="s">
        <v>6</v>
      </c>
      <c r="C9" s="294">
        <v>890</v>
      </c>
      <c r="D9" s="295">
        <v>29464</v>
      </c>
      <c r="E9" s="296">
        <v>30354</v>
      </c>
      <c r="F9" s="297">
        <v>0</v>
      </c>
      <c r="G9" s="295">
        <v>2768470</v>
      </c>
      <c r="H9" s="295">
        <v>4446026</v>
      </c>
      <c r="I9" s="295">
        <v>15897002</v>
      </c>
      <c r="J9" s="295">
        <v>22345197</v>
      </c>
      <c r="K9" s="295">
        <v>14326046</v>
      </c>
      <c r="L9" s="298">
        <v>59782741</v>
      </c>
      <c r="M9" s="299">
        <v>59813095</v>
      </c>
      <c r="N9" s="294">
        <v>0</v>
      </c>
      <c r="O9" s="295">
        <v>0</v>
      </c>
      <c r="P9" s="296">
        <v>0</v>
      </c>
      <c r="Q9" s="300"/>
      <c r="R9" s="295">
        <v>1233300</v>
      </c>
      <c r="S9" s="295">
        <v>1537210</v>
      </c>
      <c r="T9" s="295">
        <v>11221675</v>
      </c>
      <c r="U9" s="295">
        <v>15204296</v>
      </c>
      <c r="V9" s="295">
        <v>10787390</v>
      </c>
      <c r="W9" s="298">
        <v>39983871</v>
      </c>
      <c r="X9" s="299">
        <v>39983871</v>
      </c>
      <c r="Y9" s="294">
        <v>0</v>
      </c>
      <c r="Z9" s="295">
        <v>0</v>
      </c>
      <c r="AA9" s="296">
        <v>0</v>
      </c>
      <c r="AB9" s="300"/>
      <c r="AC9" s="295">
        <v>1216425</v>
      </c>
      <c r="AD9" s="295">
        <v>2202905</v>
      </c>
      <c r="AE9" s="295">
        <v>3327430</v>
      </c>
      <c r="AF9" s="295">
        <v>4789649</v>
      </c>
      <c r="AG9" s="295">
        <v>2121010</v>
      </c>
      <c r="AH9" s="298">
        <v>13657419</v>
      </c>
      <c r="AI9" s="299">
        <v>13657419</v>
      </c>
      <c r="AJ9" s="294">
        <v>0</v>
      </c>
      <c r="AK9" s="295">
        <v>0</v>
      </c>
      <c r="AL9" s="296">
        <v>0</v>
      </c>
      <c r="AM9" s="300"/>
      <c r="AN9" s="295">
        <v>0</v>
      </c>
      <c r="AO9" s="295">
        <v>0</v>
      </c>
      <c r="AP9" s="295">
        <v>27280</v>
      </c>
      <c r="AQ9" s="295">
        <v>363755</v>
      </c>
      <c r="AR9" s="295">
        <v>476310</v>
      </c>
      <c r="AS9" s="298">
        <v>867345</v>
      </c>
      <c r="AT9" s="299">
        <v>867345</v>
      </c>
      <c r="AU9" s="294">
        <v>0</v>
      </c>
      <c r="AV9" s="295">
        <v>0</v>
      </c>
      <c r="AW9" s="296">
        <v>0</v>
      </c>
      <c r="AX9" s="300"/>
      <c r="AY9" s="295">
        <v>0</v>
      </c>
      <c r="AZ9" s="295">
        <v>0</v>
      </c>
      <c r="BA9" s="295">
        <v>7905</v>
      </c>
      <c r="BB9" s="295">
        <v>312050</v>
      </c>
      <c r="BC9" s="295">
        <v>274941</v>
      </c>
      <c r="BD9" s="298">
        <v>594896</v>
      </c>
      <c r="BE9" s="299">
        <v>594896</v>
      </c>
      <c r="BF9" s="294">
        <v>0</v>
      </c>
      <c r="BG9" s="295">
        <v>0</v>
      </c>
      <c r="BH9" s="296">
        <v>0</v>
      </c>
      <c r="BI9" s="300"/>
      <c r="BJ9" s="295">
        <v>29915</v>
      </c>
      <c r="BK9" s="295">
        <v>170750</v>
      </c>
      <c r="BL9" s="295">
        <v>313100</v>
      </c>
      <c r="BM9" s="295">
        <v>385080</v>
      </c>
      <c r="BN9" s="295">
        <v>241870</v>
      </c>
      <c r="BO9" s="298">
        <v>1140715</v>
      </c>
      <c r="BP9" s="299">
        <v>1140715</v>
      </c>
      <c r="BQ9" s="294">
        <v>890</v>
      </c>
      <c r="BR9" s="295">
        <v>29464</v>
      </c>
      <c r="BS9" s="296">
        <v>30354</v>
      </c>
      <c r="BT9" s="297">
        <v>0</v>
      </c>
      <c r="BU9" s="295">
        <v>284040</v>
      </c>
      <c r="BV9" s="295">
        <v>530946</v>
      </c>
      <c r="BW9" s="295">
        <v>955832</v>
      </c>
      <c r="BX9" s="295">
        <v>1244857</v>
      </c>
      <c r="BY9" s="295">
        <v>364515</v>
      </c>
      <c r="BZ9" s="298">
        <v>3380190</v>
      </c>
      <c r="CA9" s="299">
        <v>3410544</v>
      </c>
      <c r="CB9" s="294">
        <v>0</v>
      </c>
      <c r="CC9" s="295">
        <v>0</v>
      </c>
      <c r="CD9" s="296">
        <v>0</v>
      </c>
      <c r="CE9" s="297">
        <v>0</v>
      </c>
      <c r="CF9" s="295">
        <v>4790</v>
      </c>
      <c r="CG9" s="295">
        <v>4215</v>
      </c>
      <c r="CH9" s="295">
        <v>43780</v>
      </c>
      <c r="CI9" s="295">
        <v>45510</v>
      </c>
      <c r="CJ9" s="295">
        <v>60010</v>
      </c>
      <c r="CK9" s="298">
        <v>158305</v>
      </c>
      <c r="CL9" s="299">
        <v>158305</v>
      </c>
      <c r="CM9" s="294">
        <v>0</v>
      </c>
      <c r="CN9" s="295">
        <v>0</v>
      </c>
      <c r="CO9" s="296">
        <v>0</v>
      </c>
      <c r="CP9" s="297">
        <v>0</v>
      </c>
      <c r="CQ9" s="295">
        <v>0</v>
      </c>
      <c r="CR9" s="295">
        <v>0</v>
      </c>
      <c r="CS9" s="295">
        <v>0</v>
      </c>
      <c r="CT9" s="295">
        <v>0</v>
      </c>
      <c r="CU9" s="295">
        <v>0</v>
      </c>
      <c r="CV9" s="298">
        <v>0</v>
      </c>
      <c r="CW9" s="299">
        <v>0</v>
      </c>
      <c r="CX9" s="294">
        <v>0</v>
      </c>
      <c r="CY9" s="295">
        <v>0</v>
      </c>
      <c r="CZ9" s="296">
        <v>0</v>
      </c>
      <c r="DA9" s="300"/>
      <c r="DB9" s="295">
        <v>0</v>
      </c>
      <c r="DC9" s="295">
        <v>0</v>
      </c>
      <c r="DD9" s="295">
        <v>0</v>
      </c>
      <c r="DE9" s="295">
        <v>0</v>
      </c>
      <c r="DF9" s="295">
        <v>0</v>
      </c>
      <c r="DG9" s="298">
        <v>0</v>
      </c>
      <c r="DH9" s="299">
        <v>0</v>
      </c>
      <c r="DI9" s="294">
        <v>1392</v>
      </c>
      <c r="DJ9" s="295">
        <v>40433</v>
      </c>
      <c r="DK9" s="296">
        <v>41825</v>
      </c>
      <c r="DL9" s="297">
        <v>0</v>
      </c>
      <c r="DM9" s="295">
        <v>1755317</v>
      </c>
      <c r="DN9" s="295">
        <v>3350491</v>
      </c>
      <c r="DO9" s="295">
        <v>14972791</v>
      </c>
      <c r="DP9" s="295">
        <v>20035658</v>
      </c>
      <c r="DQ9" s="295">
        <v>12883587</v>
      </c>
      <c r="DR9" s="298">
        <v>52997844</v>
      </c>
      <c r="DS9" s="301">
        <v>53039669</v>
      </c>
      <c r="DT9" s="294">
        <v>0</v>
      </c>
      <c r="DU9" s="295">
        <v>0</v>
      </c>
      <c r="DV9" s="296">
        <v>0</v>
      </c>
      <c r="DW9" s="300"/>
      <c r="DX9" s="295">
        <v>1011696</v>
      </c>
      <c r="DY9" s="295">
        <v>1856227</v>
      </c>
      <c r="DZ9" s="295">
        <v>12369336</v>
      </c>
      <c r="EA9" s="295">
        <v>16324258</v>
      </c>
      <c r="EB9" s="295">
        <v>11234348</v>
      </c>
      <c r="EC9" s="298">
        <v>42795865</v>
      </c>
      <c r="ED9" s="299">
        <v>42795865</v>
      </c>
      <c r="EE9" s="294">
        <v>0</v>
      </c>
      <c r="EF9" s="295">
        <v>0</v>
      </c>
      <c r="EG9" s="296">
        <v>0</v>
      </c>
      <c r="EH9" s="300"/>
      <c r="EI9" s="295">
        <v>291914</v>
      </c>
      <c r="EJ9" s="295">
        <v>623196</v>
      </c>
      <c r="EK9" s="295">
        <v>735442</v>
      </c>
      <c r="EL9" s="295">
        <v>1074973</v>
      </c>
      <c r="EM9" s="295">
        <v>491355</v>
      </c>
      <c r="EN9" s="298">
        <v>3216880</v>
      </c>
      <c r="EO9" s="299">
        <v>3216880</v>
      </c>
      <c r="EP9" s="294">
        <v>0</v>
      </c>
      <c r="EQ9" s="295">
        <v>0</v>
      </c>
      <c r="ER9" s="296">
        <v>0</v>
      </c>
      <c r="ES9" s="300"/>
      <c r="ET9" s="295">
        <v>0</v>
      </c>
      <c r="EU9" s="295">
        <v>0</v>
      </c>
      <c r="EV9" s="295">
        <v>11904</v>
      </c>
      <c r="EW9" s="295">
        <v>69175</v>
      </c>
      <c r="EX9" s="295">
        <v>108140</v>
      </c>
      <c r="EY9" s="298">
        <v>189219</v>
      </c>
      <c r="EZ9" s="299">
        <v>189219</v>
      </c>
      <c r="FA9" s="294">
        <v>0</v>
      </c>
      <c r="FB9" s="295">
        <v>0</v>
      </c>
      <c r="FC9" s="296">
        <v>0</v>
      </c>
      <c r="FD9" s="300"/>
      <c r="FE9" s="295">
        <v>0</v>
      </c>
      <c r="FF9" s="295">
        <v>0</v>
      </c>
      <c r="FG9" s="295">
        <v>811</v>
      </c>
      <c r="FH9" s="295">
        <v>60276</v>
      </c>
      <c r="FI9" s="295">
        <v>34460</v>
      </c>
      <c r="FJ9" s="298">
        <v>95547</v>
      </c>
      <c r="FK9" s="299">
        <v>95547</v>
      </c>
      <c r="FL9" s="294">
        <v>0</v>
      </c>
      <c r="FM9" s="295">
        <v>0</v>
      </c>
      <c r="FN9" s="296">
        <v>0</v>
      </c>
      <c r="FO9" s="300"/>
      <c r="FP9" s="295">
        <v>64728</v>
      </c>
      <c r="FQ9" s="295">
        <v>152192</v>
      </c>
      <c r="FR9" s="295">
        <v>528891</v>
      </c>
      <c r="FS9" s="295">
        <v>974377</v>
      </c>
      <c r="FT9" s="295">
        <v>435961</v>
      </c>
      <c r="FU9" s="298">
        <v>2156149</v>
      </c>
      <c r="FV9" s="299">
        <v>2156149</v>
      </c>
      <c r="FW9" s="294">
        <v>1392</v>
      </c>
      <c r="FX9" s="295">
        <v>40433</v>
      </c>
      <c r="FY9" s="296">
        <v>41825</v>
      </c>
      <c r="FZ9" s="297">
        <v>0</v>
      </c>
      <c r="GA9" s="295">
        <v>378007</v>
      </c>
      <c r="GB9" s="295">
        <v>708204</v>
      </c>
      <c r="GC9" s="295">
        <v>1284183</v>
      </c>
      <c r="GD9" s="295">
        <v>1472485</v>
      </c>
      <c r="GE9" s="295">
        <v>561747</v>
      </c>
      <c r="GF9" s="298">
        <v>4404626</v>
      </c>
      <c r="GG9" s="299">
        <v>4446451</v>
      </c>
      <c r="GH9" s="294">
        <v>0</v>
      </c>
      <c r="GI9" s="295">
        <v>0</v>
      </c>
      <c r="GJ9" s="296">
        <v>0</v>
      </c>
      <c r="GK9" s="297">
        <v>0</v>
      </c>
      <c r="GL9" s="295">
        <v>8972</v>
      </c>
      <c r="GM9" s="295">
        <v>10672</v>
      </c>
      <c r="GN9" s="295">
        <v>42224</v>
      </c>
      <c r="GO9" s="295">
        <v>60114</v>
      </c>
      <c r="GP9" s="295">
        <v>17576</v>
      </c>
      <c r="GQ9" s="298">
        <v>139558</v>
      </c>
      <c r="GR9" s="299">
        <v>139558</v>
      </c>
      <c r="GS9" s="294">
        <v>0</v>
      </c>
      <c r="GT9" s="295">
        <v>0</v>
      </c>
      <c r="GU9" s="296">
        <v>0</v>
      </c>
      <c r="GV9" s="297">
        <v>0</v>
      </c>
      <c r="GW9" s="295">
        <v>0</v>
      </c>
      <c r="GX9" s="295">
        <v>0</v>
      </c>
      <c r="GY9" s="295">
        <v>0</v>
      </c>
      <c r="GZ9" s="295">
        <v>0</v>
      </c>
      <c r="HA9" s="295">
        <v>0</v>
      </c>
      <c r="HB9" s="298">
        <v>0</v>
      </c>
      <c r="HC9" s="299">
        <v>0</v>
      </c>
      <c r="HD9" s="294">
        <v>0</v>
      </c>
      <c r="HE9" s="295">
        <v>0</v>
      </c>
      <c r="HF9" s="296">
        <v>0</v>
      </c>
      <c r="HG9" s="300"/>
      <c r="HH9" s="295">
        <v>0</v>
      </c>
      <c r="HI9" s="295">
        <v>0</v>
      </c>
      <c r="HJ9" s="295">
        <v>0</v>
      </c>
      <c r="HK9" s="295">
        <v>0</v>
      </c>
      <c r="HL9" s="295">
        <v>0</v>
      </c>
      <c r="HM9" s="298">
        <v>0</v>
      </c>
      <c r="HN9" s="299">
        <v>0</v>
      </c>
      <c r="HO9" s="294">
        <v>2282</v>
      </c>
      <c r="HP9" s="295">
        <v>69897</v>
      </c>
      <c r="HQ9" s="296">
        <v>72179</v>
      </c>
      <c r="HR9" s="297">
        <v>0</v>
      </c>
      <c r="HS9" s="295">
        <v>4523787</v>
      </c>
      <c r="HT9" s="295">
        <v>7796517</v>
      </c>
      <c r="HU9" s="295">
        <v>30869793</v>
      </c>
      <c r="HV9" s="295">
        <v>42380855</v>
      </c>
      <c r="HW9" s="295">
        <v>27209633</v>
      </c>
      <c r="HX9" s="298">
        <v>112780585</v>
      </c>
      <c r="HY9" s="299">
        <v>112852764</v>
      </c>
    </row>
    <row r="10" spans="2:233" ht="21" customHeight="1" x14ac:dyDescent="0.2">
      <c r="B10" s="292" t="s">
        <v>14</v>
      </c>
      <c r="C10" s="294">
        <v>0</v>
      </c>
      <c r="D10" s="295">
        <v>12432</v>
      </c>
      <c r="E10" s="296">
        <v>12432</v>
      </c>
      <c r="F10" s="297">
        <v>0</v>
      </c>
      <c r="G10" s="295">
        <v>749670</v>
      </c>
      <c r="H10" s="295">
        <v>2407612</v>
      </c>
      <c r="I10" s="295">
        <v>8785196</v>
      </c>
      <c r="J10" s="295">
        <v>14050353</v>
      </c>
      <c r="K10" s="295">
        <v>8083004</v>
      </c>
      <c r="L10" s="298">
        <v>34075835</v>
      </c>
      <c r="M10" s="299">
        <v>34088267</v>
      </c>
      <c r="N10" s="294">
        <v>0</v>
      </c>
      <c r="O10" s="295">
        <v>0</v>
      </c>
      <c r="P10" s="296">
        <v>0</v>
      </c>
      <c r="Q10" s="300"/>
      <c r="R10" s="295">
        <v>89900</v>
      </c>
      <c r="S10" s="295">
        <v>458886</v>
      </c>
      <c r="T10" s="295">
        <v>6467237</v>
      </c>
      <c r="U10" s="295">
        <v>10231449</v>
      </c>
      <c r="V10" s="295">
        <v>5958620</v>
      </c>
      <c r="W10" s="298">
        <v>23206092</v>
      </c>
      <c r="X10" s="299">
        <v>23206092</v>
      </c>
      <c r="Y10" s="294">
        <v>0</v>
      </c>
      <c r="Z10" s="295">
        <v>0</v>
      </c>
      <c r="AA10" s="296">
        <v>0</v>
      </c>
      <c r="AB10" s="300"/>
      <c r="AC10" s="295">
        <v>566170</v>
      </c>
      <c r="AD10" s="295">
        <v>1571448</v>
      </c>
      <c r="AE10" s="295">
        <v>1679543</v>
      </c>
      <c r="AF10" s="295">
        <v>2050137</v>
      </c>
      <c r="AG10" s="295">
        <v>963408</v>
      </c>
      <c r="AH10" s="298">
        <v>6830706</v>
      </c>
      <c r="AI10" s="299">
        <v>6830706</v>
      </c>
      <c r="AJ10" s="294">
        <v>0</v>
      </c>
      <c r="AK10" s="295">
        <v>0</v>
      </c>
      <c r="AL10" s="296">
        <v>0</v>
      </c>
      <c r="AM10" s="300"/>
      <c r="AN10" s="295">
        <v>0</v>
      </c>
      <c r="AO10" s="295">
        <v>0</v>
      </c>
      <c r="AP10" s="295">
        <v>0</v>
      </c>
      <c r="AQ10" s="295">
        <v>184390</v>
      </c>
      <c r="AR10" s="295">
        <v>163975</v>
      </c>
      <c r="AS10" s="298">
        <v>348365</v>
      </c>
      <c r="AT10" s="299">
        <v>348365</v>
      </c>
      <c r="AU10" s="294">
        <v>0</v>
      </c>
      <c r="AV10" s="295">
        <v>0</v>
      </c>
      <c r="AW10" s="296">
        <v>0</v>
      </c>
      <c r="AX10" s="300"/>
      <c r="AY10" s="295">
        <v>0</v>
      </c>
      <c r="AZ10" s="295">
        <v>0</v>
      </c>
      <c r="BA10" s="295">
        <v>24645</v>
      </c>
      <c r="BB10" s="295">
        <v>594740</v>
      </c>
      <c r="BC10" s="295">
        <v>507415</v>
      </c>
      <c r="BD10" s="298">
        <v>1126800</v>
      </c>
      <c r="BE10" s="299">
        <v>1126800</v>
      </c>
      <c r="BF10" s="294">
        <v>0</v>
      </c>
      <c r="BG10" s="295">
        <v>0</v>
      </c>
      <c r="BH10" s="296">
        <v>0</v>
      </c>
      <c r="BI10" s="300"/>
      <c r="BJ10" s="295">
        <v>0</v>
      </c>
      <c r="BK10" s="295">
        <v>24645</v>
      </c>
      <c r="BL10" s="295">
        <v>15810</v>
      </c>
      <c r="BM10" s="295">
        <v>132950</v>
      </c>
      <c r="BN10" s="295">
        <v>95325</v>
      </c>
      <c r="BO10" s="298">
        <v>268730</v>
      </c>
      <c r="BP10" s="299">
        <v>268730</v>
      </c>
      <c r="BQ10" s="294">
        <v>0</v>
      </c>
      <c r="BR10" s="295">
        <v>12432</v>
      </c>
      <c r="BS10" s="296">
        <v>12432</v>
      </c>
      <c r="BT10" s="297">
        <v>0</v>
      </c>
      <c r="BU10" s="295">
        <v>93600</v>
      </c>
      <c r="BV10" s="295">
        <v>352633</v>
      </c>
      <c r="BW10" s="295">
        <v>565091</v>
      </c>
      <c r="BX10" s="295">
        <v>855499</v>
      </c>
      <c r="BY10" s="295">
        <v>393045</v>
      </c>
      <c r="BZ10" s="298">
        <v>2259868</v>
      </c>
      <c r="CA10" s="299">
        <v>2272300</v>
      </c>
      <c r="CB10" s="294">
        <v>0</v>
      </c>
      <c r="CC10" s="295">
        <v>0</v>
      </c>
      <c r="CD10" s="296">
        <v>0</v>
      </c>
      <c r="CE10" s="297">
        <v>0</v>
      </c>
      <c r="CF10" s="295">
        <v>0</v>
      </c>
      <c r="CG10" s="295">
        <v>0</v>
      </c>
      <c r="CH10" s="295">
        <v>32870</v>
      </c>
      <c r="CI10" s="295">
        <v>1188</v>
      </c>
      <c r="CJ10" s="295">
        <v>1216</v>
      </c>
      <c r="CK10" s="298">
        <v>35274</v>
      </c>
      <c r="CL10" s="299">
        <v>35274</v>
      </c>
      <c r="CM10" s="294">
        <v>0</v>
      </c>
      <c r="CN10" s="295">
        <v>0</v>
      </c>
      <c r="CO10" s="296">
        <v>0</v>
      </c>
      <c r="CP10" s="297">
        <v>0</v>
      </c>
      <c r="CQ10" s="295">
        <v>0</v>
      </c>
      <c r="CR10" s="295">
        <v>0</v>
      </c>
      <c r="CS10" s="295">
        <v>0</v>
      </c>
      <c r="CT10" s="295">
        <v>0</v>
      </c>
      <c r="CU10" s="295">
        <v>0</v>
      </c>
      <c r="CV10" s="298">
        <v>0</v>
      </c>
      <c r="CW10" s="299">
        <v>0</v>
      </c>
      <c r="CX10" s="294">
        <v>0</v>
      </c>
      <c r="CY10" s="295">
        <v>0</v>
      </c>
      <c r="CZ10" s="296">
        <v>0</v>
      </c>
      <c r="DA10" s="300"/>
      <c r="DB10" s="295">
        <v>0</v>
      </c>
      <c r="DC10" s="295">
        <v>0</v>
      </c>
      <c r="DD10" s="295">
        <v>0</v>
      </c>
      <c r="DE10" s="295">
        <v>0</v>
      </c>
      <c r="DF10" s="295">
        <v>0</v>
      </c>
      <c r="DG10" s="298">
        <v>0</v>
      </c>
      <c r="DH10" s="299">
        <v>0</v>
      </c>
      <c r="DI10" s="294">
        <v>0</v>
      </c>
      <c r="DJ10" s="295">
        <v>19818</v>
      </c>
      <c r="DK10" s="296">
        <v>19818</v>
      </c>
      <c r="DL10" s="297">
        <v>0</v>
      </c>
      <c r="DM10" s="295">
        <v>326068</v>
      </c>
      <c r="DN10" s="295">
        <v>1604564</v>
      </c>
      <c r="DO10" s="295">
        <v>10611696</v>
      </c>
      <c r="DP10" s="295">
        <v>15278069</v>
      </c>
      <c r="DQ10" s="295">
        <v>8670338</v>
      </c>
      <c r="DR10" s="298">
        <v>36490735</v>
      </c>
      <c r="DS10" s="301">
        <v>36510553</v>
      </c>
      <c r="DT10" s="294">
        <v>0</v>
      </c>
      <c r="DU10" s="295">
        <v>0</v>
      </c>
      <c r="DV10" s="296">
        <v>0</v>
      </c>
      <c r="DW10" s="300"/>
      <c r="DX10" s="295">
        <v>138105</v>
      </c>
      <c r="DY10" s="295">
        <v>792879</v>
      </c>
      <c r="DZ10" s="295">
        <v>9177679</v>
      </c>
      <c r="EA10" s="295">
        <v>13541388</v>
      </c>
      <c r="EB10" s="295">
        <v>7766845</v>
      </c>
      <c r="EC10" s="298">
        <v>31416896</v>
      </c>
      <c r="ED10" s="299">
        <v>31416896</v>
      </c>
      <c r="EE10" s="294">
        <v>0</v>
      </c>
      <c r="EF10" s="295">
        <v>0</v>
      </c>
      <c r="EG10" s="296">
        <v>0</v>
      </c>
      <c r="EH10" s="300"/>
      <c r="EI10" s="295">
        <v>31507</v>
      </c>
      <c r="EJ10" s="295">
        <v>275850</v>
      </c>
      <c r="EK10" s="295">
        <v>246320</v>
      </c>
      <c r="EL10" s="295">
        <v>314433</v>
      </c>
      <c r="EM10" s="295">
        <v>93297</v>
      </c>
      <c r="EN10" s="298">
        <v>961407</v>
      </c>
      <c r="EO10" s="299">
        <v>961407</v>
      </c>
      <c r="EP10" s="294">
        <v>0</v>
      </c>
      <c r="EQ10" s="295">
        <v>0</v>
      </c>
      <c r="ER10" s="296">
        <v>0</v>
      </c>
      <c r="ES10" s="300"/>
      <c r="ET10" s="295">
        <v>0</v>
      </c>
      <c r="EU10" s="295">
        <v>0</v>
      </c>
      <c r="EV10" s="295">
        <v>0</v>
      </c>
      <c r="EW10" s="295">
        <v>34844</v>
      </c>
      <c r="EX10" s="295">
        <v>23374</v>
      </c>
      <c r="EY10" s="298">
        <v>58218</v>
      </c>
      <c r="EZ10" s="299">
        <v>58218</v>
      </c>
      <c r="FA10" s="294">
        <v>0</v>
      </c>
      <c r="FB10" s="295">
        <v>0</v>
      </c>
      <c r="FC10" s="296">
        <v>0</v>
      </c>
      <c r="FD10" s="300"/>
      <c r="FE10" s="295">
        <v>0</v>
      </c>
      <c r="FF10" s="295">
        <v>0</v>
      </c>
      <c r="FG10" s="295">
        <v>217</v>
      </c>
      <c r="FH10" s="295">
        <v>79295</v>
      </c>
      <c r="FI10" s="295">
        <v>100584</v>
      </c>
      <c r="FJ10" s="298">
        <v>180096</v>
      </c>
      <c r="FK10" s="299">
        <v>180096</v>
      </c>
      <c r="FL10" s="294">
        <v>0</v>
      </c>
      <c r="FM10" s="295">
        <v>0</v>
      </c>
      <c r="FN10" s="296">
        <v>0</v>
      </c>
      <c r="FO10" s="300"/>
      <c r="FP10" s="295">
        <v>0</v>
      </c>
      <c r="FQ10" s="295">
        <v>21576</v>
      </c>
      <c r="FR10" s="295">
        <v>127787</v>
      </c>
      <c r="FS10" s="295">
        <v>263445</v>
      </c>
      <c r="FT10" s="295">
        <v>138260</v>
      </c>
      <c r="FU10" s="298">
        <v>551068</v>
      </c>
      <c r="FV10" s="299">
        <v>551068</v>
      </c>
      <c r="FW10" s="294">
        <v>0</v>
      </c>
      <c r="FX10" s="295">
        <v>19818</v>
      </c>
      <c r="FY10" s="296">
        <v>19818</v>
      </c>
      <c r="FZ10" s="297">
        <v>0</v>
      </c>
      <c r="GA10" s="295">
        <v>156456</v>
      </c>
      <c r="GB10" s="295">
        <v>514259</v>
      </c>
      <c r="GC10" s="295">
        <v>1024411</v>
      </c>
      <c r="GD10" s="295">
        <v>1044566</v>
      </c>
      <c r="GE10" s="295">
        <v>547894</v>
      </c>
      <c r="GF10" s="298">
        <v>3287586</v>
      </c>
      <c r="GG10" s="299">
        <v>3307404</v>
      </c>
      <c r="GH10" s="294">
        <v>0</v>
      </c>
      <c r="GI10" s="295">
        <v>0</v>
      </c>
      <c r="GJ10" s="296">
        <v>0</v>
      </c>
      <c r="GK10" s="297">
        <v>0</v>
      </c>
      <c r="GL10" s="295">
        <v>0</v>
      </c>
      <c r="GM10" s="295">
        <v>0</v>
      </c>
      <c r="GN10" s="295">
        <v>35282</v>
      </c>
      <c r="GO10" s="295">
        <v>98</v>
      </c>
      <c r="GP10" s="295">
        <v>84</v>
      </c>
      <c r="GQ10" s="298">
        <v>35464</v>
      </c>
      <c r="GR10" s="299">
        <v>35464</v>
      </c>
      <c r="GS10" s="294">
        <v>0</v>
      </c>
      <c r="GT10" s="295">
        <v>0</v>
      </c>
      <c r="GU10" s="296">
        <v>0</v>
      </c>
      <c r="GV10" s="297">
        <v>0</v>
      </c>
      <c r="GW10" s="295">
        <v>0</v>
      </c>
      <c r="GX10" s="295">
        <v>0</v>
      </c>
      <c r="GY10" s="295">
        <v>0</v>
      </c>
      <c r="GZ10" s="295">
        <v>0</v>
      </c>
      <c r="HA10" s="295">
        <v>0</v>
      </c>
      <c r="HB10" s="298">
        <v>0</v>
      </c>
      <c r="HC10" s="299">
        <v>0</v>
      </c>
      <c r="HD10" s="294">
        <v>0</v>
      </c>
      <c r="HE10" s="295">
        <v>0</v>
      </c>
      <c r="HF10" s="296">
        <v>0</v>
      </c>
      <c r="HG10" s="300"/>
      <c r="HH10" s="295">
        <v>0</v>
      </c>
      <c r="HI10" s="295">
        <v>0</v>
      </c>
      <c r="HJ10" s="295">
        <v>0</v>
      </c>
      <c r="HK10" s="295">
        <v>0</v>
      </c>
      <c r="HL10" s="295">
        <v>0</v>
      </c>
      <c r="HM10" s="298">
        <v>0</v>
      </c>
      <c r="HN10" s="299">
        <v>0</v>
      </c>
      <c r="HO10" s="294">
        <v>0</v>
      </c>
      <c r="HP10" s="295">
        <v>32250</v>
      </c>
      <c r="HQ10" s="296">
        <v>32250</v>
      </c>
      <c r="HR10" s="297">
        <v>0</v>
      </c>
      <c r="HS10" s="295">
        <v>1075738</v>
      </c>
      <c r="HT10" s="295">
        <v>4012176</v>
      </c>
      <c r="HU10" s="295">
        <v>19396892</v>
      </c>
      <c r="HV10" s="295">
        <v>29328422</v>
      </c>
      <c r="HW10" s="295">
        <v>16753342</v>
      </c>
      <c r="HX10" s="298">
        <v>70566570</v>
      </c>
      <c r="HY10" s="299">
        <v>70598820</v>
      </c>
    </row>
    <row r="11" spans="2:233" ht="21" customHeight="1" x14ac:dyDescent="0.2">
      <c r="B11" s="292" t="s">
        <v>7</v>
      </c>
      <c r="C11" s="294">
        <v>435</v>
      </c>
      <c r="D11" s="295">
        <v>245</v>
      </c>
      <c r="E11" s="296">
        <v>680</v>
      </c>
      <c r="F11" s="297">
        <v>0</v>
      </c>
      <c r="G11" s="295">
        <v>1621925</v>
      </c>
      <c r="H11" s="295">
        <v>1980398</v>
      </c>
      <c r="I11" s="295">
        <v>6671583</v>
      </c>
      <c r="J11" s="295">
        <v>9797700</v>
      </c>
      <c r="K11" s="295">
        <v>4875827</v>
      </c>
      <c r="L11" s="298">
        <v>24947433</v>
      </c>
      <c r="M11" s="299">
        <v>24948113</v>
      </c>
      <c r="N11" s="294">
        <v>0</v>
      </c>
      <c r="O11" s="295">
        <v>0</v>
      </c>
      <c r="P11" s="296">
        <v>0</v>
      </c>
      <c r="Q11" s="300"/>
      <c r="R11" s="295">
        <v>119820</v>
      </c>
      <c r="S11" s="295">
        <v>424135</v>
      </c>
      <c r="T11" s="295">
        <v>4733615</v>
      </c>
      <c r="U11" s="295">
        <v>7468374</v>
      </c>
      <c r="V11" s="295">
        <v>4322095</v>
      </c>
      <c r="W11" s="298">
        <v>17068039</v>
      </c>
      <c r="X11" s="299">
        <v>17068039</v>
      </c>
      <c r="Y11" s="294">
        <v>0</v>
      </c>
      <c r="Z11" s="295">
        <v>0</v>
      </c>
      <c r="AA11" s="296">
        <v>0</v>
      </c>
      <c r="AB11" s="300"/>
      <c r="AC11" s="295">
        <v>1338022</v>
      </c>
      <c r="AD11" s="295">
        <v>1217105</v>
      </c>
      <c r="AE11" s="295">
        <v>1560977</v>
      </c>
      <c r="AF11" s="295">
        <v>1900313</v>
      </c>
      <c r="AG11" s="295">
        <v>387200</v>
      </c>
      <c r="AH11" s="298">
        <v>6403617</v>
      </c>
      <c r="AI11" s="299">
        <v>6403617</v>
      </c>
      <c r="AJ11" s="294">
        <v>0</v>
      </c>
      <c r="AK11" s="295">
        <v>0</v>
      </c>
      <c r="AL11" s="296">
        <v>0</v>
      </c>
      <c r="AM11" s="300"/>
      <c r="AN11" s="295">
        <v>0</v>
      </c>
      <c r="AO11" s="295">
        <v>0</v>
      </c>
      <c r="AP11" s="295">
        <v>0</v>
      </c>
      <c r="AQ11" s="295">
        <v>32705</v>
      </c>
      <c r="AR11" s="295">
        <v>7905</v>
      </c>
      <c r="AS11" s="298">
        <v>40610</v>
      </c>
      <c r="AT11" s="299">
        <v>40610</v>
      </c>
      <c r="AU11" s="294">
        <v>0</v>
      </c>
      <c r="AV11" s="295">
        <v>0</v>
      </c>
      <c r="AW11" s="296">
        <v>0</v>
      </c>
      <c r="AX11" s="300"/>
      <c r="AY11" s="295">
        <v>0</v>
      </c>
      <c r="AZ11" s="295">
        <v>0</v>
      </c>
      <c r="BA11" s="295">
        <v>0</v>
      </c>
      <c r="BB11" s="295">
        <v>32705</v>
      </c>
      <c r="BC11" s="295">
        <v>31005</v>
      </c>
      <c r="BD11" s="298">
        <v>63710</v>
      </c>
      <c r="BE11" s="299">
        <v>63710</v>
      </c>
      <c r="BF11" s="294">
        <v>0</v>
      </c>
      <c r="BG11" s="295">
        <v>0</v>
      </c>
      <c r="BH11" s="296">
        <v>0</v>
      </c>
      <c r="BI11" s="300"/>
      <c r="BJ11" s="295">
        <v>0</v>
      </c>
      <c r="BK11" s="295">
        <v>0</v>
      </c>
      <c r="BL11" s="295">
        <v>0</v>
      </c>
      <c r="BM11" s="295">
        <v>0</v>
      </c>
      <c r="BN11" s="295">
        <v>0</v>
      </c>
      <c r="BO11" s="298">
        <v>0</v>
      </c>
      <c r="BP11" s="299">
        <v>0</v>
      </c>
      <c r="BQ11" s="294">
        <v>435</v>
      </c>
      <c r="BR11" s="295">
        <v>245</v>
      </c>
      <c r="BS11" s="296">
        <v>680</v>
      </c>
      <c r="BT11" s="297">
        <v>0</v>
      </c>
      <c r="BU11" s="295">
        <v>163713</v>
      </c>
      <c r="BV11" s="295">
        <v>327408</v>
      </c>
      <c r="BW11" s="295">
        <v>345265</v>
      </c>
      <c r="BX11" s="295">
        <v>351208</v>
      </c>
      <c r="BY11" s="295">
        <v>125367</v>
      </c>
      <c r="BZ11" s="298">
        <v>1312961</v>
      </c>
      <c r="CA11" s="299">
        <v>1313641</v>
      </c>
      <c r="CB11" s="294">
        <v>0</v>
      </c>
      <c r="CC11" s="295">
        <v>0</v>
      </c>
      <c r="CD11" s="296">
        <v>0</v>
      </c>
      <c r="CE11" s="297">
        <v>0</v>
      </c>
      <c r="CF11" s="295">
        <v>370</v>
      </c>
      <c r="CG11" s="295">
        <v>11750</v>
      </c>
      <c r="CH11" s="295">
        <v>31726</v>
      </c>
      <c r="CI11" s="295">
        <v>12395</v>
      </c>
      <c r="CJ11" s="295">
        <v>2255</v>
      </c>
      <c r="CK11" s="298">
        <v>58496</v>
      </c>
      <c r="CL11" s="299">
        <v>58496</v>
      </c>
      <c r="CM11" s="294">
        <v>0</v>
      </c>
      <c r="CN11" s="295">
        <v>0</v>
      </c>
      <c r="CO11" s="296">
        <v>0</v>
      </c>
      <c r="CP11" s="297">
        <v>0</v>
      </c>
      <c r="CQ11" s="295">
        <v>0</v>
      </c>
      <c r="CR11" s="295">
        <v>0</v>
      </c>
      <c r="CS11" s="295">
        <v>0</v>
      </c>
      <c r="CT11" s="295">
        <v>0</v>
      </c>
      <c r="CU11" s="295">
        <v>0</v>
      </c>
      <c r="CV11" s="298">
        <v>0</v>
      </c>
      <c r="CW11" s="299">
        <v>0</v>
      </c>
      <c r="CX11" s="294">
        <v>0</v>
      </c>
      <c r="CY11" s="295">
        <v>0</v>
      </c>
      <c r="CZ11" s="296">
        <v>0</v>
      </c>
      <c r="DA11" s="300"/>
      <c r="DB11" s="295">
        <v>0</v>
      </c>
      <c r="DC11" s="295">
        <v>0</v>
      </c>
      <c r="DD11" s="295">
        <v>0</v>
      </c>
      <c r="DE11" s="295">
        <v>0</v>
      </c>
      <c r="DF11" s="295">
        <v>0</v>
      </c>
      <c r="DG11" s="298">
        <v>0</v>
      </c>
      <c r="DH11" s="299">
        <v>0</v>
      </c>
      <c r="DI11" s="294">
        <v>3480</v>
      </c>
      <c r="DJ11" s="295">
        <v>1053</v>
      </c>
      <c r="DK11" s="296">
        <v>4533</v>
      </c>
      <c r="DL11" s="297">
        <v>0</v>
      </c>
      <c r="DM11" s="295">
        <v>627595</v>
      </c>
      <c r="DN11" s="295">
        <v>1250834</v>
      </c>
      <c r="DO11" s="295">
        <v>6803568</v>
      </c>
      <c r="DP11" s="295">
        <v>9495499</v>
      </c>
      <c r="DQ11" s="295">
        <v>5243992</v>
      </c>
      <c r="DR11" s="298">
        <v>23421488</v>
      </c>
      <c r="DS11" s="301">
        <v>23426021</v>
      </c>
      <c r="DT11" s="294">
        <v>0</v>
      </c>
      <c r="DU11" s="295">
        <v>0</v>
      </c>
      <c r="DV11" s="296">
        <v>0</v>
      </c>
      <c r="DW11" s="300"/>
      <c r="DX11" s="295">
        <v>158475</v>
      </c>
      <c r="DY11" s="295">
        <v>591666</v>
      </c>
      <c r="DZ11" s="295">
        <v>5939186</v>
      </c>
      <c r="EA11" s="295">
        <v>8714445</v>
      </c>
      <c r="EB11" s="295">
        <v>4983165</v>
      </c>
      <c r="EC11" s="298">
        <v>20386937</v>
      </c>
      <c r="ED11" s="299">
        <v>20386937</v>
      </c>
      <c r="EE11" s="294">
        <v>0</v>
      </c>
      <c r="EF11" s="295">
        <v>0</v>
      </c>
      <c r="EG11" s="296">
        <v>0</v>
      </c>
      <c r="EH11" s="300"/>
      <c r="EI11" s="295">
        <v>195970</v>
      </c>
      <c r="EJ11" s="295">
        <v>122131</v>
      </c>
      <c r="EK11" s="295">
        <v>297581</v>
      </c>
      <c r="EL11" s="295">
        <v>279098</v>
      </c>
      <c r="EM11" s="295">
        <v>97357</v>
      </c>
      <c r="EN11" s="298">
        <v>992137</v>
      </c>
      <c r="EO11" s="299">
        <v>992137</v>
      </c>
      <c r="EP11" s="294">
        <v>0</v>
      </c>
      <c r="EQ11" s="295">
        <v>0</v>
      </c>
      <c r="ER11" s="296">
        <v>0</v>
      </c>
      <c r="ES11" s="300"/>
      <c r="ET11" s="295">
        <v>0</v>
      </c>
      <c r="EU11" s="295">
        <v>0</v>
      </c>
      <c r="EV11" s="295">
        <v>0</v>
      </c>
      <c r="EW11" s="295">
        <v>217</v>
      </c>
      <c r="EX11" s="295">
        <v>651</v>
      </c>
      <c r="EY11" s="298">
        <v>868</v>
      </c>
      <c r="EZ11" s="299">
        <v>868</v>
      </c>
      <c r="FA11" s="294">
        <v>0</v>
      </c>
      <c r="FB11" s="295">
        <v>0</v>
      </c>
      <c r="FC11" s="296">
        <v>0</v>
      </c>
      <c r="FD11" s="300"/>
      <c r="FE11" s="295">
        <v>0</v>
      </c>
      <c r="FF11" s="295">
        <v>0</v>
      </c>
      <c r="FG11" s="295">
        <v>0</v>
      </c>
      <c r="FH11" s="295">
        <v>217</v>
      </c>
      <c r="FI11" s="295">
        <v>273</v>
      </c>
      <c r="FJ11" s="298">
        <v>490</v>
      </c>
      <c r="FK11" s="299">
        <v>490</v>
      </c>
      <c r="FL11" s="294">
        <v>0</v>
      </c>
      <c r="FM11" s="295">
        <v>0</v>
      </c>
      <c r="FN11" s="296">
        <v>0</v>
      </c>
      <c r="FO11" s="300"/>
      <c r="FP11" s="295">
        <v>0</v>
      </c>
      <c r="FQ11" s="295">
        <v>0</v>
      </c>
      <c r="FR11" s="295">
        <v>0</v>
      </c>
      <c r="FS11" s="295">
        <v>0</v>
      </c>
      <c r="FT11" s="295">
        <v>0</v>
      </c>
      <c r="FU11" s="298">
        <v>0</v>
      </c>
      <c r="FV11" s="299">
        <v>0</v>
      </c>
      <c r="FW11" s="294">
        <v>3480</v>
      </c>
      <c r="FX11" s="295">
        <v>1053</v>
      </c>
      <c r="FY11" s="296">
        <v>4533</v>
      </c>
      <c r="FZ11" s="297">
        <v>0</v>
      </c>
      <c r="GA11" s="295">
        <v>273122</v>
      </c>
      <c r="GB11" s="295">
        <v>533543</v>
      </c>
      <c r="GC11" s="295">
        <v>562555</v>
      </c>
      <c r="GD11" s="295">
        <v>485945</v>
      </c>
      <c r="GE11" s="295">
        <v>156818</v>
      </c>
      <c r="GF11" s="298">
        <v>2011983</v>
      </c>
      <c r="GG11" s="299">
        <v>2016516</v>
      </c>
      <c r="GH11" s="294">
        <v>0</v>
      </c>
      <c r="GI11" s="295">
        <v>0</v>
      </c>
      <c r="GJ11" s="296">
        <v>0</v>
      </c>
      <c r="GK11" s="297">
        <v>0</v>
      </c>
      <c r="GL11" s="295">
        <v>28</v>
      </c>
      <c r="GM11" s="295">
        <v>3494</v>
      </c>
      <c r="GN11" s="295">
        <v>4246</v>
      </c>
      <c r="GO11" s="295">
        <v>15577</v>
      </c>
      <c r="GP11" s="295">
        <v>5728</v>
      </c>
      <c r="GQ11" s="298">
        <v>29073</v>
      </c>
      <c r="GR11" s="299">
        <v>29073</v>
      </c>
      <c r="GS11" s="294">
        <v>0</v>
      </c>
      <c r="GT11" s="295">
        <v>0</v>
      </c>
      <c r="GU11" s="296">
        <v>0</v>
      </c>
      <c r="GV11" s="297">
        <v>0</v>
      </c>
      <c r="GW11" s="295">
        <v>0</v>
      </c>
      <c r="GX11" s="295">
        <v>0</v>
      </c>
      <c r="GY11" s="295">
        <v>0</v>
      </c>
      <c r="GZ11" s="295">
        <v>0</v>
      </c>
      <c r="HA11" s="295">
        <v>0</v>
      </c>
      <c r="HB11" s="298">
        <v>0</v>
      </c>
      <c r="HC11" s="299">
        <v>0</v>
      </c>
      <c r="HD11" s="294">
        <v>0</v>
      </c>
      <c r="HE11" s="295">
        <v>0</v>
      </c>
      <c r="HF11" s="296">
        <v>0</v>
      </c>
      <c r="HG11" s="300"/>
      <c r="HH11" s="295">
        <v>0</v>
      </c>
      <c r="HI11" s="295">
        <v>0</v>
      </c>
      <c r="HJ11" s="295">
        <v>0</v>
      </c>
      <c r="HK11" s="295">
        <v>0</v>
      </c>
      <c r="HL11" s="295">
        <v>0</v>
      </c>
      <c r="HM11" s="298">
        <v>0</v>
      </c>
      <c r="HN11" s="299">
        <v>0</v>
      </c>
      <c r="HO11" s="294">
        <v>3915</v>
      </c>
      <c r="HP11" s="295">
        <v>1298</v>
      </c>
      <c r="HQ11" s="296">
        <v>5213</v>
      </c>
      <c r="HR11" s="297">
        <v>0</v>
      </c>
      <c r="HS11" s="295">
        <v>2249520</v>
      </c>
      <c r="HT11" s="295">
        <v>3231232</v>
      </c>
      <c r="HU11" s="295">
        <v>13475151</v>
      </c>
      <c r="HV11" s="295">
        <v>19293199</v>
      </c>
      <c r="HW11" s="295">
        <v>10119819</v>
      </c>
      <c r="HX11" s="298">
        <v>48368921</v>
      </c>
      <c r="HY11" s="299">
        <v>48374134</v>
      </c>
    </row>
    <row r="12" spans="2:233" ht="21" customHeight="1" x14ac:dyDescent="0.2">
      <c r="B12" s="292" t="s">
        <v>8</v>
      </c>
      <c r="C12" s="294">
        <v>435</v>
      </c>
      <c r="D12" s="295">
        <v>4400</v>
      </c>
      <c r="E12" s="296">
        <v>4835</v>
      </c>
      <c r="F12" s="297">
        <v>0</v>
      </c>
      <c r="G12" s="295">
        <v>526212</v>
      </c>
      <c r="H12" s="295">
        <v>1415326</v>
      </c>
      <c r="I12" s="295">
        <v>5014386</v>
      </c>
      <c r="J12" s="295">
        <v>4424777</v>
      </c>
      <c r="K12" s="295">
        <v>2685852</v>
      </c>
      <c r="L12" s="298">
        <v>14066553</v>
      </c>
      <c r="M12" s="299">
        <v>14071388</v>
      </c>
      <c r="N12" s="294">
        <v>0</v>
      </c>
      <c r="O12" s="295">
        <v>0</v>
      </c>
      <c r="P12" s="296">
        <v>0</v>
      </c>
      <c r="Q12" s="300"/>
      <c r="R12" s="295">
        <v>205065</v>
      </c>
      <c r="S12" s="295">
        <v>405665</v>
      </c>
      <c r="T12" s="295">
        <v>3610265</v>
      </c>
      <c r="U12" s="295">
        <v>3325122</v>
      </c>
      <c r="V12" s="295">
        <v>1952800</v>
      </c>
      <c r="W12" s="298">
        <v>9498917</v>
      </c>
      <c r="X12" s="299">
        <v>9498917</v>
      </c>
      <c r="Y12" s="294">
        <v>0</v>
      </c>
      <c r="Z12" s="295">
        <v>0</v>
      </c>
      <c r="AA12" s="296">
        <v>0</v>
      </c>
      <c r="AB12" s="300"/>
      <c r="AC12" s="295">
        <v>247253</v>
      </c>
      <c r="AD12" s="295">
        <v>828632</v>
      </c>
      <c r="AE12" s="295">
        <v>1174335</v>
      </c>
      <c r="AF12" s="295">
        <v>611705</v>
      </c>
      <c r="AG12" s="295">
        <v>375130</v>
      </c>
      <c r="AH12" s="298">
        <v>3237055</v>
      </c>
      <c r="AI12" s="299">
        <v>3237055</v>
      </c>
      <c r="AJ12" s="294">
        <v>0</v>
      </c>
      <c r="AK12" s="295">
        <v>0</v>
      </c>
      <c r="AL12" s="296">
        <v>0</v>
      </c>
      <c r="AM12" s="300"/>
      <c r="AN12" s="295">
        <v>0</v>
      </c>
      <c r="AO12" s="295">
        <v>0</v>
      </c>
      <c r="AP12" s="295">
        <v>0</v>
      </c>
      <c r="AQ12" s="295">
        <v>0</v>
      </c>
      <c r="AR12" s="295">
        <v>0</v>
      </c>
      <c r="AS12" s="298">
        <v>0</v>
      </c>
      <c r="AT12" s="299">
        <v>0</v>
      </c>
      <c r="AU12" s="294">
        <v>0</v>
      </c>
      <c r="AV12" s="295">
        <v>0</v>
      </c>
      <c r="AW12" s="296">
        <v>0</v>
      </c>
      <c r="AX12" s="300"/>
      <c r="AY12" s="295">
        <v>35495</v>
      </c>
      <c r="AZ12" s="295">
        <v>0</v>
      </c>
      <c r="BA12" s="295">
        <v>32705</v>
      </c>
      <c r="BB12" s="295">
        <v>2635</v>
      </c>
      <c r="BC12" s="295">
        <v>142920</v>
      </c>
      <c r="BD12" s="298">
        <v>213755</v>
      </c>
      <c r="BE12" s="299">
        <v>213755</v>
      </c>
      <c r="BF12" s="294">
        <v>0</v>
      </c>
      <c r="BG12" s="295">
        <v>0</v>
      </c>
      <c r="BH12" s="296">
        <v>0</v>
      </c>
      <c r="BI12" s="300"/>
      <c r="BJ12" s="295">
        <v>0</v>
      </c>
      <c r="BK12" s="295">
        <v>5270</v>
      </c>
      <c r="BL12" s="295">
        <v>44790</v>
      </c>
      <c r="BM12" s="295">
        <v>189205</v>
      </c>
      <c r="BN12" s="295">
        <v>97805</v>
      </c>
      <c r="BO12" s="298">
        <v>337070</v>
      </c>
      <c r="BP12" s="299">
        <v>337070</v>
      </c>
      <c r="BQ12" s="294">
        <v>435</v>
      </c>
      <c r="BR12" s="295">
        <v>4400</v>
      </c>
      <c r="BS12" s="296">
        <v>4835</v>
      </c>
      <c r="BT12" s="297">
        <v>0</v>
      </c>
      <c r="BU12" s="295">
        <v>38399</v>
      </c>
      <c r="BV12" s="295">
        <v>175179</v>
      </c>
      <c r="BW12" s="295">
        <v>151901</v>
      </c>
      <c r="BX12" s="295">
        <v>296110</v>
      </c>
      <c r="BY12" s="295">
        <v>117197</v>
      </c>
      <c r="BZ12" s="298">
        <v>778786</v>
      </c>
      <c r="CA12" s="299">
        <v>783621</v>
      </c>
      <c r="CB12" s="294">
        <v>0</v>
      </c>
      <c r="CC12" s="295">
        <v>0</v>
      </c>
      <c r="CD12" s="296">
        <v>0</v>
      </c>
      <c r="CE12" s="297">
        <v>0</v>
      </c>
      <c r="CF12" s="295">
        <v>0</v>
      </c>
      <c r="CG12" s="295">
        <v>580</v>
      </c>
      <c r="CH12" s="295">
        <v>390</v>
      </c>
      <c r="CI12" s="295">
        <v>0</v>
      </c>
      <c r="CJ12" s="295">
        <v>0</v>
      </c>
      <c r="CK12" s="298">
        <v>970</v>
      </c>
      <c r="CL12" s="299">
        <v>970</v>
      </c>
      <c r="CM12" s="294">
        <v>0</v>
      </c>
      <c r="CN12" s="295">
        <v>0</v>
      </c>
      <c r="CO12" s="296">
        <v>0</v>
      </c>
      <c r="CP12" s="297">
        <v>0</v>
      </c>
      <c r="CQ12" s="295">
        <v>0</v>
      </c>
      <c r="CR12" s="295">
        <v>0</v>
      </c>
      <c r="CS12" s="295">
        <v>0</v>
      </c>
      <c r="CT12" s="295">
        <v>0</v>
      </c>
      <c r="CU12" s="295">
        <v>0</v>
      </c>
      <c r="CV12" s="298">
        <v>0</v>
      </c>
      <c r="CW12" s="299">
        <v>0</v>
      </c>
      <c r="CX12" s="294">
        <v>0</v>
      </c>
      <c r="CY12" s="295">
        <v>0</v>
      </c>
      <c r="CZ12" s="296">
        <v>0</v>
      </c>
      <c r="DA12" s="300"/>
      <c r="DB12" s="295">
        <v>0</v>
      </c>
      <c r="DC12" s="295">
        <v>0</v>
      </c>
      <c r="DD12" s="295">
        <v>0</v>
      </c>
      <c r="DE12" s="295">
        <v>0</v>
      </c>
      <c r="DF12" s="295">
        <v>0</v>
      </c>
      <c r="DG12" s="298">
        <v>0</v>
      </c>
      <c r="DH12" s="299">
        <v>0</v>
      </c>
      <c r="DI12" s="294">
        <v>2784</v>
      </c>
      <c r="DJ12" s="295">
        <v>6056</v>
      </c>
      <c r="DK12" s="296">
        <v>8840</v>
      </c>
      <c r="DL12" s="297">
        <v>0</v>
      </c>
      <c r="DM12" s="295">
        <v>465799</v>
      </c>
      <c r="DN12" s="295">
        <v>1228300</v>
      </c>
      <c r="DO12" s="295">
        <v>5543834</v>
      </c>
      <c r="DP12" s="295">
        <v>5613326</v>
      </c>
      <c r="DQ12" s="295">
        <v>3122247</v>
      </c>
      <c r="DR12" s="298">
        <v>15973506</v>
      </c>
      <c r="DS12" s="301">
        <v>15982346</v>
      </c>
      <c r="DT12" s="294">
        <v>0</v>
      </c>
      <c r="DU12" s="295">
        <v>0</v>
      </c>
      <c r="DV12" s="296">
        <v>0</v>
      </c>
      <c r="DW12" s="300"/>
      <c r="DX12" s="295">
        <v>335513</v>
      </c>
      <c r="DY12" s="295">
        <v>818029</v>
      </c>
      <c r="DZ12" s="295">
        <v>4769526</v>
      </c>
      <c r="EA12" s="295">
        <v>4762756</v>
      </c>
      <c r="EB12" s="295">
        <v>2662101</v>
      </c>
      <c r="EC12" s="298">
        <v>13347925</v>
      </c>
      <c r="ED12" s="299">
        <v>13347925</v>
      </c>
      <c r="EE12" s="294">
        <v>0</v>
      </c>
      <c r="EF12" s="295">
        <v>0</v>
      </c>
      <c r="EG12" s="296">
        <v>0</v>
      </c>
      <c r="EH12" s="300"/>
      <c r="EI12" s="295">
        <v>48944</v>
      </c>
      <c r="EJ12" s="295">
        <v>114983</v>
      </c>
      <c r="EK12" s="295">
        <v>103749</v>
      </c>
      <c r="EL12" s="295">
        <v>74194</v>
      </c>
      <c r="EM12" s="295">
        <v>48905</v>
      </c>
      <c r="EN12" s="298">
        <v>390775</v>
      </c>
      <c r="EO12" s="299">
        <v>390775</v>
      </c>
      <c r="EP12" s="294">
        <v>0</v>
      </c>
      <c r="EQ12" s="295">
        <v>0</v>
      </c>
      <c r="ER12" s="296">
        <v>0</v>
      </c>
      <c r="ES12" s="300"/>
      <c r="ET12" s="295">
        <v>0</v>
      </c>
      <c r="EU12" s="295">
        <v>0</v>
      </c>
      <c r="EV12" s="295">
        <v>0</v>
      </c>
      <c r="EW12" s="295">
        <v>0</v>
      </c>
      <c r="EX12" s="295">
        <v>0</v>
      </c>
      <c r="EY12" s="298">
        <v>0</v>
      </c>
      <c r="EZ12" s="299">
        <v>0</v>
      </c>
      <c r="FA12" s="294">
        <v>0</v>
      </c>
      <c r="FB12" s="295">
        <v>0</v>
      </c>
      <c r="FC12" s="296">
        <v>0</v>
      </c>
      <c r="FD12" s="300"/>
      <c r="FE12" s="295">
        <v>11687</v>
      </c>
      <c r="FF12" s="295">
        <v>0</v>
      </c>
      <c r="FG12" s="295">
        <v>217</v>
      </c>
      <c r="FH12" s="295">
        <v>217</v>
      </c>
      <c r="FI12" s="295">
        <v>12772</v>
      </c>
      <c r="FJ12" s="298">
        <v>24893</v>
      </c>
      <c r="FK12" s="299">
        <v>24893</v>
      </c>
      <c r="FL12" s="294">
        <v>0</v>
      </c>
      <c r="FM12" s="295">
        <v>0</v>
      </c>
      <c r="FN12" s="296">
        <v>0</v>
      </c>
      <c r="FO12" s="300"/>
      <c r="FP12" s="295">
        <v>0</v>
      </c>
      <c r="FQ12" s="295">
        <v>43152</v>
      </c>
      <c r="FR12" s="295">
        <v>201718</v>
      </c>
      <c r="FS12" s="295">
        <v>264688</v>
      </c>
      <c r="FT12" s="295">
        <v>209374</v>
      </c>
      <c r="FU12" s="298">
        <v>718932</v>
      </c>
      <c r="FV12" s="299">
        <v>718932</v>
      </c>
      <c r="FW12" s="294">
        <v>2784</v>
      </c>
      <c r="FX12" s="295">
        <v>6056</v>
      </c>
      <c r="FY12" s="296">
        <v>8840</v>
      </c>
      <c r="FZ12" s="297">
        <v>0</v>
      </c>
      <c r="GA12" s="295">
        <v>69655</v>
      </c>
      <c r="GB12" s="295">
        <v>250346</v>
      </c>
      <c r="GC12" s="295">
        <v>467192</v>
      </c>
      <c r="GD12" s="295">
        <v>511471</v>
      </c>
      <c r="GE12" s="295">
        <v>189095</v>
      </c>
      <c r="GF12" s="298">
        <v>1487759</v>
      </c>
      <c r="GG12" s="299">
        <v>1496599</v>
      </c>
      <c r="GH12" s="294">
        <v>0</v>
      </c>
      <c r="GI12" s="295">
        <v>0</v>
      </c>
      <c r="GJ12" s="296">
        <v>0</v>
      </c>
      <c r="GK12" s="297">
        <v>0</v>
      </c>
      <c r="GL12" s="295">
        <v>0</v>
      </c>
      <c r="GM12" s="295">
        <v>1790</v>
      </c>
      <c r="GN12" s="295">
        <v>1432</v>
      </c>
      <c r="GO12" s="295">
        <v>0</v>
      </c>
      <c r="GP12" s="295">
        <v>0</v>
      </c>
      <c r="GQ12" s="298">
        <v>3222</v>
      </c>
      <c r="GR12" s="299">
        <v>3222</v>
      </c>
      <c r="GS12" s="294">
        <v>0</v>
      </c>
      <c r="GT12" s="295">
        <v>0</v>
      </c>
      <c r="GU12" s="296">
        <v>0</v>
      </c>
      <c r="GV12" s="297">
        <v>0</v>
      </c>
      <c r="GW12" s="295">
        <v>0</v>
      </c>
      <c r="GX12" s="295">
        <v>0</v>
      </c>
      <c r="GY12" s="295">
        <v>0</v>
      </c>
      <c r="GZ12" s="295">
        <v>0</v>
      </c>
      <c r="HA12" s="295">
        <v>0</v>
      </c>
      <c r="HB12" s="298">
        <v>0</v>
      </c>
      <c r="HC12" s="299">
        <v>0</v>
      </c>
      <c r="HD12" s="294">
        <v>0</v>
      </c>
      <c r="HE12" s="295">
        <v>0</v>
      </c>
      <c r="HF12" s="296">
        <v>0</v>
      </c>
      <c r="HG12" s="300"/>
      <c r="HH12" s="295">
        <v>0</v>
      </c>
      <c r="HI12" s="295">
        <v>0</v>
      </c>
      <c r="HJ12" s="295">
        <v>0</v>
      </c>
      <c r="HK12" s="295">
        <v>0</v>
      </c>
      <c r="HL12" s="295">
        <v>0</v>
      </c>
      <c r="HM12" s="298">
        <v>0</v>
      </c>
      <c r="HN12" s="299">
        <v>0</v>
      </c>
      <c r="HO12" s="294">
        <v>3219</v>
      </c>
      <c r="HP12" s="295">
        <v>10456</v>
      </c>
      <c r="HQ12" s="296">
        <v>13675</v>
      </c>
      <c r="HR12" s="297">
        <v>0</v>
      </c>
      <c r="HS12" s="295">
        <v>992011</v>
      </c>
      <c r="HT12" s="295">
        <v>2643626</v>
      </c>
      <c r="HU12" s="295">
        <v>10558220</v>
      </c>
      <c r="HV12" s="295">
        <v>10038103</v>
      </c>
      <c r="HW12" s="295">
        <v>5808099</v>
      </c>
      <c r="HX12" s="298">
        <v>30040059</v>
      </c>
      <c r="HY12" s="299">
        <v>30053734</v>
      </c>
    </row>
    <row r="13" spans="2:233" ht="21" customHeight="1" x14ac:dyDescent="0.2">
      <c r="B13" s="292" t="s">
        <v>9</v>
      </c>
      <c r="C13" s="294">
        <v>465</v>
      </c>
      <c r="D13" s="295">
        <v>380</v>
      </c>
      <c r="E13" s="296">
        <v>845</v>
      </c>
      <c r="F13" s="297">
        <v>0</v>
      </c>
      <c r="G13" s="295">
        <v>284267</v>
      </c>
      <c r="H13" s="295">
        <v>347235</v>
      </c>
      <c r="I13" s="295">
        <v>2145578</v>
      </c>
      <c r="J13" s="295">
        <v>3138584</v>
      </c>
      <c r="K13" s="295">
        <v>1477549</v>
      </c>
      <c r="L13" s="298">
        <v>7393213</v>
      </c>
      <c r="M13" s="299">
        <v>7394058</v>
      </c>
      <c r="N13" s="294">
        <v>0</v>
      </c>
      <c r="O13" s="295">
        <v>0</v>
      </c>
      <c r="P13" s="296">
        <v>0</v>
      </c>
      <c r="Q13" s="300"/>
      <c r="R13" s="295">
        <v>106020</v>
      </c>
      <c r="S13" s="295">
        <v>7820</v>
      </c>
      <c r="T13" s="295">
        <v>1483624</v>
      </c>
      <c r="U13" s="295">
        <v>2094828</v>
      </c>
      <c r="V13" s="295">
        <v>1211329</v>
      </c>
      <c r="W13" s="298">
        <v>4903621</v>
      </c>
      <c r="X13" s="299">
        <v>4903621</v>
      </c>
      <c r="Y13" s="294">
        <v>0</v>
      </c>
      <c r="Z13" s="295">
        <v>0</v>
      </c>
      <c r="AA13" s="296">
        <v>0</v>
      </c>
      <c r="AB13" s="300"/>
      <c r="AC13" s="295">
        <v>134592</v>
      </c>
      <c r="AD13" s="295">
        <v>220740</v>
      </c>
      <c r="AE13" s="295">
        <v>436677</v>
      </c>
      <c r="AF13" s="295">
        <v>824260</v>
      </c>
      <c r="AG13" s="295">
        <v>192295</v>
      </c>
      <c r="AH13" s="298">
        <v>1808564</v>
      </c>
      <c r="AI13" s="299">
        <v>1808564</v>
      </c>
      <c r="AJ13" s="294">
        <v>0</v>
      </c>
      <c r="AK13" s="295">
        <v>0</v>
      </c>
      <c r="AL13" s="296">
        <v>0</v>
      </c>
      <c r="AM13" s="300"/>
      <c r="AN13" s="295">
        <v>0</v>
      </c>
      <c r="AO13" s="295">
        <v>0</v>
      </c>
      <c r="AP13" s="295">
        <v>0</v>
      </c>
      <c r="AQ13" s="295">
        <v>2635</v>
      </c>
      <c r="AR13" s="295">
        <v>0</v>
      </c>
      <c r="AS13" s="298">
        <v>2635</v>
      </c>
      <c r="AT13" s="299">
        <v>2635</v>
      </c>
      <c r="AU13" s="294">
        <v>0</v>
      </c>
      <c r="AV13" s="295">
        <v>0</v>
      </c>
      <c r="AW13" s="296">
        <v>0</v>
      </c>
      <c r="AX13" s="300"/>
      <c r="AY13" s="295">
        <v>0</v>
      </c>
      <c r="AZ13" s="295">
        <v>0</v>
      </c>
      <c r="BA13" s="295">
        <v>0</v>
      </c>
      <c r="BB13" s="295">
        <v>2635</v>
      </c>
      <c r="BC13" s="295">
        <v>5950</v>
      </c>
      <c r="BD13" s="298">
        <v>8585</v>
      </c>
      <c r="BE13" s="299">
        <v>8585</v>
      </c>
      <c r="BF13" s="294">
        <v>0</v>
      </c>
      <c r="BG13" s="295">
        <v>0</v>
      </c>
      <c r="BH13" s="296">
        <v>0</v>
      </c>
      <c r="BI13" s="300"/>
      <c r="BJ13" s="295">
        <v>0</v>
      </c>
      <c r="BK13" s="295">
        <v>0</v>
      </c>
      <c r="BL13" s="295">
        <v>0</v>
      </c>
      <c r="BM13" s="295">
        <v>24645</v>
      </c>
      <c r="BN13" s="295">
        <v>0</v>
      </c>
      <c r="BO13" s="298">
        <v>24645</v>
      </c>
      <c r="BP13" s="299">
        <v>24645</v>
      </c>
      <c r="BQ13" s="294">
        <v>465</v>
      </c>
      <c r="BR13" s="295">
        <v>380</v>
      </c>
      <c r="BS13" s="296">
        <v>845</v>
      </c>
      <c r="BT13" s="297">
        <v>0</v>
      </c>
      <c r="BU13" s="295">
        <v>40765</v>
      </c>
      <c r="BV13" s="295">
        <v>118480</v>
      </c>
      <c r="BW13" s="295">
        <v>224307</v>
      </c>
      <c r="BX13" s="295">
        <v>188422</v>
      </c>
      <c r="BY13" s="295">
        <v>66840</v>
      </c>
      <c r="BZ13" s="298">
        <v>638814</v>
      </c>
      <c r="CA13" s="299">
        <v>639659</v>
      </c>
      <c r="CB13" s="294">
        <v>0</v>
      </c>
      <c r="CC13" s="295">
        <v>0</v>
      </c>
      <c r="CD13" s="296">
        <v>0</v>
      </c>
      <c r="CE13" s="297">
        <v>0</v>
      </c>
      <c r="CF13" s="295">
        <v>2890</v>
      </c>
      <c r="CG13" s="295">
        <v>195</v>
      </c>
      <c r="CH13" s="295">
        <v>970</v>
      </c>
      <c r="CI13" s="295">
        <v>1159</v>
      </c>
      <c r="CJ13" s="295">
        <v>1135</v>
      </c>
      <c r="CK13" s="298">
        <v>6349</v>
      </c>
      <c r="CL13" s="299">
        <v>6349</v>
      </c>
      <c r="CM13" s="294">
        <v>0</v>
      </c>
      <c r="CN13" s="295">
        <v>0</v>
      </c>
      <c r="CO13" s="296">
        <v>0</v>
      </c>
      <c r="CP13" s="297">
        <v>0</v>
      </c>
      <c r="CQ13" s="295">
        <v>0</v>
      </c>
      <c r="CR13" s="295">
        <v>0</v>
      </c>
      <c r="CS13" s="295">
        <v>0</v>
      </c>
      <c r="CT13" s="295">
        <v>0</v>
      </c>
      <c r="CU13" s="295">
        <v>0</v>
      </c>
      <c r="CV13" s="298">
        <v>0</v>
      </c>
      <c r="CW13" s="299">
        <v>0</v>
      </c>
      <c r="CX13" s="294">
        <v>0</v>
      </c>
      <c r="CY13" s="295">
        <v>0</v>
      </c>
      <c r="CZ13" s="296">
        <v>0</v>
      </c>
      <c r="DA13" s="300"/>
      <c r="DB13" s="295">
        <v>0</v>
      </c>
      <c r="DC13" s="295">
        <v>0</v>
      </c>
      <c r="DD13" s="295">
        <v>0</v>
      </c>
      <c r="DE13" s="295">
        <v>0</v>
      </c>
      <c r="DF13" s="295">
        <v>0</v>
      </c>
      <c r="DG13" s="298">
        <v>0</v>
      </c>
      <c r="DH13" s="299">
        <v>0</v>
      </c>
      <c r="DI13" s="294">
        <v>4848</v>
      </c>
      <c r="DJ13" s="295">
        <v>5568</v>
      </c>
      <c r="DK13" s="296">
        <v>10416</v>
      </c>
      <c r="DL13" s="297">
        <v>0</v>
      </c>
      <c r="DM13" s="295">
        <v>251992</v>
      </c>
      <c r="DN13" s="295">
        <v>245828</v>
      </c>
      <c r="DO13" s="295">
        <v>2438405</v>
      </c>
      <c r="DP13" s="295">
        <v>3295091</v>
      </c>
      <c r="DQ13" s="295">
        <v>1975887</v>
      </c>
      <c r="DR13" s="298">
        <v>8207203</v>
      </c>
      <c r="DS13" s="301">
        <v>8217619</v>
      </c>
      <c r="DT13" s="294">
        <v>0</v>
      </c>
      <c r="DU13" s="295">
        <v>0</v>
      </c>
      <c r="DV13" s="296">
        <v>0</v>
      </c>
      <c r="DW13" s="300"/>
      <c r="DX13" s="295">
        <v>152830</v>
      </c>
      <c r="DY13" s="295">
        <v>64032</v>
      </c>
      <c r="DZ13" s="295">
        <v>2024240</v>
      </c>
      <c r="EA13" s="295">
        <v>2895146</v>
      </c>
      <c r="EB13" s="295">
        <v>1858580</v>
      </c>
      <c r="EC13" s="298">
        <v>6994828</v>
      </c>
      <c r="ED13" s="299">
        <v>6994828</v>
      </c>
      <c r="EE13" s="294">
        <v>0</v>
      </c>
      <c r="EF13" s="295">
        <v>0</v>
      </c>
      <c r="EG13" s="296">
        <v>0</v>
      </c>
      <c r="EH13" s="300"/>
      <c r="EI13" s="295">
        <v>12765</v>
      </c>
      <c r="EJ13" s="295">
        <v>36672</v>
      </c>
      <c r="EK13" s="295">
        <v>37877</v>
      </c>
      <c r="EL13" s="295">
        <v>140348</v>
      </c>
      <c r="EM13" s="295">
        <v>8830</v>
      </c>
      <c r="EN13" s="298">
        <v>236492</v>
      </c>
      <c r="EO13" s="299">
        <v>236492</v>
      </c>
      <c r="EP13" s="294">
        <v>0</v>
      </c>
      <c r="EQ13" s="295">
        <v>0</v>
      </c>
      <c r="ER13" s="296">
        <v>0</v>
      </c>
      <c r="ES13" s="300"/>
      <c r="ET13" s="295">
        <v>0</v>
      </c>
      <c r="EU13" s="295">
        <v>0</v>
      </c>
      <c r="EV13" s="295">
        <v>0</v>
      </c>
      <c r="EW13" s="295">
        <v>217</v>
      </c>
      <c r="EX13" s="295">
        <v>0</v>
      </c>
      <c r="EY13" s="298">
        <v>217</v>
      </c>
      <c r="EZ13" s="299">
        <v>217</v>
      </c>
      <c r="FA13" s="294">
        <v>0</v>
      </c>
      <c r="FB13" s="295">
        <v>0</v>
      </c>
      <c r="FC13" s="296">
        <v>0</v>
      </c>
      <c r="FD13" s="300"/>
      <c r="FE13" s="295">
        <v>0</v>
      </c>
      <c r="FF13" s="295">
        <v>0</v>
      </c>
      <c r="FG13" s="295">
        <v>0</v>
      </c>
      <c r="FH13" s="295">
        <v>217</v>
      </c>
      <c r="FI13" s="295">
        <v>490</v>
      </c>
      <c r="FJ13" s="298">
        <v>707</v>
      </c>
      <c r="FK13" s="299">
        <v>707</v>
      </c>
      <c r="FL13" s="294">
        <v>0</v>
      </c>
      <c r="FM13" s="295">
        <v>0</v>
      </c>
      <c r="FN13" s="296">
        <v>0</v>
      </c>
      <c r="FO13" s="300"/>
      <c r="FP13" s="295">
        <v>0</v>
      </c>
      <c r="FQ13" s="295">
        <v>0</v>
      </c>
      <c r="FR13" s="295">
        <v>0</v>
      </c>
      <c r="FS13" s="295">
        <v>21576</v>
      </c>
      <c r="FT13" s="295">
        <v>0</v>
      </c>
      <c r="FU13" s="298">
        <v>21576</v>
      </c>
      <c r="FV13" s="299">
        <v>21576</v>
      </c>
      <c r="FW13" s="294">
        <v>4848</v>
      </c>
      <c r="FX13" s="295">
        <v>5568</v>
      </c>
      <c r="FY13" s="296">
        <v>10416</v>
      </c>
      <c r="FZ13" s="297">
        <v>0</v>
      </c>
      <c r="GA13" s="295">
        <v>86327</v>
      </c>
      <c r="GB13" s="295">
        <v>145103</v>
      </c>
      <c r="GC13" s="295">
        <v>376218</v>
      </c>
      <c r="GD13" s="295">
        <v>237510</v>
      </c>
      <c r="GE13" s="295">
        <v>107966</v>
      </c>
      <c r="GF13" s="298">
        <v>953124</v>
      </c>
      <c r="GG13" s="299">
        <v>963540</v>
      </c>
      <c r="GH13" s="294">
        <v>0</v>
      </c>
      <c r="GI13" s="295">
        <v>0</v>
      </c>
      <c r="GJ13" s="296">
        <v>0</v>
      </c>
      <c r="GK13" s="297">
        <v>0</v>
      </c>
      <c r="GL13" s="295">
        <v>70</v>
      </c>
      <c r="GM13" s="295">
        <v>21</v>
      </c>
      <c r="GN13" s="295">
        <v>70</v>
      </c>
      <c r="GO13" s="295">
        <v>77</v>
      </c>
      <c r="GP13" s="295">
        <v>21</v>
      </c>
      <c r="GQ13" s="298">
        <v>259</v>
      </c>
      <c r="GR13" s="299">
        <v>259</v>
      </c>
      <c r="GS13" s="294">
        <v>0</v>
      </c>
      <c r="GT13" s="295">
        <v>0</v>
      </c>
      <c r="GU13" s="296">
        <v>0</v>
      </c>
      <c r="GV13" s="297">
        <v>0</v>
      </c>
      <c r="GW13" s="295">
        <v>0</v>
      </c>
      <c r="GX13" s="295">
        <v>0</v>
      </c>
      <c r="GY13" s="295">
        <v>0</v>
      </c>
      <c r="GZ13" s="295">
        <v>0</v>
      </c>
      <c r="HA13" s="295">
        <v>0</v>
      </c>
      <c r="HB13" s="298">
        <v>0</v>
      </c>
      <c r="HC13" s="299">
        <v>0</v>
      </c>
      <c r="HD13" s="294">
        <v>0</v>
      </c>
      <c r="HE13" s="295">
        <v>0</v>
      </c>
      <c r="HF13" s="296">
        <v>0</v>
      </c>
      <c r="HG13" s="300"/>
      <c r="HH13" s="295">
        <v>0</v>
      </c>
      <c r="HI13" s="295">
        <v>0</v>
      </c>
      <c r="HJ13" s="295">
        <v>0</v>
      </c>
      <c r="HK13" s="295">
        <v>0</v>
      </c>
      <c r="HL13" s="295">
        <v>0</v>
      </c>
      <c r="HM13" s="298">
        <v>0</v>
      </c>
      <c r="HN13" s="299">
        <v>0</v>
      </c>
      <c r="HO13" s="294">
        <v>5313</v>
      </c>
      <c r="HP13" s="295">
        <v>5948</v>
      </c>
      <c r="HQ13" s="296">
        <v>11261</v>
      </c>
      <c r="HR13" s="297">
        <v>0</v>
      </c>
      <c r="HS13" s="295">
        <v>536259</v>
      </c>
      <c r="HT13" s="295">
        <v>593063</v>
      </c>
      <c r="HU13" s="295">
        <v>4583983</v>
      </c>
      <c r="HV13" s="295">
        <v>6433675</v>
      </c>
      <c r="HW13" s="295">
        <v>3453436</v>
      </c>
      <c r="HX13" s="298">
        <v>15600416</v>
      </c>
      <c r="HY13" s="299">
        <v>15611677</v>
      </c>
    </row>
    <row r="14" spans="2:233" ht="21" customHeight="1" x14ac:dyDescent="0.2">
      <c r="B14" s="292" t="s">
        <v>10</v>
      </c>
      <c r="C14" s="294">
        <v>4185</v>
      </c>
      <c r="D14" s="295">
        <v>23359</v>
      </c>
      <c r="E14" s="296">
        <v>27544</v>
      </c>
      <c r="F14" s="297">
        <v>0</v>
      </c>
      <c r="G14" s="295">
        <v>804004</v>
      </c>
      <c r="H14" s="295">
        <v>1258092</v>
      </c>
      <c r="I14" s="295">
        <v>3317782</v>
      </c>
      <c r="J14" s="295">
        <v>4509138</v>
      </c>
      <c r="K14" s="295">
        <v>4317976</v>
      </c>
      <c r="L14" s="298">
        <v>14206992</v>
      </c>
      <c r="M14" s="299">
        <v>14234536</v>
      </c>
      <c r="N14" s="294">
        <v>0</v>
      </c>
      <c r="O14" s="295">
        <v>0</v>
      </c>
      <c r="P14" s="296">
        <v>0</v>
      </c>
      <c r="Q14" s="300"/>
      <c r="R14" s="295">
        <v>70680</v>
      </c>
      <c r="S14" s="295">
        <v>320605</v>
      </c>
      <c r="T14" s="295">
        <v>2146190</v>
      </c>
      <c r="U14" s="295">
        <v>3095981</v>
      </c>
      <c r="V14" s="295">
        <v>3654280</v>
      </c>
      <c r="W14" s="298">
        <v>9287736</v>
      </c>
      <c r="X14" s="299">
        <v>9287736</v>
      </c>
      <c r="Y14" s="294">
        <v>0</v>
      </c>
      <c r="Z14" s="295">
        <v>0</v>
      </c>
      <c r="AA14" s="296">
        <v>0</v>
      </c>
      <c r="AB14" s="300"/>
      <c r="AC14" s="295">
        <v>645335</v>
      </c>
      <c r="AD14" s="295">
        <v>740220</v>
      </c>
      <c r="AE14" s="295">
        <v>901485</v>
      </c>
      <c r="AF14" s="295">
        <v>997441</v>
      </c>
      <c r="AG14" s="295">
        <v>361460</v>
      </c>
      <c r="AH14" s="298">
        <v>3645941</v>
      </c>
      <c r="AI14" s="299">
        <v>3645941</v>
      </c>
      <c r="AJ14" s="294">
        <v>0</v>
      </c>
      <c r="AK14" s="295">
        <v>0</v>
      </c>
      <c r="AL14" s="296">
        <v>0</v>
      </c>
      <c r="AM14" s="300"/>
      <c r="AN14" s="295">
        <v>0</v>
      </c>
      <c r="AO14" s="295">
        <v>0</v>
      </c>
      <c r="AP14" s="295">
        <v>0</v>
      </c>
      <c r="AQ14" s="295">
        <v>0</v>
      </c>
      <c r="AR14" s="295">
        <v>0</v>
      </c>
      <c r="AS14" s="298">
        <v>0</v>
      </c>
      <c r="AT14" s="299">
        <v>0</v>
      </c>
      <c r="AU14" s="294">
        <v>0</v>
      </c>
      <c r="AV14" s="295">
        <v>0</v>
      </c>
      <c r="AW14" s="296">
        <v>0</v>
      </c>
      <c r="AX14" s="300"/>
      <c r="AY14" s="295">
        <v>0</v>
      </c>
      <c r="AZ14" s="295">
        <v>0</v>
      </c>
      <c r="BA14" s="295">
        <v>0</v>
      </c>
      <c r="BB14" s="295">
        <v>32705</v>
      </c>
      <c r="BC14" s="295">
        <v>135780</v>
      </c>
      <c r="BD14" s="298">
        <v>168485</v>
      </c>
      <c r="BE14" s="299">
        <v>168485</v>
      </c>
      <c r="BF14" s="294">
        <v>0</v>
      </c>
      <c r="BG14" s="295">
        <v>0</v>
      </c>
      <c r="BH14" s="296">
        <v>0</v>
      </c>
      <c r="BI14" s="300"/>
      <c r="BJ14" s="295">
        <v>0</v>
      </c>
      <c r="BK14" s="295">
        <v>0</v>
      </c>
      <c r="BL14" s="295">
        <v>0</v>
      </c>
      <c r="BM14" s="295">
        <v>68590</v>
      </c>
      <c r="BN14" s="295">
        <v>37975</v>
      </c>
      <c r="BO14" s="298">
        <v>106565</v>
      </c>
      <c r="BP14" s="299">
        <v>106565</v>
      </c>
      <c r="BQ14" s="294">
        <v>4185</v>
      </c>
      <c r="BR14" s="295">
        <v>14707</v>
      </c>
      <c r="BS14" s="296">
        <v>18892</v>
      </c>
      <c r="BT14" s="297">
        <v>0</v>
      </c>
      <c r="BU14" s="295">
        <v>87989</v>
      </c>
      <c r="BV14" s="295">
        <v>187392</v>
      </c>
      <c r="BW14" s="295">
        <v>268399</v>
      </c>
      <c r="BX14" s="295">
        <v>300593</v>
      </c>
      <c r="BY14" s="295">
        <v>119575</v>
      </c>
      <c r="BZ14" s="298">
        <v>963948</v>
      </c>
      <c r="CA14" s="299">
        <v>982840</v>
      </c>
      <c r="CB14" s="294">
        <v>0</v>
      </c>
      <c r="CC14" s="295">
        <v>8652</v>
      </c>
      <c r="CD14" s="296">
        <v>8652</v>
      </c>
      <c r="CE14" s="297">
        <v>0</v>
      </c>
      <c r="CF14" s="295">
        <v>0</v>
      </c>
      <c r="CG14" s="295">
        <v>9875</v>
      </c>
      <c r="CH14" s="295">
        <v>1708</v>
      </c>
      <c r="CI14" s="295">
        <v>13828</v>
      </c>
      <c r="CJ14" s="295">
        <v>8906</v>
      </c>
      <c r="CK14" s="298">
        <v>34317</v>
      </c>
      <c r="CL14" s="299">
        <v>42969</v>
      </c>
      <c r="CM14" s="294">
        <v>0</v>
      </c>
      <c r="CN14" s="295">
        <v>0</v>
      </c>
      <c r="CO14" s="296">
        <v>0</v>
      </c>
      <c r="CP14" s="297">
        <v>0</v>
      </c>
      <c r="CQ14" s="295">
        <v>0</v>
      </c>
      <c r="CR14" s="295">
        <v>0</v>
      </c>
      <c r="CS14" s="295">
        <v>0</v>
      </c>
      <c r="CT14" s="295">
        <v>0</v>
      </c>
      <c r="CU14" s="295">
        <v>0</v>
      </c>
      <c r="CV14" s="298">
        <v>0</v>
      </c>
      <c r="CW14" s="299">
        <v>0</v>
      </c>
      <c r="CX14" s="294">
        <v>0</v>
      </c>
      <c r="CY14" s="295">
        <v>0</v>
      </c>
      <c r="CZ14" s="296">
        <v>0</v>
      </c>
      <c r="DA14" s="300"/>
      <c r="DB14" s="295">
        <v>0</v>
      </c>
      <c r="DC14" s="295">
        <v>0</v>
      </c>
      <c r="DD14" s="295">
        <v>0</v>
      </c>
      <c r="DE14" s="295">
        <v>0</v>
      </c>
      <c r="DF14" s="295">
        <v>0</v>
      </c>
      <c r="DG14" s="298">
        <v>0</v>
      </c>
      <c r="DH14" s="299">
        <v>0</v>
      </c>
      <c r="DI14" s="294">
        <v>5508</v>
      </c>
      <c r="DJ14" s="295">
        <v>22958</v>
      </c>
      <c r="DK14" s="296">
        <v>28466</v>
      </c>
      <c r="DL14" s="297">
        <v>0</v>
      </c>
      <c r="DM14" s="295">
        <v>416876</v>
      </c>
      <c r="DN14" s="295">
        <v>947533</v>
      </c>
      <c r="DO14" s="295">
        <v>4138681</v>
      </c>
      <c r="DP14" s="295">
        <v>5190552</v>
      </c>
      <c r="DQ14" s="295">
        <v>4383448</v>
      </c>
      <c r="DR14" s="298">
        <v>15077090</v>
      </c>
      <c r="DS14" s="301">
        <v>15105556</v>
      </c>
      <c r="DT14" s="294">
        <v>0</v>
      </c>
      <c r="DU14" s="295">
        <v>0</v>
      </c>
      <c r="DV14" s="296">
        <v>0</v>
      </c>
      <c r="DW14" s="300"/>
      <c r="DX14" s="295">
        <v>143530</v>
      </c>
      <c r="DY14" s="295">
        <v>514642</v>
      </c>
      <c r="DZ14" s="295">
        <v>3546091</v>
      </c>
      <c r="EA14" s="295">
        <v>4409031</v>
      </c>
      <c r="EB14" s="295">
        <v>3998151</v>
      </c>
      <c r="EC14" s="298">
        <v>12611445</v>
      </c>
      <c r="ED14" s="299">
        <v>12611445</v>
      </c>
      <c r="EE14" s="294">
        <v>0</v>
      </c>
      <c r="EF14" s="295">
        <v>0</v>
      </c>
      <c r="EG14" s="296">
        <v>0</v>
      </c>
      <c r="EH14" s="300"/>
      <c r="EI14" s="295">
        <v>120628</v>
      </c>
      <c r="EJ14" s="295">
        <v>80832</v>
      </c>
      <c r="EK14" s="295">
        <v>144723</v>
      </c>
      <c r="EL14" s="295">
        <v>153476</v>
      </c>
      <c r="EM14" s="295">
        <v>55800</v>
      </c>
      <c r="EN14" s="298">
        <v>555459</v>
      </c>
      <c r="EO14" s="299">
        <v>555459</v>
      </c>
      <c r="EP14" s="294">
        <v>0</v>
      </c>
      <c r="EQ14" s="295">
        <v>0</v>
      </c>
      <c r="ER14" s="296">
        <v>0</v>
      </c>
      <c r="ES14" s="300"/>
      <c r="ET14" s="295">
        <v>0</v>
      </c>
      <c r="EU14" s="295">
        <v>0</v>
      </c>
      <c r="EV14" s="295">
        <v>0</v>
      </c>
      <c r="EW14" s="295">
        <v>0</v>
      </c>
      <c r="EX14" s="295">
        <v>0</v>
      </c>
      <c r="EY14" s="298">
        <v>0</v>
      </c>
      <c r="EZ14" s="299">
        <v>0</v>
      </c>
      <c r="FA14" s="294">
        <v>0</v>
      </c>
      <c r="FB14" s="295">
        <v>0</v>
      </c>
      <c r="FC14" s="296">
        <v>0</v>
      </c>
      <c r="FD14" s="300"/>
      <c r="FE14" s="295">
        <v>0</v>
      </c>
      <c r="FF14" s="295">
        <v>0</v>
      </c>
      <c r="FG14" s="295">
        <v>0</v>
      </c>
      <c r="FH14" s="295">
        <v>217</v>
      </c>
      <c r="FI14" s="295">
        <v>2604</v>
      </c>
      <c r="FJ14" s="298">
        <v>2821</v>
      </c>
      <c r="FK14" s="299">
        <v>2821</v>
      </c>
      <c r="FL14" s="294">
        <v>0</v>
      </c>
      <c r="FM14" s="295">
        <v>0</v>
      </c>
      <c r="FN14" s="296">
        <v>0</v>
      </c>
      <c r="FO14" s="300"/>
      <c r="FP14" s="295">
        <v>0</v>
      </c>
      <c r="FQ14" s="295">
        <v>0</v>
      </c>
      <c r="FR14" s="295">
        <v>0</v>
      </c>
      <c r="FS14" s="295">
        <v>103773</v>
      </c>
      <c r="FT14" s="295">
        <v>69223</v>
      </c>
      <c r="FU14" s="298">
        <v>172996</v>
      </c>
      <c r="FV14" s="299">
        <v>172996</v>
      </c>
      <c r="FW14" s="294">
        <v>5508</v>
      </c>
      <c r="FX14" s="295">
        <v>19942</v>
      </c>
      <c r="FY14" s="296">
        <v>25450</v>
      </c>
      <c r="FZ14" s="297">
        <v>0</v>
      </c>
      <c r="GA14" s="295">
        <v>152718</v>
      </c>
      <c r="GB14" s="295">
        <v>348413</v>
      </c>
      <c r="GC14" s="295">
        <v>447804</v>
      </c>
      <c r="GD14" s="295">
        <v>520871</v>
      </c>
      <c r="GE14" s="295">
        <v>252483</v>
      </c>
      <c r="GF14" s="298">
        <v>1722289</v>
      </c>
      <c r="GG14" s="299">
        <v>1747739</v>
      </c>
      <c r="GH14" s="294">
        <v>0</v>
      </c>
      <c r="GI14" s="295">
        <v>3016</v>
      </c>
      <c r="GJ14" s="296">
        <v>3016</v>
      </c>
      <c r="GK14" s="297">
        <v>0</v>
      </c>
      <c r="GL14" s="295">
        <v>0</v>
      </c>
      <c r="GM14" s="295">
        <v>3646</v>
      </c>
      <c r="GN14" s="295">
        <v>63</v>
      </c>
      <c r="GO14" s="295">
        <v>3184</v>
      </c>
      <c r="GP14" s="295">
        <v>5187</v>
      </c>
      <c r="GQ14" s="298">
        <v>12080</v>
      </c>
      <c r="GR14" s="299">
        <v>15096</v>
      </c>
      <c r="GS14" s="294">
        <v>0</v>
      </c>
      <c r="GT14" s="295">
        <v>0</v>
      </c>
      <c r="GU14" s="296">
        <v>0</v>
      </c>
      <c r="GV14" s="297">
        <v>0</v>
      </c>
      <c r="GW14" s="295">
        <v>0</v>
      </c>
      <c r="GX14" s="295">
        <v>0</v>
      </c>
      <c r="GY14" s="295">
        <v>0</v>
      </c>
      <c r="GZ14" s="295">
        <v>0</v>
      </c>
      <c r="HA14" s="295">
        <v>0</v>
      </c>
      <c r="HB14" s="298">
        <v>0</v>
      </c>
      <c r="HC14" s="299">
        <v>0</v>
      </c>
      <c r="HD14" s="294">
        <v>0</v>
      </c>
      <c r="HE14" s="295">
        <v>0</v>
      </c>
      <c r="HF14" s="296">
        <v>0</v>
      </c>
      <c r="HG14" s="300"/>
      <c r="HH14" s="295">
        <v>0</v>
      </c>
      <c r="HI14" s="295">
        <v>0</v>
      </c>
      <c r="HJ14" s="295">
        <v>0</v>
      </c>
      <c r="HK14" s="295">
        <v>0</v>
      </c>
      <c r="HL14" s="295">
        <v>0</v>
      </c>
      <c r="HM14" s="298">
        <v>0</v>
      </c>
      <c r="HN14" s="299">
        <v>0</v>
      </c>
      <c r="HO14" s="294">
        <v>9693</v>
      </c>
      <c r="HP14" s="295">
        <v>46317</v>
      </c>
      <c r="HQ14" s="296">
        <v>56010</v>
      </c>
      <c r="HR14" s="297">
        <v>0</v>
      </c>
      <c r="HS14" s="295">
        <v>1220880</v>
      </c>
      <c r="HT14" s="295">
        <v>2205625</v>
      </c>
      <c r="HU14" s="295">
        <v>7456463</v>
      </c>
      <c r="HV14" s="295">
        <v>9699690</v>
      </c>
      <c r="HW14" s="295">
        <v>8701424</v>
      </c>
      <c r="HX14" s="298">
        <v>29284082</v>
      </c>
      <c r="HY14" s="299">
        <v>29340092</v>
      </c>
    </row>
    <row r="15" spans="2:233" ht="21" customHeight="1" x14ac:dyDescent="0.2">
      <c r="B15" s="292" t="s">
        <v>11</v>
      </c>
      <c r="C15" s="294">
        <v>7435</v>
      </c>
      <c r="D15" s="295">
        <v>3760</v>
      </c>
      <c r="E15" s="296">
        <v>11195</v>
      </c>
      <c r="F15" s="297">
        <v>0</v>
      </c>
      <c r="G15" s="295">
        <v>796733</v>
      </c>
      <c r="H15" s="295">
        <v>938442</v>
      </c>
      <c r="I15" s="295">
        <v>2928968</v>
      </c>
      <c r="J15" s="295">
        <v>4244260</v>
      </c>
      <c r="K15" s="295">
        <v>2165590</v>
      </c>
      <c r="L15" s="298">
        <v>11073993</v>
      </c>
      <c r="M15" s="299">
        <v>11085188</v>
      </c>
      <c r="N15" s="294">
        <v>0</v>
      </c>
      <c r="O15" s="295">
        <v>0</v>
      </c>
      <c r="P15" s="296">
        <v>0</v>
      </c>
      <c r="Q15" s="300"/>
      <c r="R15" s="295">
        <v>2635</v>
      </c>
      <c r="S15" s="295">
        <v>106485</v>
      </c>
      <c r="T15" s="295">
        <v>2113745</v>
      </c>
      <c r="U15" s="295">
        <v>2870955</v>
      </c>
      <c r="V15" s="295">
        <v>1557425</v>
      </c>
      <c r="W15" s="298">
        <v>6651245</v>
      </c>
      <c r="X15" s="299">
        <v>6651245</v>
      </c>
      <c r="Y15" s="294">
        <v>0</v>
      </c>
      <c r="Z15" s="295">
        <v>0</v>
      </c>
      <c r="AA15" s="296">
        <v>0</v>
      </c>
      <c r="AB15" s="300"/>
      <c r="AC15" s="295">
        <v>665190</v>
      </c>
      <c r="AD15" s="295">
        <v>732657</v>
      </c>
      <c r="AE15" s="295">
        <v>642778</v>
      </c>
      <c r="AF15" s="295">
        <v>1166184</v>
      </c>
      <c r="AG15" s="295">
        <v>362595</v>
      </c>
      <c r="AH15" s="298">
        <v>3569404</v>
      </c>
      <c r="AI15" s="299">
        <v>3569404</v>
      </c>
      <c r="AJ15" s="294">
        <v>0</v>
      </c>
      <c r="AK15" s="295">
        <v>0</v>
      </c>
      <c r="AL15" s="296">
        <v>0</v>
      </c>
      <c r="AM15" s="300"/>
      <c r="AN15" s="295">
        <v>0</v>
      </c>
      <c r="AO15" s="295">
        <v>0</v>
      </c>
      <c r="AP15" s="295">
        <v>0</v>
      </c>
      <c r="AQ15" s="295">
        <v>0</v>
      </c>
      <c r="AR15" s="295">
        <v>7155</v>
      </c>
      <c r="AS15" s="298">
        <v>7155</v>
      </c>
      <c r="AT15" s="299">
        <v>7155</v>
      </c>
      <c r="AU15" s="294">
        <v>0</v>
      </c>
      <c r="AV15" s="295">
        <v>0</v>
      </c>
      <c r="AW15" s="296">
        <v>0</v>
      </c>
      <c r="AX15" s="300"/>
      <c r="AY15" s="295">
        <v>33665</v>
      </c>
      <c r="AZ15" s="295">
        <v>2635</v>
      </c>
      <c r="BA15" s="295">
        <v>2635</v>
      </c>
      <c r="BB15" s="295">
        <v>73200</v>
      </c>
      <c r="BC15" s="295">
        <v>151265</v>
      </c>
      <c r="BD15" s="298">
        <v>263400</v>
      </c>
      <c r="BE15" s="299">
        <v>263400</v>
      </c>
      <c r="BF15" s="294">
        <v>0</v>
      </c>
      <c r="BG15" s="295">
        <v>0</v>
      </c>
      <c r="BH15" s="296">
        <v>0</v>
      </c>
      <c r="BI15" s="300"/>
      <c r="BJ15" s="295">
        <v>0</v>
      </c>
      <c r="BK15" s="295">
        <v>24645</v>
      </c>
      <c r="BL15" s="295">
        <v>0</v>
      </c>
      <c r="BM15" s="295">
        <v>0</v>
      </c>
      <c r="BN15" s="295">
        <v>0</v>
      </c>
      <c r="BO15" s="298">
        <v>24645</v>
      </c>
      <c r="BP15" s="299">
        <v>24645</v>
      </c>
      <c r="BQ15" s="294">
        <v>7435</v>
      </c>
      <c r="BR15" s="295">
        <v>3760</v>
      </c>
      <c r="BS15" s="296">
        <v>11195</v>
      </c>
      <c r="BT15" s="297">
        <v>0</v>
      </c>
      <c r="BU15" s="295">
        <v>93675</v>
      </c>
      <c r="BV15" s="295">
        <v>67965</v>
      </c>
      <c r="BW15" s="295">
        <v>169520</v>
      </c>
      <c r="BX15" s="295">
        <v>133921</v>
      </c>
      <c r="BY15" s="295">
        <v>62865</v>
      </c>
      <c r="BZ15" s="298">
        <v>527946</v>
      </c>
      <c r="CA15" s="299">
        <v>539141</v>
      </c>
      <c r="CB15" s="294">
        <v>0</v>
      </c>
      <c r="CC15" s="295">
        <v>0</v>
      </c>
      <c r="CD15" s="296">
        <v>0</v>
      </c>
      <c r="CE15" s="297">
        <v>0</v>
      </c>
      <c r="CF15" s="295">
        <v>1568</v>
      </c>
      <c r="CG15" s="295">
        <v>4055</v>
      </c>
      <c r="CH15" s="295">
        <v>290</v>
      </c>
      <c r="CI15" s="295">
        <v>0</v>
      </c>
      <c r="CJ15" s="295">
        <v>24285</v>
      </c>
      <c r="CK15" s="298">
        <v>30198</v>
      </c>
      <c r="CL15" s="299">
        <v>30198</v>
      </c>
      <c r="CM15" s="294">
        <v>0</v>
      </c>
      <c r="CN15" s="295">
        <v>0</v>
      </c>
      <c r="CO15" s="296">
        <v>0</v>
      </c>
      <c r="CP15" s="297">
        <v>0</v>
      </c>
      <c r="CQ15" s="295">
        <v>0</v>
      </c>
      <c r="CR15" s="295">
        <v>0</v>
      </c>
      <c r="CS15" s="295">
        <v>0</v>
      </c>
      <c r="CT15" s="295">
        <v>0</v>
      </c>
      <c r="CU15" s="295">
        <v>0</v>
      </c>
      <c r="CV15" s="298">
        <v>0</v>
      </c>
      <c r="CW15" s="299">
        <v>0</v>
      </c>
      <c r="CX15" s="294">
        <v>0</v>
      </c>
      <c r="CY15" s="295">
        <v>0</v>
      </c>
      <c r="CZ15" s="296">
        <v>0</v>
      </c>
      <c r="DA15" s="300"/>
      <c r="DB15" s="295">
        <v>0</v>
      </c>
      <c r="DC15" s="295">
        <v>0</v>
      </c>
      <c r="DD15" s="295">
        <v>0</v>
      </c>
      <c r="DE15" s="295">
        <v>0</v>
      </c>
      <c r="DF15" s="295">
        <v>0</v>
      </c>
      <c r="DG15" s="298">
        <v>0</v>
      </c>
      <c r="DH15" s="299">
        <v>0</v>
      </c>
      <c r="DI15" s="294">
        <v>9763</v>
      </c>
      <c r="DJ15" s="295">
        <v>3510</v>
      </c>
      <c r="DK15" s="296">
        <v>13273</v>
      </c>
      <c r="DL15" s="297">
        <v>0</v>
      </c>
      <c r="DM15" s="295">
        <v>333438</v>
      </c>
      <c r="DN15" s="295">
        <v>362387</v>
      </c>
      <c r="DO15" s="295">
        <v>2949063</v>
      </c>
      <c r="DP15" s="295">
        <v>3680784</v>
      </c>
      <c r="DQ15" s="295">
        <v>1981955</v>
      </c>
      <c r="DR15" s="298">
        <v>9307627</v>
      </c>
      <c r="DS15" s="301">
        <v>9320900</v>
      </c>
      <c r="DT15" s="294">
        <v>0</v>
      </c>
      <c r="DU15" s="295">
        <v>0</v>
      </c>
      <c r="DV15" s="296">
        <v>0</v>
      </c>
      <c r="DW15" s="300"/>
      <c r="DX15" s="295">
        <v>21576</v>
      </c>
      <c r="DY15" s="295">
        <v>118327</v>
      </c>
      <c r="DZ15" s="295">
        <v>2541543</v>
      </c>
      <c r="EA15" s="295">
        <v>3345215</v>
      </c>
      <c r="EB15" s="295">
        <v>1853073</v>
      </c>
      <c r="EC15" s="298">
        <v>7879734</v>
      </c>
      <c r="ED15" s="299">
        <v>7879734</v>
      </c>
      <c r="EE15" s="294">
        <v>0</v>
      </c>
      <c r="EF15" s="295">
        <v>0</v>
      </c>
      <c r="EG15" s="296">
        <v>0</v>
      </c>
      <c r="EH15" s="300"/>
      <c r="EI15" s="295">
        <v>169189</v>
      </c>
      <c r="EJ15" s="295">
        <v>146729</v>
      </c>
      <c r="EK15" s="295">
        <v>166349</v>
      </c>
      <c r="EL15" s="295">
        <v>135678</v>
      </c>
      <c r="EM15" s="295">
        <v>27425</v>
      </c>
      <c r="EN15" s="298">
        <v>645370</v>
      </c>
      <c r="EO15" s="299">
        <v>645370</v>
      </c>
      <c r="EP15" s="294">
        <v>0</v>
      </c>
      <c r="EQ15" s="295">
        <v>0</v>
      </c>
      <c r="ER15" s="296">
        <v>0</v>
      </c>
      <c r="ES15" s="300"/>
      <c r="ET15" s="295">
        <v>0</v>
      </c>
      <c r="EU15" s="295">
        <v>0</v>
      </c>
      <c r="EV15" s="295">
        <v>0</v>
      </c>
      <c r="EW15" s="295">
        <v>0</v>
      </c>
      <c r="EX15" s="295">
        <v>147</v>
      </c>
      <c r="EY15" s="298">
        <v>147</v>
      </c>
      <c r="EZ15" s="299">
        <v>147</v>
      </c>
      <c r="FA15" s="294">
        <v>0</v>
      </c>
      <c r="FB15" s="295">
        <v>0</v>
      </c>
      <c r="FC15" s="296">
        <v>0</v>
      </c>
      <c r="FD15" s="300"/>
      <c r="FE15" s="295">
        <v>5076</v>
      </c>
      <c r="FF15" s="295">
        <v>217</v>
      </c>
      <c r="FG15" s="295">
        <v>217</v>
      </c>
      <c r="FH15" s="295">
        <v>23556</v>
      </c>
      <c r="FI15" s="295">
        <v>24592</v>
      </c>
      <c r="FJ15" s="298">
        <v>53658</v>
      </c>
      <c r="FK15" s="299">
        <v>53658</v>
      </c>
      <c r="FL15" s="294">
        <v>0</v>
      </c>
      <c r="FM15" s="295">
        <v>0</v>
      </c>
      <c r="FN15" s="296">
        <v>0</v>
      </c>
      <c r="FO15" s="300"/>
      <c r="FP15" s="295">
        <v>0</v>
      </c>
      <c r="FQ15" s="295">
        <v>21576</v>
      </c>
      <c r="FR15" s="295">
        <v>0</v>
      </c>
      <c r="FS15" s="295">
        <v>0</v>
      </c>
      <c r="FT15" s="295">
        <v>0</v>
      </c>
      <c r="FU15" s="298">
        <v>21576</v>
      </c>
      <c r="FV15" s="299">
        <v>21576</v>
      </c>
      <c r="FW15" s="294">
        <v>9763</v>
      </c>
      <c r="FX15" s="295">
        <v>3510</v>
      </c>
      <c r="FY15" s="296">
        <v>13273</v>
      </c>
      <c r="FZ15" s="297">
        <v>0</v>
      </c>
      <c r="GA15" s="295">
        <v>137569</v>
      </c>
      <c r="GB15" s="295">
        <v>75503</v>
      </c>
      <c r="GC15" s="295">
        <v>238806</v>
      </c>
      <c r="GD15" s="295">
        <v>176335</v>
      </c>
      <c r="GE15" s="295">
        <v>74360</v>
      </c>
      <c r="GF15" s="298">
        <v>702573</v>
      </c>
      <c r="GG15" s="299">
        <v>715846</v>
      </c>
      <c r="GH15" s="294">
        <v>0</v>
      </c>
      <c r="GI15" s="295">
        <v>0</v>
      </c>
      <c r="GJ15" s="296">
        <v>0</v>
      </c>
      <c r="GK15" s="297">
        <v>0</v>
      </c>
      <c r="GL15" s="295">
        <v>28</v>
      </c>
      <c r="GM15" s="295">
        <v>35</v>
      </c>
      <c r="GN15" s="295">
        <v>2148</v>
      </c>
      <c r="GO15" s="295">
        <v>0</v>
      </c>
      <c r="GP15" s="295">
        <v>2358</v>
      </c>
      <c r="GQ15" s="298">
        <v>4569</v>
      </c>
      <c r="GR15" s="299">
        <v>4569</v>
      </c>
      <c r="GS15" s="294">
        <v>0</v>
      </c>
      <c r="GT15" s="295">
        <v>0</v>
      </c>
      <c r="GU15" s="296">
        <v>0</v>
      </c>
      <c r="GV15" s="297">
        <v>0</v>
      </c>
      <c r="GW15" s="295">
        <v>0</v>
      </c>
      <c r="GX15" s="295">
        <v>0</v>
      </c>
      <c r="GY15" s="295">
        <v>0</v>
      </c>
      <c r="GZ15" s="295">
        <v>0</v>
      </c>
      <c r="HA15" s="295">
        <v>0</v>
      </c>
      <c r="HB15" s="298">
        <v>0</v>
      </c>
      <c r="HC15" s="299">
        <v>0</v>
      </c>
      <c r="HD15" s="294">
        <v>0</v>
      </c>
      <c r="HE15" s="295">
        <v>0</v>
      </c>
      <c r="HF15" s="296">
        <v>0</v>
      </c>
      <c r="HG15" s="300"/>
      <c r="HH15" s="295">
        <v>0</v>
      </c>
      <c r="HI15" s="295">
        <v>0</v>
      </c>
      <c r="HJ15" s="295">
        <v>0</v>
      </c>
      <c r="HK15" s="295">
        <v>0</v>
      </c>
      <c r="HL15" s="295">
        <v>0</v>
      </c>
      <c r="HM15" s="298">
        <v>0</v>
      </c>
      <c r="HN15" s="299">
        <v>0</v>
      </c>
      <c r="HO15" s="294">
        <v>17198</v>
      </c>
      <c r="HP15" s="295">
        <v>7270</v>
      </c>
      <c r="HQ15" s="296">
        <v>24468</v>
      </c>
      <c r="HR15" s="297">
        <v>0</v>
      </c>
      <c r="HS15" s="295">
        <v>1130171</v>
      </c>
      <c r="HT15" s="295">
        <v>1300829</v>
      </c>
      <c r="HU15" s="295">
        <v>5878031</v>
      </c>
      <c r="HV15" s="295">
        <v>7925044</v>
      </c>
      <c r="HW15" s="295">
        <v>4147545</v>
      </c>
      <c r="HX15" s="298">
        <v>20381620</v>
      </c>
      <c r="HY15" s="299">
        <v>20406088</v>
      </c>
    </row>
    <row r="16" spans="2:233" ht="21" customHeight="1" x14ac:dyDescent="0.2">
      <c r="B16" s="292" t="s">
        <v>12</v>
      </c>
      <c r="C16" s="294">
        <v>3435</v>
      </c>
      <c r="D16" s="295">
        <v>435</v>
      </c>
      <c r="E16" s="296">
        <v>3870</v>
      </c>
      <c r="F16" s="297">
        <v>0</v>
      </c>
      <c r="G16" s="295">
        <v>241868</v>
      </c>
      <c r="H16" s="295">
        <v>500915</v>
      </c>
      <c r="I16" s="295">
        <v>2621423</v>
      </c>
      <c r="J16" s="295">
        <v>3535744</v>
      </c>
      <c r="K16" s="295">
        <v>2205849</v>
      </c>
      <c r="L16" s="298">
        <v>9105799</v>
      </c>
      <c r="M16" s="299">
        <v>9109669</v>
      </c>
      <c r="N16" s="294">
        <v>0</v>
      </c>
      <c r="O16" s="295">
        <v>0</v>
      </c>
      <c r="P16" s="296">
        <v>0</v>
      </c>
      <c r="Q16" s="300"/>
      <c r="R16" s="295">
        <v>32705</v>
      </c>
      <c r="S16" s="295">
        <v>49720</v>
      </c>
      <c r="T16" s="295">
        <v>1381224</v>
      </c>
      <c r="U16" s="295">
        <v>2321022</v>
      </c>
      <c r="V16" s="295">
        <v>1737595</v>
      </c>
      <c r="W16" s="298">
        <v>5522266</v>
      </c>
      <c r="X16" s="299">
        <v>5522266</v>
      </c>
      <c r="Y16" s="294">
        <v>0</v>
      </c>
      <c r="Z16" s="295">
        <v>0</v>
      </c>
      <c r="AA16" s="296">
        <v>0</v>
      </c>
      <c r="AB16" s="300"/>
      <c r="AC16" s="295">
        <v>172885</v>
      </c>
      <c r="AD16" s="295">
        <v>391145</v>
      </c>
      <c r="AE16" s="295">
        <v>727942</v>
      </c>
      <c r="AF16" s="295">
        <v>878507</v>
      </c>
      <c r="AG16" s="295">
        <v>278927</v>
      </c>
      <c r="AH16" s="298">
        <v>2449406</v>
      </c>
      <c r="AI16" s="299">
        <v>2449406</v>
      </c>
      <c r="AJ16" s="294">
        <v>0</v>
      </c>
      <c r="AK16" s="295">
        <v>0</v>
      </c>
      <c r="AL16" s="296">
        <v>0</v>
      </c>
      <c r="AM16" s="300"/>
      <c r="AN16" s="295">
        <v>0</v>
      </c>
      <c r="AO16" s="295">
        <v>0</v>
      </c>
      <c r="AP16" s="295">
        <v>0</v>
      </c>
      <c r="AQ16" s="295">
        <v>0</v>
      </c>
      <c r="AR16" s="295">
        <v>0</v>
      </c>
      <c r="AS16" s="298">
        <v>0</v>
      </c>
      <c r="AT16" s="299">
        <v>0</v>
      </c>
      <c r="AU16" s="294">
        <v>0</v>
      </c>
      <c r="AV16" s="295">
        <v>0</v>
      </c>
      <c r="AW16" s="296">
        <v>0</v>
      </c>
      <c r="AX16" s="300"/>
      <c r="AY16" s="295">
        <v>0</v>
      </c>
      <c r="AZ16" s="295">
        <v>0</v>
      </c>
      <c r="BA16" s="295">
        <v>0</v>
      </c>
      <c r="BB16" s="295">
        <v>5100</v>
      </c>
      <c r="BC16" s="295">
        <v>45880</v>
      </c>
      <c r="BD16" s="298">
        <v>50980</v>
      </c>
      <c r="BE16" s="299">
        <v>50980</v>
      </c>
      <c r="BF16" s="294">
        <v>0</v>
      </c>
      <c r="BG16" s="295">
        <v>0</v>
      </c>
      <c r="BH16" s="296">
        <v>0</v>
      </c>
      <c r="BI16" s="300"/>
      <c r="BJ16" s="295">
        <v>0</v>
      </c>
      <c r="BK16" s="295">
        <v>0</v>
      </c>
      <c r="BL16" s="295">
        <v>160580</v>
      </c>
      <c r="BM16" s="295">
        <v>95325</v>
      </c>
      <c r="BN16" s="295">
        <v>37975</v>
      </c>
      <c r="BO16" s="298">
        <v>293880</v>
      </c>
      <c r="BP16" s="299">
        <v>293880</v>
      </c>
      <c r="BQ16" s="294">
        <v>3435</v>
      </c>
      <c r="BR16" s="295">
        <v>435</v>
      </c>
      <c r="BS16" s="296">
        <v>3870</v>
      </c>
      <c r="BT16" s="297">
        <v>0</v>
      </c>
      <c r="BU16" s="295">
        <v>36278</v>
      </c>
      <c r="BV16" s="295">
        <v>51775</v>
      </c>
      <c r="BW16" s="295">
        <v>348902</v>
      </c>
      <c r="BX16" s="295">
        <v>235645</v>
      </c>
      <c r="BY16" s="295">
        <v>105472</v>
      </c>
      <c r="BZ16" s="298">
        <v>778072</v>
      </c>
      <c r="CA16" s="299">
        <v>781942</v>
      </c>
      <c r="CB16" s="294">
        <v>0</v>
      </c>
      <c r="CC16" s="295">
        <v>0</v>
      </c>
      <c r="CD16" s="296">
        <v>0</v>
      </c>
      <c r="CE16" s="297">
        <v>0</v>
      </c>
      <c r="CF16" s="295">
        <v>0</v>
      </c>
      <c r="CG16" s="295">
        <v>8275</v>
      </c>
      <c r="CH16" s="295">
        <v>2775</v>
      </c>
      <c r="CI16" s="295">
        <v>145</v>
      </c>
      <c r="CJ16" s="295">
        <v>0</v>
      </c>
      <c r="CK16" s="298">
        <v>11195</v>
      </c>
      <c r="CL16" s="299">
        <v>11195</v>
      </c>
      <c r="CM16" s="294">
        <v>0</v>
      </c>
      <c r="CN16" s="295">
        <v>0</v>
      </c>
      <c r="CO16" s="296">
        <v>0</v>
      </c>
      <c r="CP16" s="297">
        <v>0</v>
      </c>
      <c r="CQ16" s="295">
        <v>0</v>
      </c>
      <c r="CR16" s="295">
        <v>0</v>
      </c>
      <c r="CS16" s="295">
        <v>0</v>
      </c>
      <c r="CT16" s="295">
        <v>0</v>
      </c>
      <c r="CU16" s="295">
        <v>0</v>
      </c>
      <c r="CV16" s="298">
        <v>0</v>
      </c>
      <c r="CW16" s="299">
        <v>0</v>
      </c>
      <c r="CX16" s="294">
        <v>0</v>
      </c>
      <c r="CY16" s="295">
        <v>0</v>
      </c>
      <c r="CZ16" s="296">
        <v>0</v>
      </c>
      <c r="DA16" s="300"/>
      <c r="DB16" s="295">
        <v>0</v>
      </c>
      <c r="DC16" s="295">
        <v>0</v>
      </c>
      <c r="DD16" s="295">
        <v>0</v>
      </c>
      <c r="DE16" s="295">
        <v>0</v>
      </c>
      <c r="DF16" s="295">
        <v>0</v>
      </c>
      <c r="DG16" s="298">
        <v>0</v>
      </c>
      <c r="DH16" s="299">
        <v>0</v>
      </c>
      <c r="DI16" s="294">
        <v>2553</v>
      </c>
      <c r="DJ16" s="295">
        <v>1053</v>
      </c>
      <c r="DK16" s="296">
        <v>3606</v>
      </c>
      <c r="DL16" s="297">
        <v>0</v>
      </c>
      <c r="DM16" s="295">
        <v>105507</v>
      </c>
      <c r="DN16" s="295">
        <v>386872</v>
      </c>
      <c r="DO16" s="295">
        <v>2976425</v>
      </c>
      <c r="DP16" s="295">
        <v>3750769</v>
      </c>
      <c r="DQ16" s="295">
        <v>2454028</v>
      </c>
      <c r="DR16" s="298">
        <v>9673601</v>
      </c>
      <c r="DS16" s="301">
        <v>9677207</v>
      </c>
      <c r="DT16" s="294">
        <v>0</v>
      </c>
      <c r="DU16" s="295">
        <v>0</v>
      </c>
      <c r="DV16" s="296">
        <v>0</v>
      </c>
      <c r="DW16" s="300"/>
      <c r="DX16" s="295">
        <v>36766</v>
      </c>
      <c r="DY16" s="295">
        <v>210438</v>
      </c>
      <c r="DZ16" s="295">
        <v>2050995</v>
      </c>
      <c r="EA16" s="295">
        <v>3093229</v>
      </c>
      <c r="EB16" s="295">
        <v>2173998</v>
      </c>
      <c r="EC16" s="298">
        <v>7565426</v>
      </c>
      <c r="ED16" s="299">
        <v>7565426</v>
      </c>
      <c r="EE16" s="294">
        <v>0</v>
      </c>
      <c r="EF16" s="295">
        <v>0</v>
      </c>
      <c r="EG16" s="296">
        <v>0</v>
      </c>
      <c r="EH16" s="300"/>
      <c r="EI16" s="295">
        <v>5464</v>
      </c>
      <c r="EJ16" s="295">
        <v>89790</v>
      </c>
      <c r="EK16" s="295">
        <v>151057</v>
      </c>
      <c r="EL16" s="295">
        <v>167503</v>
      </c>
      <c r="EM16" s="295">
        <v>26005</v>
      </c>
      <c r="EN16" s="298">
        <v>439819</v>
      </c>
      <c r="EO16" s="299">
        <v>439819</v>
      </c>
      <c r="EP16" s="294">
        <v>0</v>
      </c>
      <c r="EQ16" s="295">
        <v>0</v>
      </c>
      <c r="ER16" s="296">
        <v>0</v>
      </c>
      <c r="ES16" s="300"/>
      <c r="ET16" s="295">
        <v>0</v>
      </c>
      <c r="EU16" s="295">
        <v>0</v>
      </c>
      <c r="EV16" s="295">
        <v>0</v>
      </c>
      <c r="EW16" s="295">
        <v>0</v>
      </c>
      <c r="EX16" s="295">
        <v>0</v>
      </c>
      <c r="EY16" s="298">
        <v>0</v>
      </c>
      <c r="EZ16" s="299">
        <v>0</v>
      </c>
      <c r="FA16" s="294">
        <v>0</v>
      </c>
      <c r="FB16" s="295">
        <v>0</v>
      </c>
      <c r="FC16" s="296">
        <v>0</v>
      </c>
      <c r="FD16" s="300"/>
      <c r="FE16" s="295">
        <v>0</v>
      </c>
      <c r="FF16" s="295">
        <v>0</v>
      </c>
      <c r="FG16" s="295">
        <v>0</v>
      </c>
      <c r="FH16" s="295">
        <v>434</v>
      </c>
      <c r="FI16" s="295">
        <v>1302</v>
      </c>
      <c r="FJ16" s="298">
        <v>1736</v>
      </c>
      <c r="FK16" s="299">
        <v>1736</v>
      </c>
      <c r="FL16" s="294">
        <v>0</v>
      </c>
      <c r="FM16" s="295">
        <v>0</v>
      </c>
      <c r="FN16" s="296">
        <v>0</v>
      </c>
      <c r="FO16" s="300"/>
      <c r="FP16" s="295">
        <v>0</v>
      </c>
      <c r="FQ16" s="295">
        <v>0</v>
      </c>
      <c r="FR16" s="295">
        <v>261330</v>
      </c>
      <c r="FS16" s="295">
        <v>138260</v>
      </c>
      <c r="FT16" s="295">
        <v>79918</v>
      </c>
      <c r="FU16" s="298">
        <v>479508</v>
      </c>
      <c r="FV16" s="299">
        <v>479508</v>
      </c>
      <c r="FW16" s="294">
        <v>2553</v>
      </c>
      <c r="FX16" s="295">
        <v>1053</v>
      </c>
      <c r="FY16" s="296">
        <v>3606</v>
      </c>
      <c r="FZ16" s="297">
        <v>0</v>
      </c>
      <c r="GA16" s="295">
        <v>63277</v>
      </c>
      <c r="GB16" s="295">
        <v>86644</v>
      </c>
      <c r="GC16" s="295">
        <v>512889</v>
      </c>
      <c r="GD16" s="295">
        <v>351322</v>
      </c>
      <c r="GE16" s="295">
        <v>172805</v>
      </c>
      <c r="GF16" s="298">
        <v>1186937</v>
      </c>
      <c r="GG16" s="299">
        <v>1190543</v>
      </c>
      <c r="GH16" s="294">
        <v>0</v>
      </c>
      <c r="GI16" s="295">
        <v>0</v>
      </c>
      <c r="GJ16" s="296">
        <v>0</v>
      </c>
      <c r="GK16" s="297">
        <v>0</v>
      </c>
      <c r="GL16" s="295">
        <v>0</v>
      </c>
      <c r="GM16" s="295">
        <v>0</v>
      </c>
      <c r="GN16" s="295">
        <v>154</v>
      </c>
      <c r="GO16" s="295">
        <v>21</v>
      </c>
      <c r="GP16" s="295">
        <v>0</v>
      </c>
      <c r="GQ16" s="298">
        <v>175</v>
      </c>
      <c r="GR16" s="299">
        <v>175</v>
      </c>
      <c r="GS16" s="294">
        <v>0</v>
      </c>
      <c r="GT16" s="295">
        <v>0</v>
      </c>
      <c r="GU16" s="296">
        <v>0</v>
      </c>
      <c r="GV16" s="297">
        <v>0</v>
      </c>
      <c r="GW16" s="295">
        <v>0</v>
      </c>
      <c r="GX16" s="295">
        <v>0</v>
      </c>
      <c r="GY16" s="295">
        <v>0</v>
      </c>
      <c r="GZ16" s="295">
        <v>0</v>
      </c>
      <c r="HA16" s="295">
        <v>0</v>
      </c>
      <c r="HB16" s="298">
        <v>0</v>
      </c>
      <c r="HC16" s="299">
        <v>0</v>
      </c>
      <c r="HD16" s="294">
        <v>0</v>
      </c>
      <c r="HE16" s="295">
        <v>0</v>
      </c>
      <c r="HF16" s="296">
        <v>0</v>
      </c>
      <c r="HG16" s="300"/>
      <c r="HH16" s="295">
        <v>0</v>
      </c>
      <c r="HI16" s="295">
        <v>0</v>
      </c>
      <c r="HJ16" s="295">
        <v>0</v>
      </c>
      <c r="HK16" s="295">
        <v>0</v>
      </c>
      <c r="HL16" s="295">
        <v>0</v>
      </c>
      <c r="HM16" s="298">
        <v>0</v>
      </c>
      <c r="HN16" s="299">
        <v>0</v>
      </c>
      <c r="HO16" s="294">
        <v>5988</v>
      </c>
      <c r="HP16" s="295">
        <v>1488</v>
      </c>
      <c r="HQ16" s="296">
        <v>7476</v>
      </c>
      <c r="HR16" s="297">
        <v>0</v>
      </c>
      <c r="HS16" s="295">
        <v>347375</v>
      </c>
      <c r="HT16" s="295">
        <v>887787</v>
      </c>
      <c r="HU16" s="295">
        <v>5597848</v>
      </c>
      <c r="HV16" s="295">
        <v>7286513</v>
      </c>
      <c r="HW16" s="295">
        <v>4659877</v>
      </c>
      <c r="HX16" s="298">
        <v>18779400</v>
      </c>
      <c r="HY16" s="299">
        <v>18786876</v>
      </c>
    </row>
    <row r="17" spans="2:233" ht="21" customHeight="1" x14ac:dyDescent="0.2">
      <c r="B17" s="292" t="s">
        <v>13</v>
      </c>
      <c r="C17" s="294">
        <v>0</v>
      </c>
      <c r="D17" s="295">
        <v>0</v>
      </c>
      <c r="E17" s="296">
        <v>0</v>
      </c>
      <c r="F17" s="297">
        <v>0</v>
      </c>
      <c r="G17" s="295">
        <v>72737</v>
      </c>
      <c r="H17" s="295">
        <v>103113</v>
      </c>
      <c r="I17" s="295">
        <v>631905</v>
      </c>
      <c r="J17" s="295">
        <v>924847</v>
      </c>
      <c r="K17" s="295">
        <v>697532</v>
      </c>
      <c r="L17" s="298">
        <v>2430134</v>
      </c>
      <c r="M17" s="299">
        <v>2430134</v>
      </c>
      <c r="N17" s="294">
        <v>0</v>
      </c>
      <c r="O17" s="295">
        <v>0</v>
      </c>
      <c r="P17" s="296">
        <v>0</v>
      </c>
      <c r="Q17" s="300"/>
      <c r="R17" s="295">
        <v>2635</v>
      </c>
      <c r="S17" s="295">
        <v>11075</v>
      </c>
      <c r="T17" s="295">
        <v>399565</v>
      </c>
      <c r="U17" s="295">
        <v>864277</v>
      </c>
      <c r="V17" s="295">
        <v>642092</v>
      </c>
      <c r="W17" s="298">
        <v>1919644</v>
      </c>
      <c r="X17" s="299">
        <v>1919644</v>
      </c>
      <c r="Y17" s="294">
        <v>0</v>
      </c>
      <c r="Z17" s="295">
        <v>0</v>
      </c>
      <c r="AA17" s="296">
        <v>0</v>
      </c>
      <c r="AB17" s="300"/>
      <c r="AC17" s="295">
        <v>65255</v>
      </c>
      <c r="AD17" s="295">
        <v>80048</v>
      </c>
      <c r="AE17" s="295">
        <v>166997</v>
      </c>
      <c r="AF17" s="295">
        <v>40455</v>
      </c>
      <c r="AG17" s="295">
        <v>49095</v>
      </c>
      <c r="AH17" s="298">
        <v>401850</v>
      </c>
      <c r="AI17" s="299">
        <v>401850</v>
      </c>
      <c r="AJ17" s="294">
        <v>0</v>
      </c>
      <c r="AK17" s="295">
        <v>0</v>
      </c>
      <c r="AL17" s="296">
        <v>0</v>
      </c>
      <c r="AM17" s="300"/>
      <c r="AN17" s="295">
        <v>0</v>
      </c>
      <c r="AO17" s="295">
        <v>0</v>
      </c>
      <c r="AP17" s="295">
        <v>0</v>
      </c>
      <c r="AQ17" s="295">
        <v>0</v>
      </c>
      <c r="AR17" s="295">
        <v>0</v>
      </c>
      <c r="AS17" s="298">
        <v>0</v>
      </c>
      <c r="AT17" s="299">
        <v>0</v>
      </c>
      <c r="AU17" s="294">
        <v>0</v>
      </c>
      <c r="AV17" s="295">
        <v>0</v>
      </c>
      <c r="AW17" s="296">
        <v>0</v>
      </c>
      <c r="AX17" s="300"/>
      <c r="AY17" s="295">
        <v>0</v>
      </c>
      <c r="AZ17" s="295">
        <v>0</v>
      </c>
      <c r="BA17" s="295">
        <v>0</v>
      </c>
      <c r="BB17" s="295">
        <v>0</v>
      </c>
      <c r="BC17" s="295">
        <v>0</v>
      </c>
      <c r="BD17" s="298">
        <v>0</v>
      </c>
      <c r="BE17" s="299">
        <v>0</v>
      </c>
      <c r="BF17" s="294">
        <v>0</v>
      </c>
      <c r="BG17" s="295">
        <v>0</v>
      </c>
      <c r="BH17" s="296">
        <v>0</v>
      </c>
      <c r="BI17" s="300"/>
      <c r="BJ17" s="295">
        <v>0</v>
      </c>
      <c r="BK17" s="295">
        <v>0</v>
      </c>
      <c r="BL17" s="295">
        <v>0</v>
      </c>
      <c r="BM17" s="295">
        <v>0</v>
      </c>
      <c r="BN17" s="295">
        <v>0</v>
      </c>
      <c r="BO17" s="298">
        <v>0</v>
      </c>
      <c r="BP17" s="299">
        <v>0</v>
      </c>
      <c r="BQ17" s="294">
        <v>0</v>
      </c>
      <c r="BR17" s="295">
        <v>0</v>
      </c>
      <c r="BS17" s="296">
        <v>0</v>
      </c>
      <c r="BT17" s="297">
        <v>0</v>
      </c>
      <c r="BU17" s="295">
        <v>4847</v>
      </c>
      <c r="BV17" s="295">
        <v>10395</v>
      </c>
      <c r="BW17" s="295">
        <v>64443</v>
      </c>
      <c r="BX17" s="295">
        <v>18545</v>
      </c>
      <c r="BY17" s="295">
        <v>6345</v>
      </c>
      <c r="BZ17" s="298">
        <v>104575</v>
      </c>
      <c r="CA17" s="299">
        <v>104575</v>
      </c>
      <c r="CB17" s="294">
        <v>0</v>
      </c>
      <c r="CC17" s="295">
        <v>0</v>
      </c>
      <c r="CD17" s="296">
        <v>0</v>
      </c>
      <c r="CE17" s="297">
        <v>0</v>
      </c>
      <c r="CF17" s="295">
        <v>0</v>
      </c>
      <c r="CG17" s="295">
        <v>1595</v>
      </c>
      <c r="CH17" s="295">
        <v>900</v>
      </c>
      <c r="CI17" s="295">
        <v>1570</v>
      </c>
      <c r="CJ17" s="295">
        <v>0</v>
      </c>
      <c r="CK17" s="298">
        <v>4065</v>
      </c>
      <c r="CL17" s="299">
        <v>4065</v>
      </c>
      <c r="CM17" s="294">
        <v>0</v>
      </c>
      <c r="CN17" s="295">
        <v>0</v>
      </c>
      <c r="CO17" s="296">
        <v>0</v>
      </c>
      <c r="CP17" s="297">
        <v>0</v>
      </c>
      <c r="CQ17" s="295">
        <v>0</v>
      </c>
      <c r="CR17" s="295">
        <v>0</v>
      </c>
      <c r="CS17" s="295">
        <v>0</v>
      </c>
      <c r="CT17" s="295">
        <v>0</v>
      </c>
      <c r="CU17" s="295">
        <v>0</v>
      </c>
      <c r="CV17" s="298">
        <v>0</v>
      </c>
      <c r="CW17" s="299">
        <v>0</v>
      </c>
      <c r="CX17" s="294">
        <v>0</v>
      </c>
      <c r="CY17" s="295">
        <v>0</v>
      </c>
      <c r="CZ17" s="296">
        <v>0</v>
      </c>
      <c r="DA17" s="300"/>
      <c r="DB17" s="295">
        <v>0</v>
      </c>
      <c r="DC17" s="295">
        <v>0</v>
      </c>
      <c r="DD17" s="295">
        <v>0</v>
      </c>
      <c r="DE17" s="295">
        <v>0</v>
      </c>
      <c r="DF17" s="295">
        <v>0</v>
      </c>
      <c r="DG17" s="298">
        <v>0</v>
      </c>
      <c r="DH17" s="299">
        <v>0</v>
      </c>
      <c r="DI17" s="294">
        <v>0</v>
      </c>
      <c r="DJ17" s="295">
        <v>0</v>
      </c>
      <c r="DK17" s="296">
        <v>0</v>
      </c>
      <c r="DL17" s="297">
        <v>0</v>
      </c>
      <c r="DM17" s="295">
        <v>52005</v>
      </c>
      <c r="DN17" s="295">
        <v>46036</v>
      </c>
      <c r="DO17" s="295">
        <v>750903</v>
      </c>
      <c r="DP17" s="295">
        <v>1023718</v>
      </c>
      <c r="DQ17" s="295">
        <v>835502</v>
      </c>
      <c r="DR17" s="298">
        <v>2708164</v>
      </c>
      <c r="DS17" s="301">
        <v>2708164</v>
      </c>
      <c r="DT17" s="294">
        <v>0</v>
      </c>
      <c r="DU17" s="295">
        <v>0</v>
      </c>
      <c r="DV17" s="296">
        <v>0</v>
      </c>
      <c r="DW17" s="300"/>
      <c r="DX17" s="295">
        <v>21576</v>
      </c>
      <c r="DY17" s="295">
        <v>31064</v>
      </c>
      <c r="DZ17" s="295">
        <v>601455</v>
      </c>
      <c r="EA17" s="295">
        <v>961415</v>
      </c>
      <c r="EB17" s="295">
        <v>760156</v>
      </c>
      <c r="EC17" s="298">
        <v>2375666</v>
      </c>
      <c r="ED17" s="299">
        <v>2375666</v>
      </c>
      <c r="EE17" s="294">
        <v>0</v>
      </c>
      <c r="EF17" s="295">
        <v>0</v>
      </c>
      <c r="EG17" s="296">
        <v>0</v>
      </c>
      <c r="EH17" s="300"/>
      <c r="EI17" s="295">
        <v>11966</v>
      </c>
      <c r="EJ17" s="295">
        <v>1337</v>
      </c>
      <c r="EK17" s="295">
        <v>38471</v>
      </c>
      <c r="EL17" s="295">
        <v>1085</v>
      </c>
      <c r="EM17" s="295">
        <v>34166</v>
      </c>
      <c r="EN17" s="298">
        <v>87025</v>
      </c>
      <c r="EO17" s="299">
        <v>87025</v>
      </c>
      <c r="EP17" s="294">
        <v>0</v>
      </c>
      <c r="EQ17" s="295">
        <v>0</v>
      </c>
      <c r="ER17" s="296">
        <v>0</v>
      </c>
      <c r="ES17" s="300"/>
      <c r="ET17" s="295">
        <v>0</v>
      </c>
      <c r="EU17" s="295">
        <v>0</v>
      </c>
      <c r="EV17" s="295">
        <v>0</v>
      </c>
      <c r="EW17" s="295">
        <v>0</v>
      </c>
      <c r="EX17" s="295">
        <v>0</v>
      </c>
      <c r="EY17" s="298">
        <v>0</v>
      </c>
      <c r="EZ17" s="299">
        <v>0</v>
      </c>
      <c r="FA17" s="294">
        <v>0</v>
      </c>
      <c r="FB17" s="295">
        <v>0</v>
      </c>
      <c r="FC17" s="296">
        <v>0</v>
      </c>
      <c r="FD17" s="300"/>
      <c r="FE17" s="295">
        <v>0</v>
      </c>
      <c r="FF17" s="295">
        <v>0</v>
      </c>
      <c r="FG17" s="295">
        <v>0</v>
      </c>
      <c r="FH17" s="295">
        <v>0</v>
      </c>
      <c r="FI17" s="295">
        <v>0</v>
      </c>
      <c r="FJ17" s="298">
        <v>0</v>
      </c>
      <c r="FK17" s="299">
        <v>0</v>
      </c>
      <c r="FL17" s="294">
        <v>0</v>
      </c>
      <c r="FM17" s="295">
        <v>0</v>
      </c>
      <c r="FN17" s="296">
        <v>0</v>
      </c>
      <c r="FO17" s="300"/>
      <c r="FP17" s="295">
        <v>0</v>
      </c>
      <c r="FQ17" s="295">
        <v>0</v>
      </c>
      <c r="FR17" s="295">
        <v>0</v>
      </c>
      <c r="FS17" s="295">
        <v>0</v>
      </c>
      <c r="FT17" s="295">
        <v>0</v>
      </c>
      <c r="FU17" s="298">
        <v>0</v>
      </c>
      <c r="FV17" s="299">
        <v>0</v>
      </c>
      <c r="FW17" s="294">
        <v>0</v>
      </c>
      <c r="FX17" s="295">
        <v>0</v>
      </c>
      <c r="FY17" s="296">
        <v>0</v>
      </c>
      <c r="FZ17" s="297">
        <v>0</v>
      </c>
      <c r="GA17" s="295">
        <v>18463</v>
      </c>
      <c r="GB17" s="295">
        <v>13551</v>
      </c>
      <c r="GC17" s="295">
        <v>110977</v>
      </c>
      <c r="GD17" s="295">
        <v>55622</v>
      </c>
      <c r="GE17" s="295">
        <v>41180</v>
      </c>
      <c r="GF17" s="298">
        <v>239793</v>
      </c>
      <c r="GG17" s="299">
        <v>239793</v>
      </c>
      <c r="GH17" s="294">
        <v>0</v>
      </c>
      <c r="GI17" s="295">
        <v>0</v>
      </c>
      <c r="GJ17" s="296">
        <v>0</v>
      </c>
      <c r="GK17" s="297">
        <v>0</v>
      </c>
      <c r="GL17" s="295">
        <v>0</v>
      </c>
      <c r="GM17" s="295">
        <v>84</v>
      </c>
      <c r="GN17" s="295">
        <v>0</v>
      </c>
      <c r="GO17" s="295">
        <v>5596</v>
      </c>
      <c r="GP17" s="295">
        <v>0</v>
      </c>
      <c r="GQ17" s="298">
        <v>5680</v>
      </c>
      <c r="GR17" s="299">
        <v>5680</v>
      </c>
      <c r="GS17" s="294">
        <v>0</v>
      </c>
      <c r="GT17" s="295">
        <v>0</v>
      </c>
      <c r="GU17" s="296">
        <v>0</v>
      </c>
      <c r="GV17" s="297">
        <v>0</v>
      </c>
      <c r="GW17" s="295">
        <v>0</v>
      </c>
      <c r="GX17" s="295">
        <v>0</v>
      </c>
      <c r="GY17" s="295">
        <v>0</v>
      </c>
      <c r="GZ17" s="295">
        <v>0</v>
      </c>
      <c r="HA17" s="295">
        <v>0</v>
      </c>
      <c r="HB17" s="298">
        <v>0</v>
      </c>
      <c r="HC17" s="299">
        <v>0</v>
      </c>
      <c r="HD17" s="294">
        <v>0</v>
      </c>
      <c r="HE17" s="295">
        <v>0</v>
      </c>
      <c r="HF17" s="296">
        <v>0</v>
      </c>
      <c r="HG17" s="300"/>
      <c r="HH17" s="295">
        <v>0</v>
      </c>
      <c r="HI17" s="295">
        <v>0</v>
      </c>
      <c r="HJ17" s="295">
        <v>0</v>
      </c>
      <c r="HK17" s="295">
        <v>0</v>
      </c>
      <c r="HL17" s="295">
        <v>0</v>
      </c>
      <c r="HM17" s="298">
        <v>0</v>
      </c>
      <c r="HN17" s="299">
        <v>0</v>
      </c>
      <c r="HO17" s="294">
        <v>0</v>
      </c>
      <c r="HP17" s="295">
        <v>0</v>
      </c>
      <c r="HQ17" s="296">
        <v>0</v>
      </c>
      <c r="HR17" s="297">
        <v>0</v>
      </c>
      <c r="HS17" s="295">
        <v>124742</v>
      </c>
      <c r="HT17" s="295">
        <v>149149</v>
      </c>
      <c r="HU17" s="295">
        <v>1382808</v>
      </c>
      <c r="HV17" s="295">
        <v>1948565</v>
      </c>
      <c r="HW17" s="295">
        <v>1533034</v>
      </c>
      <c r="HX17" s="298">
        <v>5138298</v>
      </c>
      <c r="HY17" s="299">
        <v>5138298</v>
      </c>
    </row>
    <row r="18" spans="2:233" ht="21" customHeight="1" x14ac:dyDescent="0.2">
      <c r="B18" s="292" t="s">
        <v>15</v>
      </c>
      <c r="C18" s="294">
        <v>0</v>
      </c>
      <c r="D18" s="295">
        <v>2782</v>
      </c>
      <c r="E18" s="296">
        <v>2782</v>
      </c>
      <c r="F18" s="297">
        <v>0</v>
      </c>
      <c r="G18" s="295">
        <v>213590</v>
      </c>
      <c r="H18" s="295">
        <v>547040</v>
      </c>
      <c r="I18" s="295">
        <v>1592492</v>
      </c>
      <c r="J18" s="295">
        <v>2142847</v>
      </c>
      <c r="K18" s="295">
        <v>1330843</v>
      </c>
      <c r="L18" s="298">
        <v>5826812</v>
      </c>
      <c r="M18" s="299">
        <v>5829594</v>
      </c>
      <c r="N18" s="294">
        <v>0</v>
      </c>
      <c r="O18" s="295">
        <v>0</v>
      </c>
      <c r="P18" s="296">
        <v>0</v>
      </c>
      <c r="Q18" s="300"/>
      <c r="R18" s="295">
        <v>0</v>
      </c>
      <c r="S18" s="295">
        <v>35495</v>
      </c>
      <c r="T18" s="295">
        <v>953240</v>
      </c>
      <c r="U18" s="295">
        <v>1279380</v>
      </c>
      <c r="V18" s="295">
        <v>1044305</v>
      </c>
      <c r="W18" s="298">
        <v>3312420</v>
      </c>
      <c r="X18" s="299">
        <v>3312420</v>
      </c>
      <c r="Y18" s="294">
        <v>0</v>
      </c>
      <c r="Z18" s="295">
        <v>0</v>
      </c>
      <c r="AA18" s="296">
        <v>0</v>
      </c>
      <c r="AB18" s="300"/>
      <c r="AC18" s="295">
        <v>213300</v>
      </c>
      <c r="AD18" s="295">
        <v>468365</v>
      </c>
      <c r="AE18" s="295">
        <v>428023</v>
      </c>
      <c r="AF18" s="295">
        <v>535329</v>
      </c>
      <c r="AG18" s="295">
        <v>87036</v>
      </c>
      <c r="AH18" s="298">
        <v>1732053</v>
      </c>
      <c r="AI18" s="299">
        <v>1732053</v>
      </c>
      <c r="AJ18" s="294">
        <v>0</v>
      </c>
      <c r="AK18" s="295">
        <v>0</v>
      </c>
      <c r="AL18" s="296">
        <v>0</v>
      </c>
      <c r="AM18" s="300"/>
      <c r="AN18" s="295">
        <v>0</v>
      </c>
      <c r="AO18" s="295">
        <v>0</v>
      </c>
      <c r="AP18" s="295">
        <v>0</v>
      </c>
      <c r="AQ18" s="295">
        <v>0</v>
      </c>
      <c r="AR18" s="295">
        <v>2635</v>
      </c>
      <c r="AS18" s="298">
        <v>2635</v>
      </c>
      <c r="AT18" s="299">
        <v>2635</v>
      </c>
      <c r="AU18" s="294">
        <v>0</v>
      </c>
      <c r="AV18" s="295">
        <v>0</v>
      </c>
      <c r="AW18" s="296">
        <v>0</v>
      </c>
      <c r="AX18" s="300"/>
      <c r="AY18" s="295">
        <v>0</v>
      </c>
      <c r="AZ18" s="295">
        <v>0</v>
      </c>
      <c r="BA18" s="295">
        <v>0</v>
      </c>
      <c r="BB18" s="295">
        <v>0</v>
      </c>
      <c r="BC18" s="295">
        <v>0</v>
      </c>
      <c r="BD18" s="298">
        <v>0</v>
      </c>
      <c r="BE18" s="299">
        <v>0</v>
      </c>
      <c r="BF18" s="294">
        <v>0</v>
      </c>
      <c r="BG18" s="295">
        <v>0</v>
      </c>
      <c r="BH18" s="296">
        <v>0</v>
      </c>
      <c r="BI18" s="300"/>
      <c r="BJ18" s="295">
        <v>0</v>
      </c>
      <c r="BK18" s="295">
        <v>0</v>
      </c>
      <c r="BL18" s="295">
        <v>108655</v>
      </c>
      <c r="BM18" s="295">
        <v>57075</v>
      </c>
      <c r="BN18" s="295">
        <v>89525</v>
      </c>
      <c r="BO18" s="298">
        <v>255255</v>
      </c>
      <c r="BP18" s="299">
        <v>255255</v>
      </c>
      <c r="BQ18" s="294">
        <v>0</v>
      </c>
      <c r="BR18" s="295">
        <v>2782</v>
      </c>
      <c r="BS18" s="296">
        <v>2782</v>
      </c>
      <c r="BT18" s="297">
        <v>0</v>
      </c>
      <c r="BU18" s="295">
        <v>290</v>
      </c>
      <c r="BV18" s="295">
        <v>40570</v>
      </c>
      <c r="BW18" s="295">
        <v>101013</v>
      </c>
      <c r="BX18" s="295">
        <v>271063</v>
      </c>
      <c r="BY18" s="295">
        <v>105117</v>
      </c>
      <c r="BZ18" s="298">
        <v>518053</v>
      </c>
      <c r="CA18" s="299">
        <v>520835</v>
      </c>
      <c r="CB18" s="294">
        <v>0</v>
      </c>
      <c r="CC18" s="295">
        <v>0</v>
      </c>
      <c r="CD18" s="296">
        <v>0</v>
      </c>
      <c r="CE18" s="297">
        <v>0</v>
      </c>
      <c r="CF18" s="295">
        <v>0</v>
      </c>
      <c r="CG18" s="295">
        <v>2610</v>
      </c>
      <c r="CH18" s="295">
        <v>1561</v>
      </c>
      <c r="CI18" s="295">
        <v>0</v>
      </c>
      <c r="CJ18" s="295">
        <v>2225</v>
      </c>
      <c r="CK18" s="298">
        <v>6396</v>
      </c>
      <c r="CL18" s="299">
        <v>6396</v>
      </c>
      <c r="CM18" s="294">
        <v>0</v>
      </c>
      <c r="CN18" s="295">
        <v>0</v>
      </c>
      <c r="CO18" s="296">
        <v>0</v>
      </c>
      <c r="CP18" s="297">
        <v>0</v>
      </c>
      <c r="CQ18" s="295">
        <v>0</v>
      </c>
      <c r="CR18" s="295">
        <v>0</v>
      </c>
      <c r="CS18" s="295">
        <v>0</v>
      </c>
      <c r="CT18" s="295">
        <v>0</v>
      </c>
      <c r="CU18" s="295">
        <v>0</v>
      </c>
      <c r="CV18" s="298">
        <v>0</v>
      </c>
      <c r="CW18" s="299">
        <v>0</v>
      </c>
      <c r="CX18" s="294">
        <v>0</v>
      </c>
      <c r="CY18" s="295">
        <v>0</v>
      </c>
      <c r="CZ18" s="296">
        <v>0</v>
      </c>
      <c r="DA18" s="300"/>
      <c r="DB18" s="295">
        <v>0</v>
      </c>
      <c r="DC18" s="295">
        <v>0</v>
      </c>
      <c r="DD18" s="295">
        <v>0</v>
      </c>
      <c r="DE18" s="295">
        <v>0</v>
      </c>
      <c r="DF18" s="295">
        <v>0</v>
      </c>
      <c r="DG18" s="298">
        <v>0</v>
      </c>
      <c r="DH18" s="299">
        <v>0</v>
      </c>
      <c r="DI18" s="294">
        <v>0</v>
      </c>
      <c r="DJ18" s="295">
        <v>2457</v>
      </c>
      <c r="DK18" s="296">
        <v>2457</v>
      </c>
      <c r="DL18" s="297">
        <v>0</v>
      </c>
      <c r="DM18" s="295">
        <v>16739</v>
      </c>
      <c r="DN18" s="295">
        <v>134825</v>
      </c>
      <c r="DO18" s="295">
        <v>1566071</v>
      </c>
      <c r="DP18" s="295">
        <v>1978350</v>
      </c>
      <c r="DQ18" s="295">
        <v>1429016</v>
      </c>
      <c r="DR18" s="298">
        <v>5125001</v>
      </c>
      <c r="DS18" s="301">
        <v>5127458</v>
      </c>
      <c r="DT18" s="294">
        <v>0</v>
      </c>
      <c r="DU18" s="295">
        <v>0</v>
      </c>
      <c r="DV18" s="296">
        <v>0</v>
      </c>
      <c r="DW18" s="300"/>
      <c r="DX18" s="295">
        <v>0</v>
      </c>
      <c r="DY18" s="295">
        <v>26505</v>
      </c>
      <c r="DZ18" s="295">
        <v>1100237</v>
      </c>
      <c r="EA18" s="295">
        <v>1386269</v>
      </c>
      <c r="EB18" s="295">
        <v>1150908</v>
      </c>
      <c r="EC18" s="298">
        <v>3663919</v>
      </c>
      <c r="ED18" s="299">
        <v>3663919</v>
      </c>
      <c r="EE18" s="294">
        <v>0</v>
      </c>
      <c r="EF18" s="295">
        <v>0</v>
      </c>
      <c r="EG18" s="296">
        <v>0</v>
      </c>
      <c r="EH18" s="300"/>
      <c r="EI18" s="295">
        <v>13955</v>
      </c>
      <c r="EJ18" s="295">
        <v>61452</v>
      </c>
      <c r="EK18" s="295">
        <v>46374</v>
      </c>
      <c r="EL18" s="295">
        <v>28757</v>
      </c>
      <c r="EM18" s="295">
        <v>31927</v>
      </c>
      <c r="EN18" s="298">
        <v>182465</v>
      </c>
      <c r="EO18" s="299">
        <v>182465</v>
      </c>
      <c r="EP18" s="294">
        <v>0</v>
      </c>
      <c r="EQ18" s="295">
        <v>0</v>
      </c>
      <c r="ER18" s="296">
        <v>0</v>
      </c>
      <c r="ES18" s="300"/>
      <c r="ET18" s="295">
        <v>0</v>
      </c>
      <c r="EU18" s="295">
        <v>0</v>
      </c>
      <c r="EV18" s="295">
        <v>0</v>
      </c>
      <c r="EW18" s="295">
        <v>0</v>
      </c>
      <c r="EX18" s="295">
        <v>217</v>
      </c>
      <c r="EY18" s="298">
        <v>217</v>
      </c>
      <c r="EZ18" s="299">
        <v>217</v>
      </c>
      <c r="FA18" s="294">
        <v>0</v>
      </c>
      <c r="FB18" s="295">
        <v>0</v>
      </c>
      <c r="FC18" s="296">
        <v>0</v>
      </c>
      <c r="FD18" s="300"/>
      <c r="FE18" s="295">
        <v>0</v>
      </c>
      <c r="FF18" s="295">
        <v>0</v>
      </c>
      <c r="FG18" s="295">
        <v>0</v>
      </c>
      <c r="FH18" s="295">
        <v>0</v>
      </c>
      <c r="FI18" s="295">
        <v>0</v>
      </c>
      <c r="FJ18" s="298">
        <v>0</v>
      </c>
      <c r="FK18" s="299">
        <v>0</v>
      </c>
      <c r="FL18" s="294">
        <v>0</v>
      </c>
      <c r="FM18" s="295">
        <v>0</v>
      </c>
      <c r="FN18" s="296">
        <v>0</v>
      </c>
      <c r="FO18" s="300"/>
      <c r="FP18" s="295">
        <v>0</v>
      </c>
      <c r="FQ18" s="295">
        <v>0</v>
      </c>
      <c r="FR18" s="295">
        <v>196602</v>
      </c>
      <c r="FS18" s="295">
        <v>182286</v>
      </c>
      <c r="FT18" s="295">
        <v>113126</v>
      </c>
      <c r="FU18" s="298">
        <v>492014</v>
      </c>
      <c r="FV18" s="299">
        <v>492014</v>
      </c>
      <c r="FW18" s="294">
        <v>0</v>
      </c>
      <c r="FX18" s="295">
        <v>2457</v>
      </c>
      <c r="FY18" s="296">
        <v>2457</v>
      </c>
      <c r="FZ18" s="297">
        <v>0</v>
      </c>
      <c r="GA18" s="295">
        <v>2784</v>
      </c>
      <c r="GB18" s="295">
        <v>44973</v>
      </c>
      <c r="GC18" s="295">
        <v>222823</v>
      </c>
      <c r="GD18" s="295">
        <v>381038</v>
      </c>
      <c r="GE18" s="295">
        <v>132796</v>
      </c>
      <c r="GF18" s="298">
        <v>784414</v>
      </c>
      <c r="GG18" s="299">
        <v>786871</v>
      </c>
      <c r="GH18" s="294">
        <v>0</v>
      </c>
      <c r="GI18" s="295">
        <v>0</v>
      </c>
      <c r="GJ18" s="296">
        <v>0</v>
      </c>
      <c r="GK18" s="297">
        <v>0</v>
      </c>
      <c r="GL18" s="295">
        <v>0</v>
      </c>
      <c r="GM18" s="295">
        <v>1895</v>
      </c>
      <c r="GN18" s="295">
        <v>35</v>
      </c>
      <c r="GO18" s="295">
        <v>0</v>
      </c>
      <c r="GP18" s="295">
        <v>42</v>
      </c>
      <c r="GQ18" s="298">
        <v>1972</v>
      </c>
      <c r="GR18" s="299">
        <v>1972</v>
      </c>
      <c r="GS18" s="294">
        <v>0</v>
      </c>
      <c r="GT18" s="295">
        <v>0</v>
      </c>
      <c r="GU18" s="296">
        <v>0</v>
      </c>
      <c r="GV18" s="297">
        <v>0</v>
      </c>
      <c r="GW18" s="295">
        <v>0</v>
      </c>
      <c r="GX18" s="295">
        <v>0</v>
      </c>
      <c r="GY18" s="295">
        <v>0</v>
      </c>
      <c r="GZ18" s="295">
        <v>0</v>
      </c>
      <c r="HA18" s="295">
        <v>0</v>
      </c>
      <c r="HB18" s="298">
        <v>0</v>
      </c>
      <c r="HC18" s="299">
        <v>0</v>
      </c>
      <c r="HD18" s="294">
        <v>0</v>
      </c>
      <c r="HE18" s="295">
        <v>0</v>
      </c>
      <c r="HF18" s="296">
        <v>0</v>
      </c>
      <c r="HG18" s="300"/>
      <c r="HH18" s="295">
        <v>0</v>
      </c>
      <c r="HI18" s="295">
        <v>0</v>
      </c>
      <c r="HJ18" s="295">
        <v>0</v>
      </c>
      <c r="HK18" s="295">
        <v>0</v>
      </c>
      <c r="HL18" s="295">
        <v>0</v>
      </c>
      <c r="HM18" s="298">
        <v>0</v>
      </c>
      <c r="HN18" s="299">
        <v>0</v>
      </c>
      <c r="HO18" s="294">
        <v>0</v>
      </c>
      <c r="HP18" s="295">
        <v>5239</v>
      </c>
      <c r="HQ18" s="296">
        <v>5239</v>
      </c>
      <c r="HR18" s="297">
        <v>0</v>
      </c>
      <c r="HS18" s="295">
        <v>230329</v>
      </c>
      <c r="HT18" s="295">
        <v>681865</v>
      </c>
      <c r="HU18" s="295">
        <v>3158563</v>
      </c>
      <c r="HV18" s="295">
        <v>4121197</v>
      </c>
      <c r="HW18" s="295">
        <v>2759859</v>
      </c>
      <c r="HX18" s="298">
        <v>10951813</v>
      </c>
      <c r="HY18" s="299">
        <v>10957052</v>
      </c>
    </row>
    <row r="19" spans="2:233" ht="21" customHeight="1" x14ac:dyDescent="0.2">
      <c r="B19" s="292" t="s">
        <v>16</v>
      </c>
      <c r="C19" s="294">
        <v>0</v>
      </c>
      <c r="D19" s="295">
        <v>0</v>
      </c>
      <c r="E19" s="296">
        <v>0</v>
      </c>
      <c r="F19" s="297">
        <v>0</v>
      </c>
      <c r="G19" s="295">
        <v>326760</v>
      </c>
      <c r="H19" s="295">
        <v>984318</v>
      </c>
      <c r="I19" s="295">
        <v>2834736</v>
      </c>
      <c r="J19" s="295">
        <v>3666532</v>
      </c>
      <c r="K19" s="295">
        <v>2254570</v>
      </c>
      <c r="L19" s="298">
        <v>10066916</v>
      </c>
      <c r="M19" s="299">
        <v>10066916</v>
      </c>
      <c r="N19" s="294">
        <v>0</v>
      </c>
      <c r="O19" s="295">
        <v>0</v>
      </c>
      <c r="P19" s="296">
        <v>0</v>
      </c>
      <c r="Q19" s="300"/>
      <c r="R19" s="295">
        <v>43245</v>
      </c>
      <c r="S19" s="295">
        <v>212350</v>
      </c>
      <c r="T19" s="295">
        <v>1726225</v>
      </c>
      <c r="U19" s="295">
        <v>2553381</v>
      </c>
      <c r="V19" s="295">
        <v>1659250</v>
      </c>
      <c r="W19" s="298">
        <v>6194451</v>
      </c>
      <c r="X19" s="299">
        <v>6194451</v>
      </c>
      <c r="Y19" s="294">
        <v>0</v>
      </c>
      <c r="Z19" s="295">
        <v>0</v>
      </c>
      <c r="AA19" s="296">
        <v>0</v>
      </c>
      <c r="AB19" s="300"/>
      <c r="AC19" s="295">
        <v>201205</v>
      </c>
      <c r="AD19" s="295">
        <v>687223</v>
      </c>
      <c r="AE19" s="295">
        <v>836028</v>
      </c>
      <c r="AF19" s="295">
        <v>786533</v>
      </c>
      <c r="AG19" s="295">
        <v>372275</v>
      </c>
      <c r="AH19" s="298">
        <v>2883264</v>
      </c>
      <c r="AI19" s="299">
        <v>2883264</v>
      </c>
      <c r="AJ19" s="294">
        <v>0</v>
      </c>
      <c r="AK19" s="295">
        <v>0</v>
      </c>
      <c r="AL19" s="296">
        <v>0</v>
      </c>
      <c r="AM19" s="300"/>
      <c r="AN19" s="295">
        <v>0</v>
      </c>
      <c r="AO19" s="295">
        <v>0</v>
      </c>
      <c r="AP19" s="295">
        <v>0</v>
      </c>
      <c r="AQ19" s="295">
        <v>0</v>
      </c>
      <c r="AR19" s="295">
        <v>0</v>
      </c>
      <c r="AS19" s="298">
        <v>0</v>
      </c>
      <c r="AT19" s="299">
        <v>0</v>
      </c>
      <c r="AU19" s="294">
        <v>0</v>
      </c>
      <c r="AV19" s="295">
        <v>0</v>
      </c>
      <c r="AW19" s="296">
        <v>0</v>
      </c>
      <c r="AX19" s="300"/>
      <c r="AY19" s="295">
        <v>35495</v>
      </c>
      <c r="AZ19" s="295">
        <v>0</v>
      </c>
      <c r="BA19" s="295">
        <v>68200</v>
      </c>
      <c r="BB19" s="295">
        <v>111735</v>
      </c>
      <c r="BC19" s="295">
        <v>108810</v>
      </c>
      <c r="BD19" s="298">
        <v>324240</v>
      </c>
      <c r="BE19" s="299">
        <v>324240</v>
      </c>
      <c r="BF19" s="294">
        <v>0</v>
      </c>
      <c r="BG19" s="295">
        <v>0</v>
      </c>
      <c r="BH19" s="296">
        <v>0</v>
      </c>
      <c r="BI19" s="300"/>
      <c r="BJ19" s="295">
        <v>0</v>
      </c>
      <c r="BK19" s="295">
        <v>29915</v>
      </c>
      <c r="BL19" s="295">
        <v>65255</v>
      </c>
      <c r="BM19" s="295">
        <v>130665</v>
      </c>
      <c r="BN19" s="295">
        <v>95325</v>
      </c>
      <c r="BO19" s="298">
        <v>321160</v>
      </c>
      <c r="BP19" s="299">
        <v>321160</v>
      </c>
      <c r="BQ19" s="294">
        <v>0</v>
      </c>
      <c r="BR19" s="295">
        <v>0</v>
      </c>
      <c r="BS19" s="296">
        <v>0</v>
      </c>
      <c r="BT19" s="297">
        <v>0</v>
      </c>
      <c r="BU19" s="295">
        <v>46815</v>
      </c>
      <c r="BV19" s="295">
        <v>54540</v>
      </c>
      <c r="BW19" s="295">
        <v>135663</v>
      </c>
      <c r="BX19" s="295">
        <v>71918</v>
      </c>
      <c r="BY19" s="295">
        <v>18910</v>
      </c>
      <c r="BZ19" s="298">
        <v>327846</v>
      </c>
      <c r="CA19" s="299">
        <v>327846</v>
      </c>
      <c r="CB19" s="294">
        <v>0</v>
      </c>
      <c r="CC19" s="295">
        <v>0</v>
      </c>
      <c r="CD19" s="296">
        <v>0</v>
      </c>
      <c r="CE19" s="297">
        <v>0</v>
      </c>
      <c r="CF19" s="295">
        <v>0</v>
      </c>
      <c r="CG19" s="295">
        <v>290</v>
      </c>
      <c r="CH19" s="295">
        <v>3365</v>
      </c>
      <c r="CI19" s="295">
        <v>12300</v>
      </c>
      <c r="CJ19" s="295">
        <v>0</v>
      </c>
      <c r="CK19" s="298">
        <v>15955</v>
      </c>
      <c r="CL19" s="299">
        <v>15955</v>
      </c>
      <c r="CM19" s="294">
        <v>0</v>
      </c>
      <c r="CN19" s="295">
        <v>0</v>
      </c>
      <c r="CO19" s="296">
        <v>0</v>
      </c>
      <c r="CP19" s="297">
        <v>0</v>
      </c>
      <c r="CQ19" s="295">
        <v>0</v>
      </c>
      <c r="CR19" s="295">
        <v>0</v>
      </c>
      <c r="CS19" s="295">
        <v>0</v>
      </c>
      <c r="CT19" s="295">
        <v>0</v>
      </c>
      <c r="CU19" s="295">
        <v>0</v>
      </c>
      <c r="CV19" s="298">
        <v>0</v>
      </c>
      <c r="CW19" s="299">
        <v>0</v>
      </c>
      <c r="CX19" s="294">
        <v>0</v>
      </c>
      <c r="CY19" s="295">
        <v>0</v>
      </c>
      <c r="CZ19" s="296">
        <v>0</v>
      </c>
      <c r="DA19" s="300"/>
      <c r="DB19" s="295">
        <v>0</v>
      </c>
      <c r="DC19" s="295">
        <v>0</v>
      </c>
      <c r="DD19" s="295">
        <v>0</v>
      </c>
      <c r="DE19" s="295">
        <v>0</v>
      </c>
      <c r="DF19" s="295">
        <v>0</v>
      </c>
      <c r="DG19" s="298">
        <v>0</v>
      </c>
      <c r="DH19" s="299">
        <v>0</v>
      </c>
      <c r="DI19" s="294">
        <v>0</v>
      </c>
      <c r="DJ19" s="295">
        <v>0</v>
      </c>
      <c r="DK19" s="296">
        <v>0</v>
      </c>
      <c r="DL19" s="297">
        <v>0</v>
      </c>
      <c r="DM19" s="295">
        <v>331864</v>
      </c>
      <c r="DN19" s="295">
        <v>840073</v>
      </c>
      <c r="DO19" s="295">
        <v>3132454</v>
      </c>
      <c r="DP19" s="295">
        <v>3992265</v>
      </c>
      <c r="DQ19" s="295">
        <v>2322156</v>
      </c>
      <c r="DR19" s="298">
        <v>10618812</v>
      </c>
      <c r="DS19" s="301">
        <v>10618812</v>
      </c>
      <c r="DT19" s="294">
        <v>0</v>
      </c>
      <c r="DU19" s="295">
        <v>0</v>
      </c>
      <c r="DV19" s="296">
        <v>0</v>
      </c>
      <c r="DW19" s="300"/>
      <c r="DX19" s="295">
        <v>76942</v>
      </c>
      <c r="DY19" s="295">
        <v>399617</v>
      </c>
      <c r="DZ19" s="295">
        <v>2439242</v>
      </c>
      <c r="EA19" s="295">
        <v>3454568</v>
      </c>
      <c r="EB19" s="295">
        <v>2060296</v>
      </c>
      <c r="EC19" s="298">
        <v>8430665</v>
      </c>
      <c r="ED19" s="299">
        <v>8430665</v>
      </c>
      <c r="EE19" s="294">
        <v>0</v>
      </c>
      <c r="EF19" s="295">
        <v>0</v>
      </c>
      <c r="EG19" s="296">
        <v>0</v>
      </c>
      <c r="EH19" s="300"/>
      <c r="EI19" s="295">
        <v>188258</v>
      </c>
      <c r="EJ19" s="295">
        <v>264169</v>
      </c>
      <c r="EK19" s="295">
        <v>338281</v>
      </c>
      <c r="EL19" s="295">
        <v>194568</v>
      </c>
      <c r="EM19" s="295">
        <v>71574</v>
      </c>
      <c r="EN19" s="298">
        <v>1056850</v>
      </c>
      <c r="EO19" s="299">
        <v>1056850</v>
      </c>
      <c r="EP19" s="294">
        <v>0</v>
      </c>
      <c r="EQ19" s="295">
        <v>0</v>
      </c>
      <c r="ER19" s="296">
        <v>0</v>
      </c>
      <c r="ES19" s="300"/>
      <c r="ET19" s="295">
        <v>0</v>
      </c>
      <c r="EU19" s="295">
        <v>0</v>
      </c>
      <c r="EV19" s="295">
        <v>0</v>
      </c>
      <c r="EW19" s="295">
        <v>0</v>
      </c>
      <c r="EX19" s="295">
        <v>0</v>
      </c>
      <c r="EY19" s="298">
        <v>0</v>
      </c>
      <c r="EZ19" s="299">
        <v>0</v>
      </c>
      <c r="FA19" s="294">
        <v>0</v>
      </c>
      <c r="FB19" s="295">
        <v>0</v>
      </c>
      <c r="FC19" s="296">
        <v>0</v>
      </c>
      <c r="FD19" s="300"/>
      <c r="FE19" s="295">
        <v>11687</v>
      </c>
      <c r="FF19" s="295">
        <v>0</v>
      </c>
      <c r="FG19" s="295">
        <v>11904</v>
      </c>
      <c r="FH19" s="295">
        <v>13903</v>
      </c>
      <c r="FI19" s="295">
        <v>12772</v>
      </c>
      <c r="FJ19" s="298">
        <v>50266</v>
      </c>
      <c r="FK19" s="299">
        <v>50266</v>
      </c>
      <c r="FL19" s="294">
        <v>0</v>
      </c>
      <c r="FM19" s="295">
        <v>0</v>
      </c>
      <c r="FN19" s="296">
        <v>0</v>
      </c>
      <c r="FO19" s="300"/>
      <c r="FP19" s="295">
        <v>0</v>
      </c>
      <c r="FQ19" s="295">
        <v>64728</v>
      </c>
      <c r="FR19" s="295">
        <v>123070</v>
      </c>
      <c r="FS19" s="295">
        <v>196602</v>
      </c>
      <c r="FT19" s="295">
        <v>138260</v>
      </c>
      <c r="FU19" s="298">
        <v>522660</v>
      </c>
      <c r="FV19" s="299">
        <v>522660</v>
      </c>
      <c r="FW19" s="294">
        <v>0</v>
      </c>
      <c r="FX19" s="295">
        <v>0</v>
      </c>
      <c r="FY19" s="296">
        <v>0</v>
      </c>
      <c r="FZ19" s="297">
        <v>0</v>
      </c>
      <c r="GA19" s="295">
        <v>54977</v>
      </c>
      <c r="GB19" s="295">
        <v>111538</v>
      </c>
      <c r="GC19" s="295">
        <v>217093</v>
      </c>
      <c r="GD19" s="295">
        <v>114798</v>
      </c>
      <c r="GE19" s="295">
        <v>39254</v>
      </c>
      <c r="GF19" s="298">
        <v>537660</v>
      </c>
      <c r="GG19" s="299">
        <v>537660</v>
      </c>
      <c r="GH19" s="294">
        <v>0</v>
      </c>
      <c r="GI19" s="295">
        <v>0</v>
      </c>
      <c r="GJ19" s="296">
        <v>0</v>
      </c>
      <c r="GK19" s="297">
        <v>0</v>
      </c>
      <c r="GL19" s="295">
        <v>0</v>
      </c>
      <c r="GM19" s="295">
        <v>21</v>
      </c>
      <c r="GN19" s="295">
        <v>2864</v>
      </c>
      <c r="GO19" s="295">
        <v>17826</v>
      </c>
      <c r="GP19" s="295">
        <v>0</v>
      </c>
      <c r="GQ19" s="298">
        <v>20711</v>
      </c>
      <c r="GR19" s="299">
        <v>20711</v>
      </c>
      <c r="GS19" s="294">
        <v>0</v>
      </c>
      <c r="GT19" s="295">
        <v>0</v>
      </c>
      <c r="GU19" s="296">
        <v>0</v>
      </c>
      <c r="GV19" s="297">
        <v>0</v>
      </c>
      <c r="GW19" s="295">
        <v>0</v>
      </c>
      <c r="GX19" s="295">
        <v>0</v>
      </c>
      <c r="GY19" s="295">
        <v>0</v>
      </c>
      <c r="GZ19" s="295">
        <v>0</v>
      </c>
      <c r="HA19" s="295">
        <v>0</v>
      </c>
      <c r="HB19" s="298">
        <v>0</v>
      </c>
      <c r="HC19" s="299">
        <v>0</v>
      </c>
      <c r="HD19" s="294">
        <v>0</v>
      </c>
      <c r="HE19" s="295">
        <v>0</v>
      </c>
      <c r="HF19" s="296">
        <v>0</v>
      </c>
      <c r="HG19" s="300"/>
      <c r="HH19" s="295">
        <v>0</v>
      </c>
      <c r="HI19" s="295">
        <v>0</v>
      </c>
      <c r="HJ19" s="295">
        <v>0</v>
      </c>
      <c r="HK19" s="295">
        <v>0</v>
      </c>
      <c r="HL19" s="295">
        <v>0</v>
      </c>
      <c r="HM19" s="298">
        <v>0</v>
      </c>
      <c r="HN19" s="299">
        <v>0</v>
      </c>
      <c r="HO19" s="294">
        <v>0</v>
      </c>
      <c r="HP19" s="295">
        <v>0</v>
      </c>
      <c r="HQ19" s="296">
        <v>0</v>
      </c>
      <c r="HR19" s="297">
        <v>0</v>
      </c>
      <c r="HS19" s="295">
        <v>658624</v>
      </c>
      <c r="HT19" s="295">
        <v>1824391</v>
      </c>
      <c r="HU19" s="295">
        <v>5967190</v>
      </c>
      <c r="HV19" s="295">
        <v>7658797</v>
      </c>
      <c r="HW19" s="295">
        <v>4576726</v>
      </c>
      <c r="HX19" s="298">
        <v>20685728</v>
      </c>
      <c r="HY19" s="299">
        <v>20685728</v>
      </c>
    </row>
    <row r="20" spans="2:233" ht="21" customHeight="1" x14ac:dyDescent="0.2">
      <c r="B20" s="292" t="s">
        <v>17</v>
      </c>
      <c r="C20" s="294">
        <v>0</v>
      </c>
      <c r="D20" s="295">
        <v>0</v>
      </c>
      <c r="E20" s="296">
        <v>0</v>
      </c>
      <c r="F20" s="297">
        <v>0</v>
      </c>
      <c r="G20" s="295">
        <v>222555</v>
      </c>
      <c r="H20" s="295">
        <v>1033985</v>
      </c>
      <c r="I20" s="295">
        <v>3073755</v>
      </c>
      <c r="J20" s="295">
        <v>3196692</v>
      </c>
      <c r="K20" s="295">
        <v>2587235</v>
      </c>
      <c r="L20" s="298">
        <v>10114222</v>
      </c>
      <c r="M20" s="299">
        <v>10114222</v>
      </c>
      <c r="N20" s="294">
        <v>0</v>
      </c>
      <c r="O20" s="295">
        <v>0</v>
      </c>
      <c r="P20" s="296">
        <v>0</v>
      </c>
      <c r="Q20" s="300"/>
      <c r="R20" s="295">
        <v>29915</v>
      </c>
      <c r="S20" s="295">
        <v>248155</v>
      </c>
      <c r="T20" s="295">
        <v>1657290</v>
      </c>
      <c r="U20" s="295">
        <v>2311725</v>
      </c>
      <c r="V20" s="295">
        <v>1861340</v>
      </c>
      <c r="W20" s="298">
        <v>6108425</v>
      </c>
      <c r="X20" s="299">
        <v>6108425</v>
      </c>
      <c r="Y20" s="294">
        <v>0</v>
      </c>
      <c r="Z20" s="295">
        <v>0</v>
      </c>
      <c r="AA20" s="296">
        <v>0</v>
      </c>
      <c r="AB20" s="300"/>
      <c r="AC20" s="295">
        <v>132015</v>
      </c>
      <c r="AD20" s="295">
        <v>650770</v>
      </c>
      <c r="AE20" s="295">
        <v>1022780</v>
      </c>
      <c r="AF20" s="295">
        <v>411022</v>
      </c>
      <c r="AG20" s="295">
        <v>176335</v>
      </c>
      <c r="AH20" s="298">
        <v>2392922</v>
      </c>
      <c r="AI20" s="299">
        <v>2392922</v>
      </c>
      <c r="AJ20" s="294">
        <v>0</v>
      </c>
      <c r="AK20" s="295">
        <v>0</v>
      </c>
      <c r="AL20" s="296">
        <v>0</v>
      </c>
      <c r="AM20" s="300"/>
      <c r="AN20" s="295">
        <v>0</v>
      </c>
      <c r="AO20" s="295">
        <v>0</v>
      </c>
      <c r="AP20" s="295">
        <v>0</v>
      </c>
      <c r="AQ20" s="295">
        <v>0</v>
      </c>
      <c r="AR20" s="295">
        <v>35340</v>
      </c>
      <c r="AS20" s="298">
        <v>35340</v>
      </c>
      <c r="AT20" s="299">
        <v>35340</v>
      </c>
      <c r="AU20" s="294">
        <v>0</v>
      </c>
      <c r="AV20" s="295">
        <v>0</v>
      </c>
      <c r="AW20" s="296">
        <v>0</v>
      </c>
      <c r="AX20" s="300"/>
      <c r="AY20" s="295">
        <v>0</v>
      </c>
      <c r="AZ20" s="295">
        <v>0</v>
      </c>
      <c r="BA20" s="295">
        <v>0</v>
      </c>
      <c r="BB20" s="295">
        <v>2635</v>
      </c>
      <c r="BC20" s="295">
        <v>36870</v>
      </c>
      <c r="BD20" s="298">
        <v>39505</v>
      </c>
      <c r="BE20" s="299">
        <v>39505</v>
      </c>
      <c r="BF20" s="294">
        <v>0</v>
      </c>
      <c r="BG20" s="295">
        <v>0</v>
      </c>
      <c r="BH20" s="296">
        <v>0</v>
      </c>
      <c r="BI20" s="300"/>
      <c r="BJ20" s="295">
        <v>0</v>
      </c>
      <c r="BK20" s="295">
        <v>2635</v>
      </c>
      <c r="BL20" s="295">
        <v>176700</v>
      </c>
      <c r="BM20" s="295">
        <v>174775</v>
      </c>
      <c r="BN20" s="295">
        <v>277140</v>
      </c>
      <c r="BO20" s="298">
        <v>631250</v>
      </c>
      <c r="BP20" s="299">
        <v>631250</v>
      </c>
      <c r="BQ20" s="294">
        <v>0</v>
      </c>
      <c r="BR20" s="295">
        <v>0</v>
      </c>
      <c r="BS20" s="296">
        <v>0</v>
      </c>
      <c r="BT20" s="297">
        <v>0</v>
      </c>
      <c r="BU20" s="295">
        <v>59465</v>
      </c>
      <c r="BV20" s="295">
        <v>121560</v>
      </c>
      <c r="BW20" s="295">
        <v>213650</v>
      </c>
      <c r="BX20" s="295">
        <v>296535</v>
      </c>
      <c r="BY20" s="295">
        <v>145890</v>
      </c>
      <c r="BZ20" s="298">
        <v>837100</v>
      </c>
      <c r="CA20" s="299">
        <v>837100</v>
      </c>
      <c r="CB20" s="294">
        <v>0</v>
      </c>
      <c r="CC20" s="295">
        <v>0</v>
      </c>
      <c r="CD20" s="296">
        <v>0</v>
      </c>
      <c r="CE20" s="297">
        <v>0</v>
      </c>
      <c r="CF20" s="295">
        <v>1160</v>
      </c>
      <c r="CG20" s="295">
        <v>10865</v>
      </c>
      <c r="CH20" s="295">
        <v>3335</v>
      </c>
      <c r="CI20" s="295">
        <v>0</v>
      </c>
      <c r="CJ20" s="295">
        <v>54320</v>
      </c>
      <c r="CK20" s="298">
        <v>69680</v>
      </c>
      <c r="CL20" s="299">
        <v>69680</v>
      </c>
      <c r="CM20" s="294">
        <v>0</v>
      </c>
      <c r="CN20" s="295">
        <v>0</v>
      </c>
      <c r="CO20" s="296">
        <v>0</v>
      </c>
      <c r="CP20" s="297">
        <v>0</v>
      </c>
      <c r="CQ20" s="295">
        <v>0</v>
      </c>
      <c r="CR20" s="295">
        <v>0</v>
      </c>
      <c r="CS20" s="295">
        <v>0</v>
      </c>
      <c r="CT20" s="295">
        <v>0</v>
      </c>
      <c r="CU20" s="295">
        <v>0</v>
      </c>
      <c r="CV20" s="298">
        <v>0</v>
      </c>
      <c r="CW20" s="299">
        <v>0</v>
      </c>
      <c r="CX20" s="294">
        <v>0</v>
      </c>
      <c r="CY20" s="295">
        <v>0</v>
      </c>
      <c r="CZ20" s="296">
        <v>0</v>
      </c>
      <c r="DA20" s="300"/>
      <c r="DB20" s="295">
        <v>0</v>
      </c>
      <c r="DC20" s="295">
        <v>0</v>
      </c>
      <c r="DD20" s="295">
        <v>0</v>
      </c>
      <c r="DE20" s="295">
        <v>0</v>
      </c>
      <c r="DF20" s="295">
        <v>0</v>
      </c>
      <c r="DG20" s="298">
        <v>0</v>
      </c>
      <c r="DH20" s="299">
        <v>0</v>
      </c>
      <c r="DI20" s="294">
        <v>0</v>
      </c>
      <c r="DJ20" s="295">
        <v>0</v>
      </c>
      <c r="DK20" s="296">
        <v>0</v>
      </c>
      <c r="DL20" s="297">
        <v>0</v>
      </c>
      <c r="DM20" s="295">
        <v>137184</v>
      </c>
      <c r="DN20" s="295">
        <v>447915</v>
      </c>
      <c r="DO20" s="295">
        <v>3044458</v>
      </c>
      <c r="DP20" s="295">
        <v>3794442</v>
      </c>
      <c r="DQ20" s="295">
        <v>2831574</v>
      </c>
      <c r="DR20" s="298">
        <v>10255573</v>
      </c>
      <c r="DS20" s="301">
        <v>10255573</v>
      </c>
      <c r="DT20" s="294">
        <v>0</v>
      </c>
      <c r="DU20" s="295">
        <v>0</v>
      </c>
      <c r="DV20" s="296">
        <v>0</v>
      </c>
      <c r="DW20" s="300"/>
      <c r="DX20" s="295">
        <v>58187</v>
      </c>
      <c r="DY20" s="295">
        <v>254665</v>
      </c>
      <c r="DZ20" s="295">
        <v>2310068</v>
      </c>
      <c r="EA20" s="295">
        <v>3165631</v>
      </c>
      <c r="EB20" s="295">
        <v>2204521</v>
      </c>
      <c r="EC20" s="298">
        <v>7993072</v>
      </c>
      <c r="ED20" s="299">
        <v>7993072</v>
      </c>
      <c r="EE20" s="294">
        <v>0</v>
      </c>
      <c r="EF20" s="295">
        <v>0</v>
      </c>
      <c r="EG20" s="296">
        <v>0</v>
      </c>
      <c r="EH20" s="300"/>
      <c r="EI20" s="295">
        <v>2471</v>
      </c>
      <c r="EJ20" s="295">
        <v>31444</v>
      </c>
      <c r="EK20" s="295">
        <v>135137</v>
      </c>
      <c r="EL20" s="295">
        <v>28707</v>
      </c>
      <c r="EM20" s="295">
        <v>26909</v>
      </c>
      <c r="EN20" s="298">
        <v>224668</v>
      </c>
      <c r="EO20" s="299">
        <v>224668</v>
      </c>
      <c r="EP20" s="294">
        <v>0</v>
      </c>
      <c r="EQ20" s="295">
        <v>0</v>
      </c>
      <c r="ER20" s="296">
        <v>0</v>
      </c>
      <c r="ES20" s="300"/>
      <c r="ET20" s="295">
        <v>0</v>
      </c>
      <c r="EU20" s="295">
        <v>0</v>
      </c>
      <c r="EV20" s="295">
        <v>0</v>
      </c>
      <c r="EW20" s="295">
        <v>0</v>
      </c>
      <c r="EX20" s="295">
        <v>217</v>
      </c>
      <c r="EY20" s="298">
        <v>217</v>
      </c>
      <c r="EZ20" s="299">
        <v>217</v>
      </c>
      <c r="FA20" s="294">
        <v>0</v>
      </c>
      <c r="FB20" s="295">
        <v>0</v>
      </c>
      <c r="FC20" s="296">
        <v>0</v>
      </c>
      <c r="FD20" s="300"/>
      <c r="FE20" s="295">
        <v>0</v>
      </c>
      <c r="FF20" s="295">
        <v>0</v>
      </c>
      <c r="FG20" s="295">
        <v>0</v>
      </c>
      <c r="FH20" s="295">
        <v>217</v>
      </c>
      <c r="FI20" s="295">
        <v>679</v>
      </c>
      <c r="FJ20" s="298">
        <v>896</v>
      </c>
      <c r="FK20" s="299">
        <v>896</v>
      </c>
      <c r="FL20" s="294">
        <v>0</v>
      </c>
      <c r="FM20" s="295">
        <v>0</v>
      </c>
      <c r="FN20" s="296">
        <v>0</v>
      </c>
      <c r="FO20" s="300"/>
      <c r="FP20" s="295">
        <v>0</v>
      </c>
      <c r="FQ20" s="295">
        <v>10881</v>
      </c>
      <c r="FR20" s="295">
        <v>288796</v>
      </c>
      <c r="FS20" s="295">
        <v>283270</v>
      </c>
      <c r="FT20" s="295">
        <v>415524</v>
      </c>
      <c r="FU20" s="298">
        <v>998471</v>
      </c>
      <c r="FV20" s="299">
        <v>998471</v>
      </c>
      <c r="FW20" s="294">
        <v>0</v>
      </c>
      <c r="FX20" s="295">
        <v>0</v>
      </c>
      <c r="FY20" s="296">
        <v>0</v>
      </c>
      <c r="FZ20" s="297">
        <v>0</v>
      </c>
      <c r="GA20" s="295">
        <v>76456</v>
      </c>
      <c r="GB20" s="295">
        <v>150792</v>
      </c>
      <c r="GC20" s="295">
        <v>310282</v>
      </c>
      <c r="GD20" s="295">
        <v>316617</v>
      </c>
      <c r="GE20" s="295">
        <v>162049</v>
      </c>
      <c r="GF20" s="298">
        <v>1016196</v>
      </c>
      <c r="GG20" s="299">
        <v>1016196</v>
      </c>
      <c r="GH20" s="294">
        <v>0</v>
      </c>
      <c r="GI20" s="295">
        <v>0</v>
      </c>
      <c r="GJ20" s="296">
        <v>0</v>
      </c>
      <c r="GK20" s="297">
        <v>0</v>
      </c>
      <c r="GL20" s="295">
        <v>70</v>
      </c>
      <c r="GM20" s="295">
        <v>133</v>
      </c>
      <c r="GN20" s="295">
        <v>175</v>
      </c>
      <c r="GO20" s="295">
        <v>0</v>
      </c>
      <c r="GP20" s="295">
        <v>21675</v>
      </c>
      <c r="GQ20" s="298">
        <v>22053</v>
      </c>
      <c r="GR20" s="299">
        <v>22053</v>
      </c>
      <c r="GS20" s="294">
        <v>0</v>
      </c>
      <c r="GT20" s="295">
        <v>0</v>
      </c>
      <c r="GU20" s="296">
        <v>0</v>
      </c>
      <c r="GV20" s="297">
        <v>0</v>
      </c>
      <c r="GW20" s="295">
        <v>0</v>
      </c>
      <c r="GX20" s="295">
        <v>0</v>
      </c>
      <c r="GY20" s="295">
        <v>0</v>
      </c>
      <c r="GZ20" s="295">
        <v>0</v>
      </c>
      <c r="HA20" s="295">
        <v>0</v>
      </c>
      <c r="HB20" s="298">
        <v>0</v>
      </c>
      <c r="HC20" s="299">
        <v>0</v>
      </c>
      <c r="HD20" s="294">
        <v>0</v>
      </c>
      <c r="HE20" s="295">
        <v>0</v>
      </c>
      <c r="HF20" s="296">
        <v>0</v>
      </c>
      <c r="HG20" s="300"/>
      <c r="HH20" s="295">
        <v>0</v>
      </c>
      <c r="HI20" s="295">
        <v>0</v>
      </c>
      <c r="HJ20" s="295">
        <v>0</v>
      </c>
      <c r="HK20" s="295">
        <v>0</v>
      </c>
      <c r="HL20" s="295">
        <v>0</v>
      </c>
      <c r="HM20" s="298">
        <v>0</v>
      </c>
      <c r="HN20" s="299">
        <v>0</v>
      </c>
      <c r="HO20" s="294">
        <v>0</v>
      </c>
      <c r="HP20" s="295">
        <v>0</v>
      </c>
      <c r="HQ20" s="296">
        <v>0</v>
      </c>
      <c r="HR20" s="297">
        <v>0</v>
      </c>
      <c r="HS20" s="295">
        <v>359739</v>
      </c>
      <c r="HT20" s="295">
        <v>1481900</v>
      </c>
      <c r="HU20" s="295">
        <v>6118213</v>
      </c>
      <c r="HV20" s="295">
        <v>6991134</v>
      </c>
      <c r="HW20" s="295">
        <v>5418809</v>
      </c>
      <c r="HX20" s="298">
        <v>20369795</v>
      </c>
      <c r="HY20" s="299">
        <v>20369795</v>
      </c>
    </row>
    <row r="21" spans="2:233" ht="21" customHeight="1" x14ac:dyDescent="0.2">
      <c r="B21" s="292" t="s">
        <v>18</v>
      </c>
      <c r="C21" s="294">
        <v>200</v>
      </c>
      <c r="D21" s="295">
        <v>0</v>
      </c>
      <c r="E21" s="296">
        <v>200</v>
      </c>
      <c r="F21" s="297">
        <v>0</v>
      </c>
      <c r="G21" s="295">
        <v>241315</v>
      </c>
      <c r="H21" s="295">
        <v>409995</v>
      </c>
      <c r="I21" s="295">
        <v>2418360</v>
      </c>
      <c r="J21" s="295">
        <v>3593597</v>
      </c>
      <c r="K21" s="295">
        <v>3318037</v>
      </c>
      <c r="L21" s="298">
        <v>9981304</v>
      </c>
      <c r="M21" s="299">
        <v>9981504</v>
      </c>
      <c r="N21" s="294">
        <v>0</v>
      </c>
      <c r="O21" s="295">
        <v>0</v>
      </c>
      <c r="P21" s="296">
        <v>0</v>
      </c>
      <c r="Q21" s="300"/>
      <c r="R21" s="295">
        <v>27900</v>
      </c>
      <c r="S21" s="295">
        <v>58075</v>
      </c>
      <c r="T21" s="295">
        <v>1483085</v>
      </c>
      <c r="U21" s="295">
        <v>2660522</v>
      </c>
      <c r="V21" s="295">
        <v>2341202</v>
      </c>
      <c r="W21" s="298">
        <v>6570784</v>
      </c>
      <c r="X21" s="299">
        <v>6570784</v>
      </c>
      <c r="Y21" s="294">
        <v>0</v>
      </c>
      <c r="Z21" s="295">
        <v>0</v>
      </c>
      <c r="AA21" s="296">
        <v>0</v>
      </c>
      <c r="AB21" s="300"/>
      <c r="AC21" s="295">
        <v>181425</v>
      </c>
      <c r="AD21" s="295">
        <v>299575</v>
      </c>
      <c r="AE21" s="295">
        <v>538680</v>
      </c>
      <c r="AF21" s="295">
        <v>586145</v>
      </c>
      <c r="AG21" s="295">
        <v>624430</v>
      </c>
      <c r="AH21" s="298">
        <v>2230255</v>
      </c>
      <c r="AI21" s="299">
        <v>2230255</v>
      </c>
      <c r="AJ21" s="294">
        <v>0</v>
      </c>
      <c r="AK21" s="295">
        <v>0</v>
      </c>
      <c r="AL21" s="296">
        <v>0</v>
      </c>
      <c r="AM21" s="300"/>
      <c r="AN21" s="295">
        <v>0</v>
      </c>
      <c r="AO21" s="295">
        <v>0</v>
      </c>
      <c r="AP21" s="295">
        <v>0</v>
      </c>
      <c r="AQ21" s="295">
        <v>2635</v>
      </c>
      <c r="AR21" s="295">
        <v>37790</v>
      </c>
      <c r="AS21" s="298">
        <v>40425</v>
      </c>
      <c r="AT21" s="299">
        <v>40425</v>
      </c>
      <c r="AU21" s="294">
        <v>0</v>
      </c>
      <c r="AV21" s="295">
        <v>0</v>
      </c>
      <c r="AW21" s="296">
        <v>0</v>
      </c>
      <c r="AX21" s="300"/>
      <c r="AY21" s="295">
        <v>0</v>
      </c>
      <c r="AZ21" s="295">
        <v>0</v>
      </c>
      <c r="BA21" s="295">
        <v>0</v>
      </c>
      <c r="BB21" s="295">
        <v>24645</v>
      </c>
      <c r="BC21" s="295">
        <v>203580</v>
      </c>
      <c r="BD21" s="298">
        <v>228225</v>
      </c>
      <c r="BE21" s="299">
        <v>228225</v>
      </c>
      <c r="BF21" s="294">
        <v>0</v>
      </c>
      <c r="BG21" s="295">
        <v>0</v>
      </c>
      <c r="BH21" s="296">
        <v>0</v>
      </c>
      <c r="BI21" s="300"/>
      <c r="BJ21" s="295">
        <v>0</v>
      </c>
      <c r="BK21" s="295">
        <v>0</v>
      </c>
      <c r="BL21" s="295">
        <v>40610</v>
      </c>
      <c r="BM21" s="295">
        <v>79690</v>
      </c>
      <c r="BN21" s="295">
        <v>43245</v>
      </c>
      <c r="BO21" s="298">
        <v>163545</v>
      </c>
      <c r="BP21" s="299">
        <v>163545</v>
      </c>
      <c r="BQ21" s="294">
        <v>200</v>
      </c>
      <c r="BR21" s="295">
        <v>0</v>
      </c>
      <c r="BS21" s="296">
        <v>200</v>
      </c>
      <c r="BT21" s="297">
        <v>0</v>
      </c>
      <c r="BU21" s="295">
        <v>30300</v>
      </c>
      <c r="BV21" s="295">
        <v>51765</v>
      </c>
      <c r="BW21" s="295">
        <v>355985</v>
      </c>
      <c r="BX21" s="295">
        <v>228825</v>
      </c>
      <c r="BY21" s="295">
        <v>67790</v>
      </c>
      <c r="BZ21" s="298">
        <v>734665</v>
      </c>
      <c r="CA21" s="299">
        <v>734865</v>
      </c>
      <c r="CB21" s="294">
        <v>0</v>
      </c>
      <c r="CC21" s="295">
        <v>0</v>
      </c>
      <c r="CD21" s="296">
        <v>0</v>
      </c>
      <c r="CE21" s="297">
        <v>0</v>
      </c>
      <c r="CF21" s="295">
        <v>1690</v>
      </c>
      <c r="CG21" s="295">
        <v>580</v>
      </c>
      <c r="CH21" s="295">
        <v>0</v>
      </c>
      <c r="CI21" s="295">
        <v>11135</v>
      </c>
      <c r="CJ21" s="295">
        <v>0</v>
      </c>
      <c r="CK21" s="298">
        <v>13405</v>
      </c>
      <c r="CL21" s="299">
        <v>13405</v>
      </c>
      <c r="CM21" s="294">
        <v>0</v>
      </c>
      <c r="CN21" s="295">
        <v>0</v>
      </c>
      <c r="CO21" s="296">
        <v>0</v>
      </c>
      <c r="CP21" s="297">
        <v>0</v>
      </c>
      <c r="CQ21" s="295">
        <v>0</v>
      </c>
      <c r="CR21" s="295">
        <v>0</v>
      </c>
      <c r="CS21" s="295">
        <v>0</v>
      </c>
      <c r="CT21" s="295">
        <v>0</v>
      </c>
      <c r="CU21" s="295">
        <v>0</v>
      </c>
      <c r="CV21" s="298">
        <v>0</v>
      </c>
      <c r="CW21" s="299">
        <v>0</v>
      </c>
      <c r="CX21" s="294">
        <v>0</v>
      </c>
      <c r="CY21" s="295">
        <v>0</v>
      </c>
      <c r="CZ21" s="296">
        <v>0</v>
      </c>
      <c r="DA21" s="300"/>
      <c r="DB21" s="295">
        <v>0</v>
      </c>
      <c r="DC21" s="295">
        <v>0</v>
      </c>
      <c r="DD21" s="295">
        <v>0</v>
      </c>
      <c r="DE21" s="295">
        <v>0</v>
      </c>
      <c r="DF21" s="295">
        <v>0</v>
      </c>
      <c r="DG21" s="298">
        <v>0</v>
      </c>
      <c r="DH21" s="299">
        <v>0</v>
      </c>
      <c r="DI21" s="294">
        <v>1404</v>
      </c>
      <c r="DJ21" s="295">
        <v>0</v>
      </c>
      <c r="DK21" s="296">
        <v>1404</v>
      </c>
      <c r="DL21" s="297">
        <v>0</v>
      </c>
      <c r="DM21" s="295">
        <v>200073</v>
      </c>
      <c r="DN21" s="295">
        <v>310904</v>
      </c>
      <c r="DO21" s="295">
        <v>3025470</v>
      </c>
      <c r="DP21" s="295">
        <v>4269767</v>
      </c>
      <c r="DQ21" s="295">
        <v>3383145</v>
      </c>
      <c r="DR21" s="298">
        <v>11189359</v>
      </c>
      <c r="DS21" s="301">
        <v>11190763</v>
      </c>
      <c r="DT21" s="294">
        <v>0</v>
      </c>
      <c r="DU21" s="295">
        <v>0</v>
      </c>
      <c r="DV21" s="296">
        <v>0</v>
      </c>
      <c r="DW21" s="300"/>
      <c r="DX21" s="295">
        <v>63612</v>
      </c>
      <c r="DY21" s="295">
        <v>136920</v>
      </c>
      <c r="DZ21" s="295">
        <v>2265170</v>
      </c>
      <c r="EA21" s="295">
        <v>3578229</v>
      </c>
      <c r="EB21" s="295">
        <v>2905787</v>
      </c>
      <c r="EC21" s="298">
        <v>8949718</v>
      </c>
      <c r="ED21" s="299">
        <v>8949718</v>
      </c>
      <c r="EE21" s="294">
        <v>0</v>
      </c>
      <c r="EF21" s="295">
        <v>0</v>
      </c>
      <c r="EG21" s="296">
        <v>0</v>
      </c>
      <c r="EH21" s="300"/>
      <c r="EI21" s="295">
        <v>37245</v>
      </c>
      <c r="EJ21" s="295">
        <v>49444</v>
      </c>
      <c r="EK21" s="295">
        <v>155855</v>
      </c>
      <c r="EL21" s="295">
        <v>104844</v>
      </c>
      <c r="EM21" s="295">
        <v>152462</v>
      </c>
      <c r="EN21" s="298">
        <v>499850</v>
      </c>
      <c r="EO21" s="299">
        <v>499850</v>
      </c>
      <c r="EP21" s="294">
        <v>0</v>
      </c>
      <c r="EQ21" s="295">
        <v>0</v>
      </c>
      <c r="ER21" s="296">
        <v>0</v>
      </c>
      <c r="ES21" s="300"/>
      <c r="ET21" s="295">
        <v>0</v>
      </c>
      <c r="EU21" s="295">
        <v>0</v>
      </c>
      <c r="EV21" s="295">
        <v>0</v>
      </c>
      <c r="EW21" s="295">
        <v>217</v>
      </c>
      <c r="EX21" s="295">
        <v>11470</v>
      </c>
      <c r="EY21" s="298">
        <v>11687</v>
      </c>
      <c r="EZ21" s="299">
        <v>11687</v>
      </c>
      <c r="FA21" s="294">
        <v>0</v>
      </c>
      <c r="FB21" s="295">
        <v>0</v>
      </c>
      <c r="FC21" s="296">
        <v>0</v>
      </c>
      <c r="FD21" s="300"/>
      <c r="FE21" s="295">
        <v>0</v>
      </c>
      <c r="FF21" s="295">
        <v>0</v>
      </c>
      <c r="FG21" s="295">
        <v>28</v>
      </c>
      <c r="FH21" s="295">
        <v>217</v>
      </c>
      <c r="FI21" s="295">
        <v>24628</v>
      </c>
      <c r="FJ21" s="298">
        <v>24873</v>
      </c>
      <c r="FK21" s="299">
        <v>24873</v>
      </c>
      <c r="FL21" s="294">
        <v>0</v>
      </c>
      <c r="FM21" s="295">
        <v>0</v>
      </c>
      <c r="FN21" s="296">
        <v>0</v>
      </c>
      <c r="FO21" s="300"/>
      <c r="FP21" s="295">
        <v>0</v>
      </c>
      <c r="FQ21" s="295">
        <v>0</v>
      </c>
      <c r="FR21" s="295">
        <v>101494</v>
      </c>
      <c r="FS21" s="295">
        <v>195332</v>
      </c>
      <c r="FT21" s="295">
        <v>123070</v>
      </c>
      <c r="FU21" s="298">
        <v>419896</v>
      </c>
      <c r="FV21" s="299">
        <v>419896</v>
      </c>
      <c r="FW21" s="294">
        <v>1404</v>
      </c>
      <c r="FX21" s="295">
        <v>0</v>
      </c>
      <c r="FY21" s="296">
        <v>1404</v>
      </c>
      <c r="FZ21" s="297">
        <v>0</v>
      </c>
      <c r="GA21" s="295">
        <v>96860</v>
      </c>
      <c r="GB21" s="295">
        <v>124505</v>
      </c>
      <c r="GC21" s="295">
        <v>502923</v>
      </c>
      <c r="GD21" s="295">
        <v>384631</v>
      </c>
      <c r="GE21" s="295">
        <v>165728</v>
      </c>
      <c r="GF21" s="298">
        <v>1274647</v>
      </c>
      <c r="GG21" s="299">
        <v>1276051</v>
      </c>
      <c r="GH21" s="294">
        <v>0</v>
      </c>
      <c r="GI21" s="295">
        <v>0</v>
      </c>
      <c r="GJ21" s="296">
        <v>0</v>
      </c>
      <c r="GK21" s="297">
        <v>0</v>
      </c>
      <c r="GL21" s="295">
        <v>2356</v>
      </c>
      <c r="GM21" s="295">
        <v>35</v>
      </c>
      <c r="GN21" s="295">
        <v>0</v>
      </c>
      <c r="GO21" s="295">
        <v>6297</v>
      </c>
      <c r="GP21" s="295">
        <v>0</v>
      </c>
      <c r="GQ21" s="298">
        <v>8688</v>
      </c>
      <c r="GR21" s="299">
        <v>8688</v>
      </c>
      <c r="GS21" s="294">
        <v>0</v>
      </c>
      <c r="GT21" s="295">
        <v>0</v>
      </c>
      <c r="GU21" s="296">
        <v>0</v>
      </c>
      <c r="GV21" s="297">
        <v>0</v>
      </c>
      <c r="GW21" s="295">
        <v>0</v>
      </c>
      <c r="GX21" s="295">
        <v>0</v>
      </c>
      <c r="GY21" s="295">
        <v>0</v>
      </c>
      <c r="GZ21" s="295">
        <v>0</v>
      </c>
      <c r="HA21" s="295">
        <v>0</v>
      </c>
      <c r="HB21" s="298">
        <v>0</v>
      </c>
      <c r="HC21" s="299">
        <v>0</v>
      </c>
      <c r="HD21" s="294">
        <v>0</v>
      </c>
      <c r="HE21" s="295">
        <v>0</v>
      </c>
      <c r="HF21" s="296">
        <v>0</v>
      </c>
      <c r="HG21" s="300"/>
      <c r="HH21" s="295">
        <v>0</v>
      </c>
      <c r="HI21" s="295">
        <v>0</v>
      </c>
      <c r="HJ21" s="295">
        <v>0</v>
      </c>
      <c r="HK21" s="295">
        <v>0</v>
      </c>
      <c r="HL21" s="295">
        <v>0</v>
      </c>
      <c r="HM21" s="298">
        <v>0</v>
      </c>
      <c r="HN21" s="299">
        <v>0</v>
      </c>
      <c r="HO21" s="294">
        <v>1604</v>
      </c>
      <c r="HP21" s="295">
        <v>0</v>
      </c>
      <c r="HQ21" s="296">
        <v>1604</v>
      </c>
      <c r="HR21" s="297">
        <v>0</v>
      </c>
      <c r="HS21" s="295">
        <v>441388</v>
      </c>
      <c r="HT21" s="295">
        <v>720899</v>
      </c>
      <c r="HU21" s="295">
        <v>5443830</v>
      </c>
      <c r="HV21" s="295">
        <v>7863364</v>
      </c>
      <c r="HW21" s="295">
        <v>6701182</v>
      </c>
      <c r="HX21" s="298">
        <v>21170663</v>
      </c>
      <c r="HY21" s="299">
        <v>21172267</v>
      </c>
    </row>
    <row r="22" spans="2:233" ht="21" customHeight="1" x14ac:dyDescent="0.2">
      <c r="B22" s="292" t="s">
        <v>19</v>
      </c>
      <c r="C22" s="294">
        <v>0</v>
      </c>
      <c r="D22" s="295">
        <v>0</v>
      </c>
      <c r="E22" s="296">
        <v>0</v>
      </c>
      <c r="F22" s="297">
        <v>0</v>
      </c>
      <c r="G22" s="295">
        <v>118410</v>
      </c>
      <c r="H22" s="295">
        <v>318853</v>
      </c>
      <c r="I22" s="295">
        <v>1582945</v>
      </c>
      <c r="J22" s="295">
        <v>1480900</v>
      </c>
      <c r="K22" s="295">
        <v>978700</v>
      </c>
      <c r="L22" s="298">
        <v>4479808</v>
      </c>
      <c r="M22" s="299">
        <v>4479808</v>
      </c>
      <c r="N22" s="294">
        <v>0</v>
      </c>
      <c r="O22" s="295">
        <v>0</v>
      </c>
      <c r="P22" s="296">
        <v>0</v>
      </c>
      <c r="Q22" s="300"/>
      <c r="R22" s="295">
        <v>0</v>
      </c>
      <c r="S22" s="295">
        <v>78740</v>
      </c>
      <c r="T22" s="295">
        <v>1066775</v>
      </c>
      <c r="U22" s="295">
        <v>1066375</v>
      </c>
      <c r="V22" s="295">
        <v>790355</v>
      </c>
      <c r="W22" s="298">
        <v>3002245</v>
      </c>
      <c r="X22" s="299">
        <v>3002245</v>
      </c>
      <c r="Y22" s="294">
        <v>0</v>
      </c>
      <c r="Z22" s="295">
        <v>0</v>
      </c>
      <c r="AA22" s="296">
        <v>0</v>
      </c>
      <c r="AB22" s="300"/>
      <c r="AC22" s="295">
        <v>78740</v>
      </c>
      <c r="AD22" s="295">
        <v>183415</v>
      </c>
      <c r="AE22" s="295">
        <v>464620</v>
      </c>
      <c r="AF22" s="295">
        <v>336475</v>
      </c>
      <c r="AG22" s="295">
        <v>138725</v>
      </c>
      <c r="AH22" s="298">
        <v>1201975</v>
      </c>
      <c r="AI22" s="299">
        <v>1201975</v>
      </c>
      <c r="AJ22" s="294">
        <v>0</v>
      </c>
      <c r="AK22" s="295">
        <v>0</v>
      </c>
      <c r="AL22" s="296">
        <v>0</v>
      </c>
      <c r="AM22" s="300"/>
      <c r="AN22" s="295">
        <v>0</v>
      </c>
      <c r="AO22" s="295">
        <v>0</v>
      </c>
      <c r="AP22" s="295">
        <v>0</v>
      </c>
      <c r="AQ22" s="295">
        <v>0</v>
      </c>
      <c r="AR22" s="295">
        <v>0</v>
      </c>
      <c r="AS22" s="298">
        <v>0</v>
      </c>
      <c r="AT22" s="299">
        <v>0</v>
      </c>
      <c r="AU22" s="294">
        <v>0</v>
      </c>
      <c r="AV22" s="295">
        <v>0</v>
      </c>
      <c r="AW22" s="296">
        <v>0</v>
      </c>
      <c r="AX22" s="300"/>
      <c r="AY22" s="295">
        <v>0</v>
      </c>
      <c r="AZ22" s="295">
        <v>0</v>
      </c>
      <c r="BA22" s="295">
        <v>0</v>
      </c>
      <c r="BB22" s="295">
        <v>0</v>
      </c>
      <c r="BC22" s="295">
        <v>0</v>
      </c>
      <c r="BD22" s="298">
        <v>0</v>
      </c>
      <c r="BE22" s="299">
        <v>0</v>
      </c>
      <c r="BF22" s="294">
        <v>0</v>
      </c>
      <c r="BG22" s="295">
        <v>0</v>
      </c>
      <c r="BH22" s="296">
        <v>0</v>
      </c>
      <c r="BI22" s="300"/>
      <c r="BJ22" s="295">
        <v>0</v>
      </c>
      <c r="BK22" s="295">
        <v>0</v>
      </c>
      <c r="BL22" s="295">
        <v>0</v>
      </c>
      <c r="BM22" s="295">
        <v>0</v>
      </c>
      <c r="BN22" s="295">
        <v>0</v>
      </c>
      <c r="BO22" s="298">
        <v>0</v>
      </c>
      <c r="BP22" s="299">
        <v>0</v>
      </c>
      <c r="BQ22" s="294">
        <v>0</v>
      </c>
      <c r="BR22" s="295">
        <v>0</v>
      </c>
      <c r="BS22" s="296">
        <v>0</v>
      </c>
      <c r="BT22" s="297">
        <v>0</v>
      </c>
      <c r="BU22" s="295">
        <v>33250</v>
      </c>
      <c r="BV22" s="295">
        <v>52928</v>
      </c>
      <c r="BW22" s="295">
        <v>51550</v>
      </c>
      <c r="BX22" s="295">
        <v>68795</v>
      </c>
      <c r="BY22" s="295">
        <v>35520</v>
      </c>
      <c r="BZ22" s="298">
        <v>242043</v>
      </c>
      <c r="CA22" s="299">
        <v>242043</v>
      </c>
      <c r="CB22" s="294">
        <v>0</v>
      </c>
      <c r="CC22" s="295">
        <v>0</v>
      </c>
      <c r="CD22" s="296">
        <v>0</v>
      </c>
      <c r="CE22" s="297">
        <v>0</v>
      </c>
      <c r="CF22" s="295">
        <v>6420</v>
      </c>
      <c r="CG22" s="295">
        <v>3770</v>
      </c>
      <c r="CH22" s="295">
        <v>0</v>
      </c>
      <c r="CI22" s="295">
        <v>9255</v>
      </c>
      <c r="CJ22" s="295">
        <v>14100</v>
      </c>
      <c r="CK22" s="298">
        <v>33545</v>
      </c>
      <c r="CL22" s="299">
        <v>33545</v>
      </c>
      <c r="CM22" s="294">
        <v>0</v>
      </c>
      <c r="CN22" s="295">
        <v>0</v>
      </c>
      <c r="CO22" s="296">
        <v>0</v>
      </c>
      <c r="CP22" s="297">
        <v>0</v>
      </c>
      <c r="CQ22" s="295">
        <v>0</v>
      </c>
      <c r="CR22" s="295">
        <v>0</v>
      </c>
      <c r="CS22" s="295">
        <v>0</v>
      </c>
      <c r="CT22" s="295">
        <v>0</v>
      </c>
      <c r="CU22" s="295">
        <v>0</v>
      </c>
      <c r="CV22" s="298">
        <v>0</v>
      </c>
      <c r="CW22" s="299">
        <v>0</v>
      </c>
      <c r="CX22" s="294">
        <v>0</v>
      </c>
      <c r="CY22" s="295">
        <v>0</v>
      </c>
      <c r="CZ22" s="296">
        <v>0</v>
      </c>
      <c r="DA22" s="300"/>
      <c r="DB22" s="295">
        <v>0</v>
      </c>
      <c r="DC22" s="295">
        <v>0</v>
      </c>
      <c r="DD22" s="295">
        <v>0</v>
      </c>
      <c r="DE22" s="295">
        <v>0</v>
      </c>
      <c r="DF22" s="295">
        <v>0</v>
      </c>
      <c r="DG22" s="298">
        <v>0</v>
      </c>
      <c r="DH22" s="299">
        <v>0</v>
      </c>
      <c r="DI22" s="294">
        <v>0</v>
      </c>
      <c r="DJ22" s="295">
        <v>0</v>
      </c>
      <c r="DK22" s="296">
        <v>0</v>
      </c>
      <c r="DL22" s="297">
        <v>0</v>
      </c>
      <c r="DM22" s="295">
        <v>49119</v>
      </c>
      <c r="DN22" s="295">
        <v>227475</v>
      </c>
      <c r="DO22" s="295">
        <v>1585812</v>
      </c>
      <c r="DP22" s="295">
        <v>1710722</v>
      </c>
      <c r="DQ22" s="295">
        <v>1038353</v>
      </c>
      <c r="DR22" s="298">
        <v>4611481</v>
      </c>
      <c r="DS22" s="301">
        <v>4611481</v>
      </c>
      <c r="DT22" s="294">
        <v>0</v>
      </c>
      <c r="DU22" s="295">
        <v>0</v>
      </c>
      <c r="DV22" s="296">
        <v>0</v>
      </c>
      <c r="DW22" s="300"/>
      <c r="DX22" s="295">
        <v>0</v>
      </c>
      <c r="DY22" s="295">
        <v>120838</v>
      </c>
      <c r="DZ22" s="295">
        <v>1459050</v>
      </c>
      <c r="EA22" s="295">
        <v>1583418</v>
      </c>
      <c r="EB22" s="295">
        <v>951739</v>
      </c>
      <c r="EC22" s="298">
        <v>4115045</v>
      </c>
      <c r="ED22" s="299">
        <v>4115045</v>
      </c>
      <c r="EE22" s="294">
        <v>0</v>
      </c>
      <c r="EF22" s="295">
        <v>0</v>
      </c>
      <c r="EG22" s="296">
        <v>0</v>
      </c>
      <c r="EH22" s="300"/>
      <c r="EI22" s="295">
        <v>12772</v>
      </c>
      <c r="EJ22" s="295">
        <v>31616</v>
      </c>
      <c r="EK22" s="295">
        <v>49177</v>
      </c>
      <c r="EL22" s="295">
        <v>26515</v>
      </c>
      <c r="EM22" s="295">
        <v>23436</v>
      </c>
      <c r="EN22" s="298">
        <v>143516</v>
      </c>
      <c r="EO22" s="299">
        <v>143516</v>
      </c>
      <c r="EP22" s="294">
        <v>0</v>
      </c>
      <c r="EQ22" s="295">
        <v>0</v>
      </c>
      <c r="ER22" s="296">
        <v>0</v>
      </c>
      <c r="ES22" s="300"/>
      <c r="ET22" s="295">
        <v>0</v>
      </c>
      <c r="EU22" s="295">
        <v>0</v>
      </c>
      <c r="EV22" s="295">
        <v>0</v>
      </c>
      <c r="EW22" s="295">
        <v>0</v>
      </c>
      <c r="EX22" s="295">
        <v>0</v>
      </c>
      <c r="EY22" s="298">
        <v>0</v>
      </c>
      <c r="EZ22" s="299">
        <v>0</v>
      </c>
      <c r="FA22" s="294">
        <v>0</v>
      </c>
      <c r="FB22" s="295">
        <v>0</v>
      </c>
      <c r="FC22" s="296">
        <v>0</v>
      </c>
      <c r="FD22" s="300"/>
      <c r="FE22" s="295">
        <v>0</v>
      </c>
      <c r="FF22" s="295">
        <v>0</v>
      </c>
      <c r="FG22" s="295">
        <v>0</v>
      </c>
      <c r="FH22" s="295">
        <v>0</v>
      </c>
      <c r="FI22" s="295">
        <v>0</v>
      </c>
      <c r="FJ22" s="298">
        <v>0</v>
      </c>
      <c r="FK22" s="299">
        <v>0</v>
      </c>
      <c r="FL22" s="294">
        <v>0</v>
      </c>
      <c r="FM22" s="295">
        <v>0</v>
      </c>
      <c r="FN22" s="296">
        <v>0</v>
      </c>
      <c r="FO22" s="300"/>
      <c r="FP22" s="295">
        <v>0</v>
      </c>
      <c r="FQ22" s="295">
        <v>0</v>
      </c>
      <c r="FR22" s="295">
        <v>0</v>
      </c>
      <c r="FS22" s="295">
        <v>0</v>
      </c>
      <c r="FT22" s="295">
        <v>0</v>
      </c>
      <c r="FU22" s="298">
        <v>0</v>
      </c>
      <c r="FV22" s="299">
        <v>0</v>
      </c>
      <c r="FW22" s="294">
        <v>0</v>
      </c>
      <c r="FX22" s="295">
        <v>0</v>
      </c>
      <c r="FY22" s="296">
        <v>0</v>
      </c>
      <c r="FZ22" s="297">
        <v>0</v>
      </c>
      <c r="GA22" s="295">
        <v>30598</v>
      </c>
      <c r="GB22" s="295">
        <v>63207</v>
      </c>
      <c r="GC22" s="295">
        <v>77585</v>
      </c>
      <c r="GD22" s="295">
        <v>86469</v>
      </c>
      <c r="GE22" s="295">
        <v>63059</v>
      </c>
      <c r="GF22" s="298">
        <v>320918</v>
      </c>
      <c r="GG22" s="299">
        <v>320918</v>
      </c>
      <c r="GH22" s="294">
        <v>0</v>
      </c>
      <c r="GI22" s="295">
        <v>0</v>
      </c>
      <c r="GJ22" s="296">
        <v>0</v>
      </c>
      <c r="GK22" s="297">
        <v>0</v>
      </c>
      <c r="GL22" s="295">
        <v>5749</v>
      </c>
      <c r="GM22" s="295">
        <v>11814</v>
      </c>
      <c r="GN22" s="295">
        <v>0</v>
      </c>
      <c r="GO22" s="295">
        <v>14320</v>
      </c>
      <c r="GP22" s="295">
        <v>119</v>
      </c>
      <c r="GQ22" s="298">
        <v>32002</v>
      </c>
      <c r="GR22" s="299">
        <v>32002</v>
      </c>
      <c r="GS22" s="294">
        <v>0</v>
      </c>
      <c r="GT22" s="295">
        <v>0</v>
      </c>
      <c r="GU22" s="296">
        <v>0</v>
      </c>
      <c r="GV22" s="297">
        <v>0</v>
      </c>
      <c r="GW22" s="295">
        <v>0</v>
      </c>
      <c r="GX22" s="295">
        <v>0</v>
      </c>
      <c r="GY22" s="295">
        <v>0</v>
      </c>
      <c r="GZ22" s="295">
        <v>0</v>
      </c>
      <c r="HA22" s="295">
        <v>0</v>
      </c>
      <c r="HB22" s="298">
        <v>0</v>
      </c>
      <c r="HC22" s="299">
        <v>0</v>
      </c>
      <c r="HD22" s="294">
        <v>0</v>
      </c>
      <c r="HE22" s="295">
        <v>0</v>
      </c>
      <c r="HF22" s="296">
        <v>0</v>
      </c>
      <c r="HG22" s="300"/>
      <c r="HH22" s="295">
        <v>0</v>
      </c>
      <c r="HI22" s="295">
        <v>0</v>
      </c>
      <c r="HJ22" s="295">
        <v>0</v>
      </c>
      <c r="HK22" s="295">
        <v>0</v>
      </c>
      <c r="HL22" s="295">
        <v>0</v>
      </c>
      <c r="HM22" s="298">
        <v>0</v>
      </c>
      <c r="HN22" s="299">
        <v>0</v>
      </c>
      <c r="HO22" s="294">
        <v>0</v>
      </c>
      <c r="HP22" s="295">
        <v>0</v>
      </c>
      <c r="HQ22" s="296">
        <v>0</v>
      </c>
      <c r="HR22" s="297">
        <v>0</v>
      </c>
      <c r="HS22" s="295">
        <v>167529</v>
      </c>
      <c r="HT22" s="295">
        <v>546328</v>
      </c>
      <c r="HU22" s="295">
        <v>3168757</v>
      </c>
      <c r="HV22" s="295">
        <v>3191622</v>
      </c>
      <c r="HW22" s="295">
        <v>2017053</v>
      </c>
      <c r="HX22" s="298">
        <v>9091289</v>
      </c>
      <c r="HY22" s="299">
        <v>9091289</v>
      </c>
    </row>
    <row r="23" spans="2:233" ht="21" customHeight="1" x14ac:dyDescent="0.2">
      <c r="B23" s="292" t="s">
        <v>20</v>
      </c>
      <c r="C23" s="294">
        <v>0</v>
      </c>
      <c r="D23" s="295">
        <v>14080</v>
      </c>
      <c r="E23" s="296">
        <v>14080</v>
      </c>
      <c r="F23" s="297">
        <v>0</v>
      </c>
      <c r="G23" s="295">
        <v>143130</v>
      </c>
      <c r="H23" s="295">
        <v>532340</v>
      </c>
      <c r="I23" s="295">
        <v>919510</v>
      </c>
      <c r="J23" s="295">
        <v>1764297</v>
      </c>
      <c r="K23" s="295">
        <v>604780</v>
      </c>
      <c r="L23" s="298">
        <v>3964057</v>
      </c>
      <c r="M23" s="299">
        <v>3978137</v>
      </c>
      <c r="N23" s="294">
        <v>0</v>
      </c>
      <c r="O23" s="295">
        <v>0</v>
      </c>
      <c r="P23" s="296">
        <v>0</v>
      </c>
      <c r="Q23" s="300"/>
      <c r="R23" s="295">
        <v>7820</v>
      </c>
      <c r="S23" s="295">
        <v>170440</v>
      </c>
      <c r="T23" s="295">
        <v>618125</v>
      </c>
      <c r="U23" s="295">
        <v>1442465</v>
      </c>
      <c r="V23" s="295">
        <v>484580</v>
      </c>
      <c r="W23" s="298">
        <v>2723430</v>
      </c>
      <c r="X23" s="299">
        <v>2723430</v>
      </c>
      <c r="Y23" s="294">
        <v>0</v>
      </c>
      <c r="Z23" s="295">
        <v>0</v>
      </c>
      <c r="AA23" s="296">
        <v>0</v>
      </c>
      <c r="AB23" s="300"/>
      <c r="AC23" s="295">
        <v>70380</v>
      </c>
      <c r="AD23" s="295">
        <v>302830</v>
      </c>
      <c r="AE23" s="295">
        <v>192790</v>
      </c>
      <c r="AF23" s="295">
        <v>243670</v>
      </c>
      <c r="AG23" s="295">
        <v>92535</v>
      </c>
      <c r="AH23" s="298">
        <v>902205</v>
      </c>
      <c r="AI23" s="299">
        <v>902205</v>
      </c>
      <c r="AJ23" s="294">
        <v>0</v>
      </c>
      <c r="AK23" s="295">
        <v>0</v>
      </c>
      <c r="AL23" s="296">
        <v>0</v>
      </c>
      <c r="AM23" s="300"/>
      <c r="AN23" s="295">
        <v>0</v>
      </c>
      <c r="AO23" s="295">
        <v>0</v>
      </c>
      <c r="AP23" s="295">
        <v>0</v>
      </c>
      <c r="AQ23" s="295">
        <v>0</v>
      </c>
      <c r="AR23" s="295">
        <v>0</v>
      </c>
      <c r="AS23" s="298">
        <v>0</v>
      </c>
      <c r="AT23" s="299">
        <v>0</v>
      </c>
      <c r="AU23" s="294">
        <v>0</v>
      </c>
      <c r="AV23" s="295">
        <v>0</v>
      </c>
      <c r="AW23" s="296">
        <v>0</v>
      </c>
      <c r="AX23" s="300"/>
      <c r="AY23" s="295">
        <v>0</v>
      </c>
      <c r="AZ23" s="295">
        <v>0</v>
      </c>
      <c r="BA23" s="295">
        <v>0</v>
      </c>
      <c r="BB23" s="295">
        <v>0</v>
      </c>
      <c r="BC23" s="295">
        <v>0</v>
      </c>
      <c r="BD23" s="298">
        <v>0</v>
      </c>
      <c r="BE23" s="299">
        <v>0</v>
      </c>
      <c r="BF23" s="294">
        <v>0</v>
      </c>
      <c r="BG23" s="295">
        <v>0</v>
      </c>
      <c r="BH23" s="296">
        <v>0</v>
      </c>
      <c r="BI23" s="300"/>
      <c r="BJ23" s="295">
        <v>0</v>
      </c>
      <c r="BK23" s="295">
        <v>0</v>
      </c>
      <c r="BL23" s="295">
        <v>0</v>
      </c>
      <c r="BM23" s="295">
        <v>0</v>
      </c>
      <c r="BN23" s="295">
        <v>0</v>
      </c>
      <c r="BO23" s="298">
        <v>0</v>
      </c>
      <c r="BP23" s="299">
        <v>0</v>
      </c>
      <c r="BQ23" s="294">
        <v>0</v>
      </c>
      <c r="BR23" s="295">
        <v>14080</v>
      </c>
      <c r="BS23" s="296">
        <v>14080</v>
      </c>
      <c r="BT23" s="297">
        <v>0</v>
      </c>
      <c r="BU23" s="295">
        <v>64930</v>
      </c>
      <c r="BV23" s="295">
        <v>57495</v>
      </c>
      <c r="BW23" s="295">
        <v>108595</v>
      </c>
      <c r="BX23" s="295">
        <v>78162</v>
      </c>
      <c r="BY23" s="295">
        <v>27665</v>
      </c>
      <c r="BZ23" s="298">
        <v>336847</v>
      </c>
      <c r="CA23" s="299">
        <v>350927</v>
      </c>
      <c r="CB23" s="294">
        <v>0</v>
      </c>
      <c r="CC23" s="295">
        <v>0</v>
      </c>
      <c r="CD23" s="296">
        <v>0</v>
      </c>
      <c r="CE23" s="297">
        <v>0</v>
      </c>
      <c r="CF23" s="295">
        <v>0</v>
      </c>
      <c r="CG23" s="295">
        <v>1575</v>
      </c>
      <c r="CH23" s="295">
        <v>0</v>
      </c>
      <c r="CI23" s="295">
        <v>0</v>
      </c>
      <c r="CJ23" s="295">
        <v>0</v>
      </c>
      <c r="CK23" s="298">
        <v>1575</v>
      </c>
      <c r="CL23" s="299">
        <v>1575</v>
      </c>
      <c r="CM23" s="294">
        <v>0</v>
      </c>
      <c r="CN23" s="295">
        <v>0</v>
      </c>
      <c r="CO23" s="296">
        <v>0</v>
      </c>
      <c r="CP23" s="297">
        <v>0</v>
      </c>
      <c r="CQ23" s="295">
        <v>0</v>
      </c>
      <c r="CR23" s="295">
        <v>0</v>
      </c>
      <c r="CS23" s="295">
        <v>0</v>
      </c>
      <c r="CT23" s="295">
        <v>0</v>
      </c>
      <c r="CU23" s="295">
        <v>0</v>
      </c>
      <c r="CV23" s="298">
        <v>0</v>
      </c>
      <c r="CW23" s="299">
        <v>0</v>
      </c>
      <c r="CX23" s="294">
        <v>0</v>
      </c>
      <c r="CY23" s="295">
        <v>0</v>
      </c>
      <c r="CZ23" s="296">
        <v>0</v>
      </c>
      <c r="DA23" s="300"/>
      <c r="DB23" s="295">
        <v>0</v>
      </c>
      <c r="DC23" s="295">
        <v>0</v>
      </c>
      <c r="DD23" s="295">
        <v>0</v>
      </c>
      <c r="DE23" s="295">
        <v>0</v>
      </c>
      <c r="DF23" s="295">
        <v>0</v>
      </c>
      <c r="DG23" s="298">
        <v>0</v>
      </c>
      <c r="DH23" s="299">
        <v>0</v>
      </c>
      <c r="DI23" s="294">
        <v>0</v>
      </c>
      <c r="DJ23" s="295">
        <v>23720</v>
      </c>
      <c r="DK23" s="296">
        <v>23720</v>
      </c>
      <c r="DL23" s="297">
        <v>0</v>
      </c>
      <c r="DM23" s="295">
        <v>175054</v>
      </c>
      <c r="DN23" s="295">
        <v>533992</v>
      </c>
      <c r="DO23" s="295">
        <v>1923693</v>
      </c>
      <c r="DP23" s="295">
        <v>2372873</v>
      </c>
      <c r="DQ23" s="295">
        <v>1030396</v>
      </c>
      <c r="DR23" s="298">
        <v>6036008</v>
      </c>
      <c r="DS23" s="301">
        <v>6059728</v>
      </c>
      <c r="DT23" s="294">
        <v>0</v>
      </c>
      <c r="DU23" s="295">
        <v>0</v>
      </c>
      <c r="DV23" s="296">
        <v>0</v>
      </c>
      <c r="DW23" s="300"/>
      <c r="DX23" s="295">
        <v>40951</v>
      </c>
      <c r="DY23" s="295">
        <v>363487</v>
      </c>
      <c r="DZ23" s="295">
        <v>1599850</v>
      </c>
      <c r="EA23" s="295">
        <v>2208674</v>
      </c>
      <c r="EB23" s="295">
        <v>950507</v>
      </c>
      <c r="EC23" s="298">
        <v>5163469</v>
      </c>
      <c r="ED23" s="299">
        <v>5163469</v>
      </c>
      <c r="EE23" s="294">
        <v>0</v>
      </c>
      <c r="EF23" s="295">
        <v>0</v>
      </c>
      <c r="EG23" s="296">
        <v>0</v>
      </c>
      <c r="EH23" s="300"/>
      <c r="EI23" s="295">
        <v>21551</v>
      </c>
      <c r="EJ23" s="295">
        <v>26068</v>
      </c>
      <c r="EK23" s="295">
        <v>13891</v>
      </c>
      <c r="EL23" s="295">
        <v>4074</v>
      </c>
      <c r="EM23" s="295">
        <v>1519</v>
      </c>
      <c r="EN23" s="298">
        <v>67103</v>
      </c>
      <c r="EO23" s="299">
        <v>67103</v>
      </c>
      <c r="EP23" s="294">
        <v>0</v>
      </c>
      <c r="EQ23" s="295">
        <v>0</v>
      </c>
      <c r="ER23" s="296">
        <v>0</v>
      </c>
      <c r="ES23" s="300"/>
      <c r="ET23" s="295">
        <v>0</v>
      </c>
      <c r="EU23" s="295">
        <v>0</v>
      </c>
      <c r="EV23" s="295">
        <v>0</v>
      </c>
      <c r="EW23" s="295">
        <v>0</v>
      </c>
      <c r="EX23" s="295">
        <v>0</v>
      </c>
      <c r="EY23" s="298">
        <v>0</v>
      </c>
      <c r="EZ23" s="299">
        <v>0</v>
      </c>
      <c r="FA23" s="294">
        <v>0</v>
      </c>
      <c r="FB23" s="295">
        <v>0</v>
      </c>
      <c r="FC23" s="296">
        <v>0</v>
      </c>
      <c r="FD23" s="300"/>
      <c r="FE23" s="295">
        <v>0</v>
      </c>
      <c r="FF23" s="295">
        <v>0</v>
      </c>
      <c r="FG23" s="295">
        <v>0</v>
      </c>
      <c r="FH23" s="295">
        <v>0</v>
      </c>
      <c r="FI23" s="295">
        <v>0</v>
      </c>
      <c r="FJ23" s="298">
        <v>0</v>
      </c>
      <c r="FK23" s="299">
        <v>0</v>
      </c>
      <c r="FL23" s="294">
        <v>0</v>
      </c>
      <c r="FM23" s="295">
        <v>0</v>
      </c>
      <c r="FN23" s="296">
        <v>0</v>
      </c>
      <c r="FO23" s="300"/>
      <c r="FP23" s="295">
        <v>0</v>
      </c>
      <c r="FQ23" s="295">
        <v>0</v>
      </c>
      <c r="FR23" s="295">
        <v>0</v>
      </c>
      <c r="FS23" s="295">
        <v>0</v>
      </c>
      <c r="FT23" s="295">
        <v>0</v>
      </c>
      <c r="FU23" s="298">
        <v>0</v>
      </c>
      <c r="FV23" s="299">
        <v>0</v>
      </c>
      <c r="FW23" s="294">
        <v>0</v>
      </c>
      <c r="FX23" s="295">
        <v>23720</v>
      </c>
      <c r="FY23" s="296">
        <v>23720</v>
      </c>
      <c r="FZ23" s="297">
        <v>0</v>
      </c>
      <c r="GA23" s="295">
        <v>112552</v>
      </c>
      <c r="GB23" s="295">
        <v>142984</v>
      </c>
      <c r="GC23" s="295">
        <v>309952</v>
      </c>
      <c r="GD23" s="295">
        <v>160125</v>
      </c>
      <c r="GE23" s="295">
        <v>78370</v>
      </c>
      <c r="GF23" s="298">
        <v>803983</v>
      </c>
      <c r="GG23" s="299">
        <v>827703</v>
      </c>
      <c r="GH23" s="294">
        <v>0</v>
      </c>
      <c r="GI23" s="295">
        <v>0</v>
      </c>
      <c r="GJ23" s="296">
        <v>0</v>
      </c>
      <c r="GK23" s="297">
        <v>0</v>
      </c>
      <c r="GL23" s="295">
        <v>0</v>
      </c>
      <c r="GM23" s="295">
        <v>1453</v>
      </c>
      <c r="GN23" s="295">
        <v>0</v>
      </c>
      <c r="GO23" s="295">
        <v>0</v>
      </c>
      <c r="GP23" s="295">
        <v>0</v>
      </c>
      <c r="GQ23" s="298">
        <v>1453</v>
      </c>
      <c r="GR23" s="299">
        <v>1453</v>
      </c>
      <c r="GS23" s="294">
        <v>0</v>
      </c>
      <c r="GT23" s="295">
        <v>0</v>
      </c>
      <c r="GU23" s="296">
        <v>0</v>
      </c>
      <c r="GV23" s="297">
        <v>0</v>
      </c>
      <c r="GW23" s="295">
        <v>0</v>
      </c>
      <c r="GX23" s="295">
        <v>0</v>
      </c>
      <c r="GY23" s="295">
        <v>0</v>
      </c>
      <c r="GZ23" s="295">
        <v>0</v>
      </c>
      <c r="HA23" s="295">
        <v>0</v>
      </c>
      <c r="HB23" s="298">
        <v>0</v>
      </c>
      <c r="HC23" s="299">
        <v>0</v>
      </c>
      <c r="HD23" s="294">
        <v>0</v>
      </c>
      <c r="HE23" s="295">
        <v>0</v>
      </c>
      <c r="HF23" s="296">
        <v>0</v>
      </c>
      <c r="HG23" s="300"/>
      <c r="HH23" s="295">
        <v>0</v>
      </c>
      <c r="HI23" s="295">
        <v>0</v>
      </c>
      <c r="HJ23" s="295">
        <v>0</v>
      </c>
      <c r="HK23" s="295">
        <v>0</v>
      </c>
      <c r="HL23" s="295">
        <v>0</v>
      </c>
      <c r="HM23" s="298">
        <v>0</v>
      </c>
      <c r="HN23" s="299">
        <v>0</v>
      </c>
      <c r="HO23" s="294">
        <v>0</v>
      </c>
      <c r="HP23" s="295">
        <v>37800</v>
      </c>
      <c r="HQ23" s="296">
        <v>37800</v>
      </c>
      <c r="HR23" s="297">
        <v>0</v>
      </c>
      <c r="HS23" s="295">
        <v>318184</v>
      </c>
      <c r="HT23" s="295">
        <v>1066332</v>
      </c>
      <c r="HU23" s="295">
        <v>2843203</v>
      </c>
      <c r="HV23" s="295">
        <v>4137170</v>
      </c>
      <c r="HW23" s="295">
        <v>1635176</v>
      </c>
      <c r="HX23" s="298">
        <v>10000065</v>
      </c>
      <c r="HY23" s="299">
        <v>10037865</v>
      </c>
    </row>
    <row r="24" spans="2:233" ht="21" customHeight="1" x14ac:dyDescent="0.2">
      <c r="B24" s="292" t="s">
        <v>21</v>
      </c>
      <c r="C24" s="294">
        <v>0</v>
      </c>
      <c r="D24" s="295">
        <v>0</v>
      </c>
      <c r="E24" s="296">
        <v>0</v>
      </c>
      <c r="F24" s="297">
        <v>0</v>
      </c>
      <c r="G24" s="295">
        <v>198021</v>
      </c>
      <c r="H24" s="295">
        <v>370650</v>
      </c>
      <c r="I24" s="295">
        <v>2170092</v>
      </c>
      <c r="J24" s="295">
        <v>1899396</v>
      </c>
      <c r="K24" s="295">
        <v>1347897</v>
      </c>
      <c r="L24" s="298">
        <v>5986056</v>
      </c>
      <c r="M24" s="299">
        <v>5986056</v>
      </c>
      <c r="N24" s="294">
        <v>0</v>
      </c>
      <c r="O24" s="295">
        <v>0</v>
      </c>
      <c r="P24" s="296">
        <v>0</v>
      </c>
      <c r="Q24" s="300"/>
      <c r="R24" s="295">
        <v>2635</v>
      </c>
      <c r="S24" s="295">
        <v>170580</v>
      </c>
      <c r="T24" s="295">
        <v>1828457</v>
      </c>
      <c r="U24" s="295">
        <v>1295086</v>
      </c>
      <c r="V24" s="295">
        <v>1081102</v>
      </c>
      <c r="W24" s="298">
        <v>4377860</v>
      </c>
      <c r="X24" s="299">
        <v>4377860</v>
      </c>
      <c r="Y24" s="294">
        <v>0</v>
      </c>
      <c r="Z24" s="295">
        <v>0</v>
      </c>
      <c r="AA24" s="296">
        <v>0</v>
      </c>
      <c r="AB24" s="300"/>
      <c r="AC24" s="295">
        <v>164730</v>
      </c>
      <c r="AD24" s="295">
        <v>168585</v>
      </c>
      <c r="AE24" s="295">
        <v>150600</v>
      </c>
      <c r="AF24" s="295">
        <v>502805</v>
      </c>
      <c r="AG24" s="295">
        <v>164515</v>
      </c>
      <c r="AH24" s="298">
        <v>1151235</v>
      </c>
      <c r="AI24" s="299">
        <v>1151235</v>
      </c>
      <c r="AJ24" s="294">
        <v>0</v>
      </c>
      <c r="AK24" s="295">
        <v>0</v>
      </c>
      <c r="AL24" s="296">
        <v>0</v>
      </c>
      <c r="AM24" s="300"/>
      <c r="AN24" s="295">
        <v>0</v>
      </c>
      <c r="AO24" s="295">
        <v>0</v>
      </c>
      <c r="AP24" s="295">
        <v>2635</v>
      </c>
      <c r="AQ24" s="295">
        <v>28485</v>
      </c>
      <c r="AR24" s="295">
        <v>2635</v>
      </c>
      <c r="AS24" s="298">
        <v>33755</v>
      </c>
      <c r="AT24" s="299">
        <v>33755</v>
      </c>
      <c r="AU24" s="294">
        <v>0</v>
      </c>
      <c r="AV24" s="295">
        <v>0</v>
      </c>
      <c r="AW24" s="296">
        <v>0</v>
      </c>
      <c r="AX24" s="300"/>
      <c r="AY24" s="295">
        <v>0</v>
      </c>
      <c r="AZ24" s="295">
        <v>0</v>
      </c>
      <c r="BA24" s="295">
        <v>35495</v>
      </c>
      <c r="BB24" s="295">
        <v>-6505</v>
      </c>
      <c r="BC24" s="295">
        <v>52085</v>
      </c>
      <c r="BD24" s="298">
        <v>81075</v>
      </c>
      <c r="BE24" s="299">
        <v>81075</v>
      </c>
      <c r="BF24" s="294">
        <v>0</v>
      </c>
      <c r="BG24" s="295">
        <v>0</v>
      </c>
      <c r="BH24" s="296">
        <v>0</v>
      </c>
      <c r="BI24" s="300"/>
      <c r="BJ24" s="295">
        <v>0</v>
      </c>
      <c r="BK24" s="295">
        <v>0</v>
      </c>
      <c r="BL24" s="295">
        <v>0</v>
      </c>
      <c r="BM24" s="295">
        <v>0</v>
      </c>
      <c r="BN24" s="295">
        <v>0</v>
      </c>
      <c r="BO24" s="298">
        <v>0</v>
      </c>
      <c r="BP24" s="299">
        <v>0</v>
      </c>
      <c r="BQ24" s="294">
        <v>0</v>
      </c>
      <c r="BR24" s="295">
        <v>0</v>
      </c>
      <c r="BS24" s="296">
        <v>0</v>
      </c>
      <c r="BT24" s="297">
        <v>0</v>
      </c>
      <c r="BU24" s="295">
        <v>30656</v>
      </c>
      <c r="BV24" s="295">
        <v>31485</v>
      </c>
      <c r="BW24" s="295">
        <v>152905</v>
      </c>
      <c r="BX24" s="295">
        <v>77223</v>
      </c>
      <c r="BY24" s="295">
        <v>47560</v>
      </c>
      <c r="BZ24" s="298">
        <v>339829</v>
      </c>
      <c r="CA24" s="299">
        <v>339829</v>
      </c>
      <c r="CB24" s="294">
        <v>0</v>
      </c>
      <c r="CC24" s="295">
        <v>0</v>
      </c>
      <c r="CD24" s="296">
        <v>0</v>
      </c>
      <c r="CE24" s="297">
        <v>0</v>
      </c>
      <c r="CF24" s="295">
        <v>0</v>
      </c>
      <c r="CG24" s="295">
        <v>0</v>
      </c>
      <c r="CH24" s="295">
        <v>0</v>
      </c>
      <c r="CI24" s="295">
        <v>2302</v>
      </c>
      <c r="CJ24" s="295">
        <v>0</v>
      </c>
      <c r="CK24" s="298">
        <v>2302</v>
      </c>
      <c r="CL24" s="299">
        <v>2302</v>
      </c>
      <c r="CM24" s="294">
        <v>0</v>
      </c>
      <c r="CN24" s="295">
        <v>0</v>
      </c>
      <c r="CO24" s="296">
        <v>0</v>
      </c>
      <c r="CP24" s="297">
        <v>0</v>
      </c>
      <c r="CQ24" s="295">
        <v>0</v>
      </c>
      <c r="CR24" s="295">
        <v>0</v>
      </c>
      <c r="CS24" s="295">
        <v>0</v>
      </c>
      <c r="CT24" s="295">
        <v>0</v>
      </c>
      <c r="CU24" s="295">
        <v>0</v>
      </c>
      <c r="CV24" s="298">
        <v>0</v>
      </c>
      <c r="CW24" s="299">
        <v>0</v>
      </c>
      <c r="CX24" s="294">
        <v>0</v>
      </c>
      <c r="CY24" s="295">
        <v>0</v>
      </c>
      <c r="CZ24" s="296">
        <v>0</v>
      </c>
      <c r="DA24" s="300"/>
      <c r="DB24" s="295">
        <v>0</v>
      </c>
      <c r="DC24" s="295">
        <v>0</v>
      </c>
      <c r="DD24" s="295">
        <v>0</v>
      </c>
      <c r="DE24" s="295">
        <v>0</v>
      </c>
      <c r="DF24" s="295">
        <v>0</v>
      </c>
      <c r="DG24" s="298">
        <v>0</v>
      </c>
      <c r="DH24" s="299">
        <v>0</v>
      </c>
      <c r="DI24" s="294">
        <v>0</v>
      </c>
      <c r="DJ24" s="295">
        <v>0</v>
      </c>
      <c r="DK24" s="296">
        <v>0</v>
      </c>
      <c r="DL24" s="297">
        <v>0</v>
      </c>
      <c r="DM24" s="295">
        <v>73474</v>
      </c>
      <c r="DN24" s="295">
        <v>358026</v>
      </c>
      <c r="DO24" s="295">
        <v>2446433</v>
      </c>
      <c r="DP24" s="295">
        <v>2013266</v>
      </c>
      <c r="DQ24" s="295">
        <v>1368761</v>
      </c>
      <c r="DR24" s="298">
        <v>6259960</v>
      </c>
      <c r="DS24" s="301">
        <v>6259960</v>
      </c>
      <c r="DT24" s="294">
        <v>0</v>
      </c>
      <c r="DU24" s="295">
        <v>0</v>
      </c>
      <c r="DV24" s="296">
        <v>0</v>
      </c>
      <c r="DW24" s="300"/>
      <c r="DX24" s="295">
        <v>15035</v>
      </c>
      <c r="DY24" s="295">
        <v>211454</v>
      </c>
      <c r="DZ24" s="295">
        <v>2131301</v>
      </c>
      <c r="EA24" s="295">
        <v>1804948</v>
      </c>
      <c r="EB24" s="295">
        <v>1250631</v>
      </c>
      <c r="EC24" s="298">
        <v>5413369</v>
      </c>
      <c r="ED24" s="299">
        <v>5413369</v>
      </c>
      <c r="EE24" s="294">
        <v>0</v>
      </c>
      <c r="EF24" s="295">
        <v>0</v>
      </c>
      <c r="EG24" s="296">
        <v>0</v>
      </c>
      <c r="EH24" s="300"/>
      <c r="EI24" s="295">
        <v>3234</v>
      </c>
      <c r="EJ24" s="295">
        <v>57134</v>
      </c>
      <c r="EK24" s="295">
        <v>36059</v>
      </c>
      <c r="EL24" s="295">
        <v>39360</v>
      </c>
      <c r="EM24" s="295">
        <v>21208</v>
      </c>
      <c r="EN24" s="298">
        <v>156995</v>
      </c>
      <c r="EO24" s="299">
        <v>156995</v>
      </c>
      <c r="EP24" s="294">
        <v>0</v>
      </c>
      <c r="EQ24" s="295">
        <v>0</v>
      </c>
      <c r="ER24" s="296">
        <v>0</v>
      </c>
      <c r="ES24" s="300"/>
      <c r="ET24" s="295">
        <v>0</v>
      </c>
      <c r="EU24" s="295">
        <v>0</v>
      </c>
      <c r="EV24" s="295">
        <v>217</v>
      </c>
      <c r="EW24" s="295">
        <v>0</v>
      </c>
      <c r="EX24" s="295">
        <v>0</v>
      </c>
      <c r="EY24" s="298">
        <v>217</v>
      </c>
      <c r="EZ24" s="299">
        <v>217</v>
      </c>
      <c r="FA24" s="294">
        <v>0</v>
      </c>
      <c r="FB24" s="295">
        <v>0</v>
      </c>
      <c r="FC24" s="296">
        <v>0</v>
      </c>
      <c r="FD24" s="300"/>
      <c r="FE24" s="295">
        <v>0</v>
      </c>
      <c r="FF24" s="295">
        <v>0</v>
      </c>
      <c r="FG24" s="295">
        <v>11687</v>
      </c>
      <c r="FH24" s="295">
        <v>217</v>
      </c>
      <c r="FI24" s="295">
        <v>651</v>
      </c>
      <c r="FJ24" s="298">
        <v>12555</v>
      </c>
      <c r="FK24" s="299">
        <v>12555</v>
      </c>
      <c r="FL24" s="294">
        <v>0</v>
      </c>
      <c r="FM24" s="295">
        <v>0</v>
      </c>
      <c r="FN24" s="296">
        <v>0</v>
      </c>
      <c r="FO24" s="300"/>
      <c r="FP24" s="295">
        <v>0</v>
      </c>
      <c r="FQ24" s="295">
        <v>0</v>
      </c>
      <c r="FR24" s="295">
        <v>0</v>
      </c>
      <c r="FS24" s="295">
        <v>0</v>
      </c>
      <c r="FT24" s="295">
        <v>0</v>
      </c>
      <c r="FU24" s="298">
        <v>0</v>
      </c>
      <c r="FV24" s="299">
        <v>0</v>
      </c>
      <c r="FW24" s="294">
        <v>0</v>
      </c>
      <c r="FX24" s="295">
        <v>0</v>
      </c>
      <c r="FY24" s="296">
        <v>0</v>
      </c>
      <c r="FZ24" s="297">
        <v>0</v>
      </c>
      <c r="GA24" s="295">
        <v>55205</v>
      </c>
      <c r="GB24" s="295">
        <v>89438</v>
      </c>
      <c r="GC24" s="295">
        <v>267169</v>
      </c>
      <c r="GD24" s="295">
        <v>165207</v>
      </c>
      <c r="GE24" s="295">
        <v>96271</v>
      </c>
      <c r="GF24" s="298">
        <v>673290</v>
      </c>
      <c r="GG24" s="299">
        <v>673290</v>
      </c>
      <c r="GH24" s="294">
        <v>0</v>
      </c>
      <c r="GI24" s="295">
        <v>0</v>
      </c>
      <c r="GJ24" s="296">
        <v>0</v>
      </c>
      <c r="GK24" s="297">
        <v>0</v>
      </c>
      <c r="GL24" s="295">
        <v>0</v>
      </c>
      <c r="GM24" s="295">
        <v>0</v>
      </c>
      <c r="GN24" s="295">
        <v>0</v>
      </c>
      <c r="GO24" s="295">
        <v>3534</v>
      </c>
      <c r="GP24" s="295">
        <v>0</v>
      </c>
      <c r="GQ24" s="298">
        <v>3534</v>
      </c>
      <c r="GR24" s="299">
        <v>3534</v>
      </c>
      <c r="GS24" s="294">
        <v>0</v>
      </c>
      <c r="GT24" s="295">
        <v>0</v>
      </c>
      <c r="GU24" s="296">
        <v>0</v>
      </c>
      <c r="GV24" s="297">
        <v>0</v>
      </c>
      <c r="GW24" s="295">
        <v>0</v>
      </c>
      <c r="GX24" s="295">
        <v>0</v>
      </c>
      <c r="GY24" s="295">
        <v>0</v>
      </c>
      <c r="GZ24" s="295">
        <v>0</v>
      </c>
      <c r="HA24" s="295">
        <v>0</v>
      </c>
      <c r="HB24" s="298">
        <v>0</v>
      </c>
      <c r="HC24" s="299">
        <v>0</v>
      </c>
      <c r="HD24" s="294">
        <v>0</v>
      </c>
      <c r="HE24" s="295">
        <v>0</v>
      </c>
      <c r="HF24" s="296">
        <v>0</v>
      </c>
      <c r="HG24" s="300"/>
      <c r="HH24" s="295">
        <v>0</v>
      </c>
      <c r="HI24" s="295">
        <v>0</v>
      </c>
      <c r="HJ24" s="295">
        <v>0</v>
      </c>
      <c r="HK24" s="295">
        <v>0</v>
      </c>
      <c r="HL24" s="295">
        <v>0</v>
      </c>
      <c r="HM24" s="298">
        <v>0</v>
      </c>
      <c r="HN24" s="299">
        <v>0</v>
      </c>
      <c r="HO24" s="294">
        <v>0</v>
      </c>
      <c r="HP24" s="295">
        <v>0</v>
      </c>
      <c r="HQ24" s="296">
        <v>0</v>
      </c>
      <c r="HR24" s="297">
        <v>0</v>
      </c>
      <c r="HS24" s="295">
        <v>271495</v>
      </c>
      <c r="HT24" s="295">
        <v>728676</v>
      </c>
      <c r="HU24" s="295">
        <v>4616525</v>
      </c>
      <c r="HV24" s="295">
        <v>3912662</v>
      </c>
      <c r="HW24" s="295">
        <v>2716658</v>
      </c>
      <c r="HX24" s="298">
        <v>12246016</v>
      </c>
      <c r="HY24" s="299">
        <v>12246016</v>
      </c>
    </row>
    <row r="25" spans="2:233" ht="21" customHeight="1" x14ac:dyDescent="0.2">
      <c r="B25" s="292" t="s">
        <v>22</v>
      </c>
      <c r="C25" s="294">
        <v>0</v>
      </c>
      <c r="D25" s="295">
        <v>0</v>
      </c>
      <c r="E25" s="296">
        <v>0</v>
      </c>
      <c r="F25" s="297">
        <v>0</v>
      </c>
      <c r="G25" s="295">
        <v>64120</v>
      </c>
      <c r="H25" s="295">
        <v>354820</v>
      </c>
      <c r="I25" s="295">
        <v>683885</v>
      </c>
      <c r="J25" s="295">
        <v>905050</v>
      </c>
      <c r="K25" s="295">
        <v>611305</v>
      </c>
      <c r="L25" s="298">
        <v>2619180</v>
      </c>
      <c r="M25" s="299">
        <v>2619180</v>
      </c>
      <c r="N25" s="294">
        <v>0</v>
      </c>
      <c r="O25" s="295">
        <v>0</v>
      </c>
      <c r="P25" s="296">
        <v>0</v>
      </c>
      <c r="Q25" s="300"/>
      <c r="R25" s="295">
        <v>0</v>
      </c>
      <c r="S25" s="295">
        <v>32705</v>
      </c>
      <c r="T25" s="295">
        <v>417220</v>
      </c>
      <c r="U25" s="295">
        <v>488750</v>
      </c>
      <c r="V25" s="295">
        <v>351910</v>
      </c>
      <c r="W25" s="298">
        <v>1290585</v>
      </c>
      <c r="X25" s="299">
        <v>1290585</v>
      </c>
      <c r="Y25" s="294">
        <v>0</v>
      </c>
      <c r="Z25" s="295">
        <v>0</v>
      </c>
      <c r="AA25" s="296">
        <v>0</v>
      </c>
      <c r="AB25" s="300"/>
      <c r="AC25" s="295">
        <v>53955</v>
      </c>
      <c r="AD25" s="295">
        <v>273210</v>
      </c>
      <c r="AE25" s="295">
        <v>131740</v>
      </c>
      <c r="AF25" s="295">
        <v>305560</v>
      </c>
      <c r="AG25" s="295">
        <v>174605</v>
      </c>
      <c r="AH25" s="298">
        <v>939070</v>
      </c>
      <c r="AI25" s="299">
        <v>939070</v>
      </c>
      <c r="AJ25" s="294">
        <v>0</v>
      </c>
      <c r="AK25" s="295">
        <v>0</v>
      </c>
      <c r="AL25" s="296">
        <v>0</v>
      </c>
      <c r="AM25" s="300"/>
      <c r="AN25" s="295">
        <v>0</v>
      </c>
      <c r="AO25" s="295">
        <v>0</v>
      </c>
      <c r="AP25" s="295">
        <v>0</v>
      </c>
      <c r="AQ25" s="295">
        <v>0</v>
      </c>
      <c r="AR25" s="295">
        <v>0</v>
      </c>
      <c r="AS25" s="298">
        <v>0</v>
      </c>
      <c r="AT25" s="299">
        <v>0</v>
      </c>
      <c r="AU25" s="294">
        <v>0</v>
      </c>
      <c r="AV25" s="295">
        <v>0</v>
      </c>
      <c r="AW25" s="296">
        <v>0</v>
      </c>
      <c r="AX25" s="300"/>
      <c r="AY25" s="295">
        <v>0</v>
      </c>
      <c r="AZ25" s="295">
        <v>0</v>
      </c>
      <c r="BA25" s="295">
        <v>0</v>
      </c>
      <c r="BB25" s="295">
        <v>2635</v>
      </c>
      <c r="BC25" s="295">
        <v>73935</v>
      </c>
      <c r="BD25" s="298">
        <v>76570</v>
      </c>
      <c r="BE25" s="299">
        <v>76570</v>
      </c>
      <c r="BF25" s="294">
        <v>0</v>
      </c>
      <c r="BG25" s="295">
        <v>0</v>
      </c>
      <c r="BH25" s="296">
        <v>0</v>
      </c>
      <c r="BI25" s="300"/>
      <c r="BJ25" s="295">
        <v>0</v>
      </c>
      <c r="BK25" s="295">
        <v>0</v>
      </c>
      <c r="BL25" s="295">
        <v>24645</v>
      </c>
      <c r="BM25" s="295">
        <v>97960</v>
      </c>
      <c r="BN25" s="295">
        <v>3570</v>
      </c>
      <c r="BO25" s="298">
        <v>126175</v>
      </c>
      <c r="BP25" s="299">
        <v>126175</v>
      </c>
      <c r="BQ25" s="294">
        <v>0</v>
      </c>
      <c r="BR25" s="295">
        <v>0</v>
      </c>
      <c r="BS25" s="296">
        <v>0</v>
      </c>
      <c r="BT25" s="297">
        <v>0</v>
      </c>
      <c r="BU25" s="295">
        <v>4425</v>
      </c>
      <c r="BV25" s="295">
        <v>48180</v>
      </c>
      <c r="BW25" s="295">
        <v>108420</v>
      </c>
      <c r="BX25" s="295">
        <v>10145</v>
      </c>
      <c r="BY25" s="295">
        <v>4965</v>
      </c>
      <c r="BZ25" s="298">
        <v>176135</v>
      </c>
      <c r="CA25" s="299">
        <v>176135</v>
      </c>
      <c r="CB25" s="294">
        <v>0</v>
      </c>
      <c r="CC25" s="295">
        <v>0</v>
      </c>
      <c r="CD25" s="296">
        <v>0</v>
      </c>
      <c r="CE25" s="297">
        <v>0</v>
      </c>
      <c r="CF25" s="295">
        <v>5740</v>
      </c>
      <c r="CG25" s="295">
        <v>725</v>
      </c>
      <c r="CH25" s="295">
        <v>1860</v>
      </c>
      <c r="CI25" s="295">
        <v>0</v>
      </c>
      <c r="CJ25" s="295">
        <v>2320</v>
      </c>
      <c r="CK25" s="298">
        <v>10645</v>
      </c>
      <c r="CL25" s="299">
        <v>10645</v>
      </c>
      <c r="CM25" s="294">
        <v>0</v>
      </c>
      <c r="CN25" s="295">
        <v>0</v>
      </c>
      <c r="CO25" s="296">
        <v>0</v>
      </c>
      <c r="CP25" s="297">
        <v>0</v>
      </c>
      <c r="CQ25" s="295">
        <v>0</v>
      </c>
      <c r="CR25" s="295">
        <v>0</v>
      </c>
      <c r="CS25" s="295">
        <v>0</v>
      </c>
      <c r="CT25" s="295">
        <v>0</v>
      </c>
      <c r="CU25" s="295">
        <v>0</v>
      </c>
      <c r="CV25" s="298">
        <v>0</v>
      </c>
      <c r="CW25" s="299">
        <v>0</v>
      </c>
      <c r="CX25" s="294">
        <v>0</v>
      </c>
      <c r="CY25" s="295">
        <v>0</v>
      </c>
      <c r="CZ25" s="296">
        <v>0</v>
      </c>
      <c r="DA25" s="300"/>
      <c r="DB25" s="295">
        <v>0</v>
      </c>
      <c r="DC25" s="295">
        <v>0</v>
      </c>
      <c r="DD25" s="295">
        <v>0</v>
      </c>
      <c r="DE25" s="295">
        <v>0</v>
      </c>
      <c r="DF25" s="295">
        <v>0</v>
      </c>
      <c r="DG25" s="298">
        <v>0</v>
      </c>
      <c r="DH25" s="299">
        <v>0</v>
      </c>
      <c r="DI25" s="294">
        <v>0</v>
      </c>
      <c r="DJ25" s="295">
        <v>0</v>
      </c>
      <c r="DK25" s="296">
        <v>0</v>
      </c>
      <c r="DL25" s="297">
        <v>0</v>
      </c>
      <c r="DM25" s="295">
        <v>15897</v>
      </c>
      <c r="DN25" s="295">
        <v>115924</v>
      </c>
      <c r="DO25" s="295">
        <v>636863</v>
      </c>
      <c r="DP25" s="295">
        <v>898216</v>
      </c>
      <c r="DQ25" s="295">
        <v>404996</v>
      </c>
      <c r="DR25" s="298">
        <v>2071896</v>
      </c>
      <c r="DS25" s="301">
        <v>2071896</v>
      </c>
      <c r="DT25" s="294">
        <v>0</v>
      </c>
      <c r="DU25" s="295">
        <v>0</v>
      </c>
      <c r="DV25" s="296">
        <v>0</v>
      </c>
      <c r="DW25" s="300"/>
      <c r="DX25" s="295">
        <v>0</v>
      </c>
      <c r="DY25" s="295">
        <v>15035</v>
      </c>
      <c r="DZ25" s="295">
        <v>455562</v>
      </c>
      <c r="EA25" s="295">
        <v>693404</v>
      </c>
      <c r="EB25" s="295">
        <v>330176</v>
      </c>
      <c r="EC25" s="298">
        <v>1494177</v>
      </c>
      <c r="ED25" s="299">
        <v>1494177</v>
      </c>
      <c r="EE25" s="294">
        <v>0</v>
      </c>
      <c r="EF25" s="295">
        <v>0</v>
      </c>
      <c r="EG25" s="296">
        <v>0</v>
      </c>
      <c r="EH25" s="300"/>
      <c r="EI25" s="295">
        <v>11837</v>
      </c>
      <c r="EJ25" s="295">
        <v>57519</v>
      </c>
      <c r="EK25" s="295">
        <v>2275</v>
      </c>
      <c r="EL25" s="295">
        <v>25858</v>
      </c>
      <c r="EM25" s="295">
        <v>12870</v>
      </c>
      <c r="EN25" s="298">
        <v>110359</v>
      </c>
      <c r="EO25" s="299">
        <v>110359</v>
      </c>
      <c r="EP25" s="294">
        <v>0</v>
      </c>
      <c r="EQ25" s="295">
        <v>0</v>
      </c>
      <c r="ER25" s="296">
        <v>0</v>
      </c>
      <c r="ES25" s="300"/>
      <c r="ET25" s="295">
        <v>0</v>
      </c>
      <c r="EU25" s="295">
        <v>0</v>
      </c>
      <c r="EV25" s="295">
        <v>0</v>
      </c>
      <c r="EW25" s="295">
        <v>0</v>
      </c>
      <c r="EX25" s="295">
        <v>0</v>
      </c>
      <c r="EY25" s="298">
        <v>0</v>
      </c>
      <c r="EZ25" s="299">
        <v>0</v>
      </c>
      <c r="FA25" s="294">
        <v>0</v>
      </c>
      <c r="FB25" s="295">
        <v>0</v>
      </c>
      <c r="FC25" s="296">
        <v>0</v>
      </c>
      <c r="FD25" s="300"/>
      <c r="FE25" s="295">
        <v>0</v>
      </c>
      <c r="FF25" s="295">
        <v>0</v>
      </c>
      <c r="FG25" s="295">
        <v>0</v>
      </c>
      <c r="FH25" s="295">
        <v>217</v>
      </c>
      <c r="FI25" s="295">
        <v>11532</v>
      </c>
      <c r="FJ25" s="298">
        <v>11749</v>
      </c>
      <c r="FK25" s="299">
        <v>11749</v>
      </c>
      <c r="FL25" s="294">
        <v>0</v>
      </c>
      <c r="FM25" s="295">
        <v>0</v>
      </c>
      <c r="FN25" s="296">
        <v>0</v>
      </c>
      <c r="FO25" s="300"/>
      <c r="FP25" s="295">
        <v>0</v>
      </c>
      <c r="FQ25" s="295">
        <v>0</v>
      </c>
      <c r="FR25" s="295">
        <v>21390</v>
      </c>
      <c r="FS25" s="295">
        <v>158720</v>
      </c>
      <c r="FT25" s="295">
        <v>33120</v>
      </c>
      <c r="FU25" s="298">
        <v>213230</v>
      </c>
      <c r="FV25" s="299">
        <v>213230</v>
      </c>
      <c r="FW25" s="294">
        <v>0</v>
      </c>
      <c r="FX25" s="295">
        <v>0</v>
      </c>
      <c r="FY25" s="296">
        <v>0</v>
      </c>
      <c r="FZ25" s="297">
        <v>0</v>
      </c>
      <c r="GA25" s="295">
        <v>3969</v>
      </c>
      <c r="GB25" s="295">
        <v>43335</v>
      </c>
      <c r="GC25" s="295">
        <v>157538</v>
      </c>
      <c r="GD25" s="295">
        <v>20017</v>
      </c>
      <c r="GE25" s="295">
        <v>11570</v>
      </c>
      <c r="GF25" s="298">
        <v>236429</v>
      </c>
      <c r="GG25" s="299">
        <v>236429</v>
      </c>
      <c r="GH25" s="294">
        <v>0</v>
      </c>
      <c r="GI25" s="295">
        <v>0</v>
      </c>
      <c r="GJ25" s="296">
        <v>0</v>
      </c>
      <c r="GK25" s="297">
        <v>0</v>
      </c>
      <c r="GL25" s="295">
        <v>91</v>
      </c>
      <c r="GM25" s="295">
        <v>35</v>
      </c>
      <c r="GN25" s="295">
        <v>98</v>
      </c>
      <c r="GO25" s="295">
        <v>0</v>
      </c>
      <c r="GP25" s="295">
        <v>5728</v>
      </c>
      <c r="GQ25" s="298">
        <v>5952</v>
      </c>
      <c r="GR25" s="299">
        <v>5952</v>
      </c>
      <c r="GS25" s="294">
        <v>0</v>
      </c>
      <c r="GT25" s="295">
        <v>0</v>
      </c>
      <c r="GU25" s="296">
        <v>0</v>
      </c>
      <c r="GV25" s="297">
        <v>0</v>
      </c>
      <c r="GW25" s="295">
        <v>0</v>
      </c>
      <c r="GX25" s="295">
        <v>0</v>
      </c>
      <c r="GY25" s="295">
        <v>0</v>
      </c>
      <c r="GZ25" s="295">
        <v>0</v>
      </c>
      <c r="HA25" s="295">
        <v>0</v>
      </c>
      <c r="HB25" s="298">
        <v>0</v>
      </c>
      <c r="HC25" s="299">
        <v>0</v>
      </c>
      <c r="HD25" s="294">
        <v>0</v>
      </c>
      <c r="HE25" s="295">
        <v>0</v>
      </c>
      <c r="HF25" s="296">
        <v>0</v>
      </c>
      <c r="HG25" s="300"/>
      <c r="HH25" s="295">
        <v>0</v>
      </c>
      <c r="HI25" s="295">
        <v>0</v>
      </c>
      <c r="HJ25" s="295">
        <v>0</v>
      </c>
      <c r="HK25" s="295">
        <v>0</v>
      </c>
      <c r="HL25" s="295">
        <v>0</v>
      </c>
      <c r="HM25" s="298">
        <v>0</v>
      </c>
      <c r="HN25" s="299">
        <v>0</v>
      </c>
      <c r="HO25" s="294">
        <v>0</v>
      </c>
      <c r="HP25" s="295">
        <v>0</v>
      </c>
      <c r="HQ25" s="296">
        <v>0</v>
      </c>
      <c r="HR25" s="297">
        <v>0</v>
      </c>
      <c r="HS25" s="295">
        <v>80017</v>
      </c>
      <c r="HT25" s="295">
        <v>470744</v>
      </c>
      <c r="HU25" s="295">
        <v>1320748</v>
      </c>
      <c r="HV25" s="295">
        <v>1803266</v>
      </c>
      <c r="HW25" s="295">
        <v>1016301</v>
      </c>
      <c r="HX25" s="298">
        <v>4691076</v>
      </c>
      <c r="HY25" s="299">
        <v>4691076</v>
      </c>
    </row>
    <row r="26" spans="2:233" ht="21" customHeight="1" x14ac:dyDescent="0.2">
      <c r="B26" s="292" t="s">
        <v>23</v>
      </c>
      <c r="C26" s="294">
        <v>0</v>
      </c>
      <c r="D26" s="295">
        <v>580</v>
      </c>
      <c r="E26" s="296">
        <v>580</v>
      </c>
      <c r="F26" s="297">
        <v>0</v>
      </c>
      <c r="G26" s="295">
        <v>132245</v>
      </c>
      <c r="H26" s="295">
        <v>351670</v>
      </c>
      <c r="I26" s="295">
        <v>1129215</v>
      </c>
      <c r="J26" s="295">
        <v>1327836</v>
      </c>
      <c r="K26" s="295">
        <v>1123940</v>
      </c>
      <c r="L26" s="298">
        <v>4064906</v>
      </c>
      <c r="M26" s="299">
        <v>4065486</v>
      </c>
      <c r="N26" s="294">
        <v>0</v>
      </c>
      <c r="O26" s="295">
        <v>0</v>
      </c>
      <c r="P26" s="296">
        <v>0</v>
      </c>
      <c r="Q26" s="300"/>
      <c r="R26" s="295">
        <v>57350</v>
      </c>
      <c r="S26" s="295">
        <v>163470</v>
      </c>
      <c r="T26" s="295">
        <v>768365</v>
      </c>
      <c r="U26" s="295">
        <v>999090</v>
      </c>
      <c r="V26" s="295">
        <v>778370</v>
      </c>
      <c r="W26" s="298">
        <v>2766645</v>
      </c>
      <c r="X26" s="299">
        <v>2766645</v>
      </c>
      <c r="Y26" s="294">
        <v>0</v>
      </c>
      <c r="Z26" s="295">
        <v>0</v>
      </c>
      <c r="AA26" s="296">
        <v>0</v>
      </c>
      <c r="AB26" s="300"/>
      <c r="AC26" s="295">
        <v>40425</v>
      </c>
      <c r="AD26" s="295">
        <v>139010</v>
      </c>
      <c r="AE26" s="295">
        <v>222920</v>
      </c>
      <c r="AF26" s="295">
        <v>254583</v>
      </c>
      <c r="AG26" s="295">
        <v>264830</v>
      </c>
      <c r="AH26" s="298">
        <v>921768</v>
      </c>
      <c r="AI26" s="299">
        <v>921768</v>
      </c>
      <c r="AJ26" s="294">
        <v>0</v>
      </c>
      <c r="AK26" s="295">
        <v>0</v>
      </c>
      <c r="AL26" s="296">
        <v>0</v>
      </c>
      <c r="AM26" s="300"/>
      <c r="AN26" s="295">
        <v>0</v>
      </c>
      <c r="AO26" s="295">
        <v>0</v>
      </c>
      <c r="AP26" s="295">
        <v>0</v>
      </c>
      <c r="AQ26" s="295">
        <v>0</v>
      </c>
      <c r="AR26" s="295">
        <v>32705</v>
      </c>
      <c r="AS26" s="298">
        <v>32705</v>
      </c>
      <c r="AT26" s="299">
        <v>32705</v>
      </c>
      <c r="AU26" s="294">
        <v>0</v>
      </c>
      <c r="AV26" s="295">
        <v>0</v>
      </c>
      <c r="AW26" s="296">
        <v>0</v>
      </c>
      <c r="AX26" s="300"/>
      <c r="AY26" s="295">
        <v>0</v>
      </c>
      <c r="AZ26" s="295">
        <v>0</v>
      </c>
      <c r="BA26" s="295">
        <v>0</v>
      </c>
      <c r="BB26" s="295">
        <v>24645</v>
      </c>
      <c r="BC26" s="295">
        <v>31930</v>
      </c>
      <c r="BD26" s="298">
        <v>56575</v>
      </c>
      <c r="BE26" s="299">
        <v>56575</v>
      </c>
      <c r="BF26" s="294">
        <v>0</v>
      </c>
      <c r="BG26" s="295">
        <v>0</v>
      </c>
      <c r="BH26" s="296">
        <v>0</v>
      </c>
      <c r="BI26" s="300"/>
      <c r="BJ26" s="295">
        <v>0</v>
      </c>
      <c r="BK26" s="295">
        <v>0</v>
      </c>
      <c r="BL26" s="295">
        <v>0</v>
      </c>
      <c r="BM26" s="295">
        <v>0</v>
      </c>
      <c r="BN26" s="295">
        <v>0</v>
      </c>
      <c r="BO26" s="298">
        <v>0</v>
      </c>
      <c r="BP26" s="299">
        <v>0</v>
      </c>
      <c r="BQ26" s="294">
        <v>0</v>
      </c>
      <c r="BR26" s="295">
        <v>580</v>
      </c>
      <c r="BS26" s="296">
        <v>580</v>
      </c>
      <c r="BT26" s="297">
        <v>0</v>
      </c>
      <c r="BU26" s="295">
        <v>34470</v>
      </c>
      <c r="BV26" s="295">
        <v>49190</v>
      </c>
      <c r="BW26" s="295">
        <v>137930</v>
      </c>
      <c r="BX26" s="295">
        <v>49518</v>
      </c>
      <c r="BY26" s="295">
        <v>16105</v>
      </c>
      <c r="BZ26" s="298">
        <v>287213</v>
      </c>
      <c r="CA26" s="299">
        <v>287793</v>
      </c>
      <c r="CB26" s="294">
        <v>0</v>
      </c>
      <c r="CC26" s="295">
        <v>0</v>
      </c>
      <c r="CD26" s="296">
        <v>0</v>
      </c>
      <c r="CE26" s="297">
        <v>0</v>
      </c>
      <c r="CF26" s="295">
        <v>0</v>
      </c>
      <c r="CG26" s="295">
        <v>0</v>
      </c>
      <c r="CH26" s="295">
        <v>0</v>
      </c>
      <c r="CI26" s="295">
        <v>0</v>
      </c>
      <c r="CJ26" s="295">
        <v>0</v>
      </c>
      <c r="CK26" s="298">
        <v>0</v>
      </c>
      <c r="CL26" s="299">
        <v>0</v>
      </c>
      <c r="CM26" s="294">
        <v>0</v>
      </c>
      <c r="CN26" s="295">
        <v>0</v>
      </c>
      <c r="CO26" s="296">
        <v>0</v>
      </c>
      <c r="CP26" s="297">
        <v>0</v>
      </c>
      <c r="CQ26" s="295">
        <v>0</v>
      </c>
      <c r="CR26" s="295">
        <v>0</v>
      </c>
      <c r="CS26" s="295">
        <v>0</v>
      </c>
      <c r="CT26" s="295">
        <v>0</v>
      </c>
      <c r="CU26" s="295">
        <v>0</v>
      </c>
      <c r="CV26" s="298">
        <v>0</v>
      </c>
      <c r="CW26" s="299">
        <v>0</v>
      </c>
      <c r="CX26" s="294">
        <v>0</v>
      </c>
      <c r="CY26" s="295">
        <v>0</v>
      </c>
      <c r="CZ26" s="296">
        <v>0</v>
      </c>
      <c r="DA26" s="300"/>
      <c r="DB26" s="295">
        <v>0</v>
      </c>
      <c r="DC26" s="295">
        <v>0</v>
      </c>
      <c r="DD26" s="295">
        <v>0</v>
      </c>
      <c r="DE26" s="295">
        <v>0</v>
      </c>
      <c r="DF26" s="295">
        <v>0</v>
      </c>
      <c r="DG26" s="298">
        <v>0</v>
      </c>
      <c r="DH26" s="299">
        <v>0</v>
      </c>
      <c r="DI26" s="294">
        <v>0</v>
      </c>
      <c r="DJ26" s="295">
        <v>2784</v>
      </c>
      <c r="DK26" s="296">
        <v>2784</v>
      </c>
      <c r="DL26" s="297">
        <v>0</v>
      </c>
      <c r="DM26" s="295">
        <v>99118</v>
      </c>
      <c r="DN26" s="295">
        <v>203893</v>
      </c>
      <c r="DO26" s="295">
        <v>1130715</v>
      </c>
      <c r="DP26" s="295">
        <v>1314837</v>
      </c>
      <c r="DQ26" s="295">
        <v>947725</v>
      </c>
      <c r="DR26" s="298">
        <v>3696288</v>
      </c>
      <c r="DS26" s="301">
        <v>3699072</v>
      </c>
      <c r="DT26" s="294">
        <v>0</v>
      </c>
      <c r="DU26" s="295">
        <v>0</v>
      </c>
      <c r="DV26" s="296">
        <v>0</v>
      </c>
      <c r="DW26" s="300"/>
      <c r="DX26" s="295">
        <v>33046</v>
      </c>
      <c r="DY26" s="295">
        <v>120860</v>
      </c>
      <c r="DZ26" s="295">
        <v>931261</v>
      </c>
      <c r="EA26" s="295">
        <v>1175924</v>
      </c>
      <c r="EB26" s="295">
        <v>846654</v>
      </c>
      <c r="EC26" s="298">
        <v>3107745</v>
      </c>
      <c r="ED26" s="299">
        <v>3107745</v>
      </c>
      <c r="EE26" s="294">
        <v>0</v>
      </c>
      <c r="EF26" s="295">
        <v>0</v>
      </c>
      <c r="EG26" s="296">
        <v>0</v>
      </c>
      <c r="EH26" s="300"/>
      <c r="EI26" s="295">
        <v>20882</v>
      </c>
      <c r="EJ26" s="295">
        <v>2870</v>
      </c>
      <c r="EK26" s="295">
        <v>2380</v>
      </c>
      <c r="EL26" s="295">
        <v>48821</v>
      </c>
      <c r="EM26" s="295">
        <v>87196</v>
      </c>
      <c r="EN26" s="298">
        <v>162149</v>
      </c>
      <c r="EO26" s="299">
        <v>162149</v>
      </c>
      <c r="EP26" s="294">
        <v>0</v>
      </c>
      <c r="EQ26" s="295">
        <v>0</v>
      </c>
      <c r="ER26" s="296">
        <v>0</v>
      </c>
      <c r="ES26" s="300"/>
      <c r="ET26" s="295">
        <v>0</v>
      </c>
      <c r="EU26" s="295">
        <v>0</v>
      </c>
      <c r="EV26" s="295">
        <v>0</v>
      </c>
      <c r="EW26" s="295">
        <v>0</v>
      </c>
      <c r="EX26" s="295">
        <v>217</v>
      </c>
      <c r="EY26" s="298">
        <v>217</v>
      </c>
      <c r="EZ26" s="299">
        <v>217</v>
      </c>
      <c r="FA26" s="294">
        <v>0</v>
      </c>
      <c r="FB26" s="295">
        <v>0</v>
      </c>
      <c r="FC26" s="296">
        <v>0</v>
      </c>
      <c r="FD26" s="300"/>
      <c r="FE26" s="295">
        <v>0</v>
      </c>
      <c r="FF26" s="295">
        <v>0</v>
      </c>
      <c r="FG26" s="295">
        <v>0</v>
      </c>
      <c r="FH26" s="295">
        <v>217</v>
      </c>
      <c r="FI26" s="295">
        <v>434</v>
      </c>
      <c r="FJ26" s="298">
        <v>651</v>
      </c>
      <c r="FK26" s="299">
        <v>651</v>
      </c>
      <c r="FL26" s="294">
        <v>0</v>
      </c>
      <c r="FM26" s="295">
        <v>0</v>
      </c>
      <c r="FN26" s="296">
        <v>0</v>
      </c>
      <c r="FO26" s="300"/>
      <c r="FP26" s="295">
        <v>0</v>
      </c>
      <c r="FQ26" s="295">
        <v>0</v>
      </c>
      <c r="FR26" s="295">
        <v>0</v>
      </c>
      <c r="FS26" s="295">
        <v>0</v>
      </c>
      <c r="FT26" s="295">
        <v>0</v>
      </c>
      <c r="FU26" s="298">
        <v>0</v>
      </c>
      <c r="FV26" s="299">
        <v>0</v>
      </c>
      <c r="FW26" s="294">
        <v>0</v>
      </c>
      <c r="FX26" s="295">
        <v>2784</v>
      </c>
      <c r="FY26" s="296">
        <v>2784</v>
      </c>
      <c r="FZ26" s="297">
        <v>0</v>
      </c>
      <c r="GA26" s="295">
        <v>45190</v>
      </c>
      <c r="GB26" s="295">
        <v>80163</v>
      </c>
      <c r="GC26" s="295">
        <v>197074</v>
      </c>
      <c r="GD26" s="295">
        <v>89875</v>
      </c>
      <c r="GE26" s="295">
        <v>13224</v>
      </c>
      <c r="GF26" s="298">
        <v>425526</v>
      </c>
      <c r="GG26" s="299">
        <v>428310</v>
      </c>
      <c r="GH26" s="294">
        <v>0</v>
      </c>
      <c r="GI26" s="295">
        <v>0</v>
      </c>
      <c r="GJ26" s="296">
        <v>0</v>
      </c>
      <c r="GK26" s="297">
        <v>0</v>
      </c>
      <c r="GL26" s="295">
        <v>0</v>
      </c>
      <c r="GM26" s="295">
        <v>0</v>
      </c>
      <c r="GN26" s="295">
        <v>0</v>
      </c>
      <c r="GO26" s="295">
        <v>0</v>
      </c>
      <c r="GP26" s="295">
        <v>0</v>
      </c>
      <c r="GQ26" s="298">
        <v>0</v>
      </c>
      <c r="GR26" s="299">
        <v>0</v>
      </c>
      <c r="GS26" s="294">
        <v>0</v>
      </c>
      <c r="GT26" s="295">
        <v>0</v>
      </c>
      <c r="GU26" s="296">
        <v>0</v>
      </c>
      <c r="GV26" s="297">
        <v>0</v>
      </c>
      <c r="GW26" s="295">
        <v>0</v>
      </c>
      <c r="GX26" s="295">
        <v>0</v>
      </c>
      <c r="GY26" s="295">
        <v>0</v>
      </c>
      <c r="GZ26" s="295">
        <v>0</v>
      </c>
      <c r="HA26" s="295">
        <v>0</v>
      </c>
      <c r="HB26" s="298">
        <v>0</v>
      </c>
      <c r="HC26" s="299">
        <v>0</v>
      </c>
      <c r="HD26" s="294">
        <v>0</v>
      </c>
      <c r="HE26" s="295">
        <v>0</v>
      </c>
      <c r="HF26" s="296">
        <v>0</v>
      </c>
      <c r="HG26" s="300"/>
      <c r="HH26" s="295">
        <v>0</v>
      </c>
      <c r="HI26" s="295">
        <v>0</v>
      </c>
      <c r="HJ26" s="295">
        <v>0</v>
      </c>
      <c r="HK26" s="295">
        <v>0</v>
      </c>
      <c r="HL26" s="295">
        <v>0</v>
      </c>
      <c r="HM26" s="298">
        <v>0</v>
      </c>
      <c r="HN26" s="299">
        <v>0</v>
      </c>
      <c r="HO26" s="294">
        <v>0</v>
      </c>
      <c r="HP26" s="295">
        <v>3364</v>
      </c>
      <c r="HQ26" s="296">
        <v>3364</v>
      </c>
      <c r="HR26" s="297">
        <v>0</v>
      </c>
      <c r="HS26" s="295">
        <v>231363</v>
      </c>
      <c r="HT26" s="295">
        <v>555563</v>
      </c>
      <c r="HU26" s="295">
        <v>2259930</v>
      </c>
      <c r="HV26" s="295">
        <v>2642673</v>
      </c>
      <c r="HW26" s="295">
        <v>2071665</v>
      </c>
      <c r="HX26" s="298">
        <v>7761194</v>
      </c>
      <c r="HY26" s="299">
        <v>7764558</v>
      </c>
    </row>
    <row r="27" spans="2:233" ht="21" customHeight="1" x14ac:dyDescent="0.2">
      <c r="B27" s="292" t="s">
        <v>24</v>
      </c>
      <c r="C27" s="294">
        <v>0</v>
      </c>
      <c r="D27" s="295">
        <v>0</v>
      </c>
      <c r="E27" s="296">
        <v>0</v>
      </c>
      <c r="F27" s="297">
        <v>0</v>
      </c>
      <c r="G27" s="295">
        <v>63520</v>
      </c>
      <c r="H27" s="295">
        <v>105130</v>
      </c>
      <c r="I27" s="295">
        <v>364638</v>
      </c>
      <c r="J27" s="295">
        <v>417945</v>
      </c>
      <c r="K27" s="295">
        <v>507930</v>
      </c>
      <c r="L27" s="298">
        <v>1459163</v>
      </c>
      <c r="M27" s="299">
        <v>1459163</v>
      </c>
      <c r="N27" s="294">
        <v>0</v>
      </c>
      <c r="O27" s="295">
        <v>0</v>
      </c>
      <c r="P27" s="296">
        <v>0</v>
      </c>
      <c r="Q27" s="300"/>
      <c r="R27" s="295">
        <v>0</v>
      </c>
      <c r="S27" s="295">
        <v>0</v>
      </c>
      <c r="T27" s="295">
        <v>274660</v>
      </c>
      <c r="U27" s="295">
        <v>302205</v>
      </c>
      <c r="V27" s="295">
        <v>426825</v>
      </c>
      <c r="W27" s="298">
        <v>1003690</v>
      </c>
      <c r="X27" s="299">
        <v>1003690</v>
      </c>
      <c r="Y27" s="294">
        <v>0</v>
      </c>
      <c r="Z27" s="295">
        <v>0</v>
      </c>
      <c r="AA27" s="296">
        <v>0</v>
      </c>
      <c r="AB27" s="300"/>
      <c r="AC27" s="295">
        <v>62620</v>
      </c>
      <c r="AD27" s="295">
        <v>75950</v>
      </c>
      <c r="AE27" s="295">
        <v>80235</v>
      </c>
      <c r="AF27" s="295">
        <v>86645</v>
      </c>
      <c r="AG27" s="295">
        <v>68200</v>
      </c>
      <c r="AH27" s="298">
        <v>373650</v>
      </c>
      <c r="AI27" s="299">
        <v>373650</v>
      </c>
      <c r="AJ27" s="294">
        <v>0</v>
      </c>
      <c r="AK27" s="295">
        <v>0</v>
      </c>
      <c r="AL27" s="296">
        <v>0</v>
      </c>
      <c r="AM27" s="300"/>
      <c r="AN27" s="295">
        <v>0</v>
      </c>
      <c r="AO27" s="295">
        <v>0</v>
      </c>
      <c r="AP27" s="295">
        <v>0</v>
      </c>
      <c r="AQ27" s="295">
        <v>0</v>
      </c>
      <c r="AR27" s="295">
        <v>0</v>
      </c>
      <c r="AS27" s="298">
        <v>0</v>
      </c>
      <c r="AT27" s="299">
        <v>0</v>
      </c>
      <c r="AU27" s="294">
        <v>0</v>
      </c>
      <c r="AV27" s="295">
        <v>0</v>
      </c>
      <c r="AW27" s="296">
        <v>0</v>
      </c>
      <c r="AX27" s="300"/>
      <c r="AY27" s="295">
        <v>0</v>
      </c>
      <c r="AZ27" s="295">
        <v>0</v>
      </c>
      <c r="BA27" s="295">
        <v>0</v>
      </c>
      <c r="BB27" s="295">
        <v>0</v>
      </c>
      <c r="BC27" s="295">
        <v>0</v>
      </c>
      <c r="BD27" s="298">
        <v>0</v>
      </c>
      <c r="BE27" s="299">
        <v>0</v>
      </c>
      <c r="BF27" s="294">
        <v>0</v>
      </c>
      <c r="BG27" s="295">
        <v>0</v>
      </c>
      <c r="BH27" s="296">
        <v>0</v>
      </c>
      <c r="BI27" s="300"/>
      <c r="BJ27" s="295">
        <v>0</v>
      </c>
      <c r="BK27" s="295">
        <v>0</v>
      </c>
      <c r="BL27" s="295">
        <v>0</v>
      </c>
      <c r="BM27" s="295">
        <v>0</v>
      </c>
      <c r="BN27" s="295">
        <v>0</v>
      </c>
      <c r="BO27" s="298">
        <v>0</v>
      </c>
      <c r="BP27" s="299">
        <v>0</v>
      </c>
      <c r="BQ27" s="294">
        <v>0</v>
      </c>
      <c r="BR27" s="295">
        <v>0</v>
      </c>
      <c r="BS27" s="296">
        <v>0</v>
      </c>
      <c r="BT27" s="297">
        <v>0</v>
      </c>
      <c r="BU27" s="295">
        <v>345</v>
      </c>
      <c r="BV27" s="295">
        <v>29180</v>
      </c>
      <c r="BW27" s="295">
        <v>3783</v>
      </c>
      <c r="BX27" s="295">
        <v>29095</v>
      </c>
      <c r="BY27" s="295">
        <v>12905</v>
      </c>
      <c r="BZ27" s="298">
        <v>75308</v>
      </c>
      <c r="CA27" s="299">
        <v>75308</v>
      </c>
      <c r="CB27" s="294">
        <v>0</v>
      </c>
      <c r="CC27" s="295">
        <v>0</v>
      </c>
      <c r="CD27" s="296">
        <v>0</v>
      </c>
      <c r="CE27" s="297">
        <v>0</v>
      </c>
      <c r="CF27" s="295">
        <v>555</v>
      </c>
      <c r="CG27" s="295">
        <v>0</v>
      </c>
      <c r="CH27" s="295">
        <v>5960</v>
      </c>
      <c r="CI27" s="295">
        <v>0</v>
      </c>
      <c r="CJ27" s="295">
        <v>0</v>
      </c>
      <c r="CK27" s="298">
        <v>6515</v>
      </c>
      <c r="CL27" s="299">
        <v>6515</v>
      </c>
      <c r="CM27" s="294">
        <v>0</v>
      </c>
      <c r="CN27" s="295">
        <v>0</v>
      </c>
      <c r="CO27" s="296">
        <v>0</v>
      </c>
      <c r="CP27" s="297">
        <v>0</v>
      </c>
      <c r="CQ27" s="295">
        <v>0</v>
      </c>
      <c r="CR27" s="295">
        <v>0</v>
      </c>
      <c r="CS27" s="295">
        <v>0</v>
      </c>
      <c r="CT27" s="295">
        <v>0</v>
      </c>
      <c r="CU27" s="295">
        <v>0</v>
      </c>
      <c r="CV27" s="298">
        <v>0</v>
      </c>
      <c r="CW27" s="299">
        <v>0</v>
      </c>
      <c r="CX27" s="294">
        <v>0</v>
      </c>
      <c r="CY27" s="295">
        <v>0</v>
      </c>
      <c r="CZ27" s="296">
        <v>0</v>
      </c>
      <c r="DA27" s="300"/>
      <c r="DB27" s="295">
        <v>0</v>
      </c>
      <c r="DC27" s="295">
        <v>0</v>
      </c>
      <c r="DD27" s="295">
        <v>0</v>
      </c>
      <c r="DE27" s="295">
        <v>0</v>
      </c>
      <c r="DF27" s="295">
        <v>0</v>
      </c>
      <c r="DG27" s="298">
        <v>0</v>
      </c>
      <c r="DH27" s="299">
        <v>0</v>
      </c>
      <c r="DI27" s="294">
        <v>0</v>
      </c>
      <c r="DJ27" s="295">
        <v>0</v>
      </c>
      <c r="DK27" s="296">
        <v>0</v>
      </c>
      <c r="DL27" s="297">
        <v>0</v>
      </c>
      <c r="DM27" s="295">
        <v>7335</v>
      </c>
      <c r="DN27" s="295">
        <v>44441</v>
      </c>
      <c r="DO27" s="295">
        <v>402002</v>
      </c>
      <c r="DP27" s="295">
        <v>605246</v>
      </c>
      <c r="DQ27" s="295">
        <v>615822</v>
      </c>
      <c r="DR27" s="298">
        <v>1674846</v>
      </c>
      <c r="DS27" s="301">
        <v>1674846</v>
      </c>
      <c r="DT27" s="294">
        <v>0</v>
      </c>
      <c r="DU27" s="295">
        <v>0</v>
      </c>
      <c r="DV27" s="296">
        <v>0</v>
      </c>
      <c r="DW27" s="300"/>
      <c r="DX27" s="295">
        <v>0</v>
      </c>
      <c r="DY27" s="295">
        <v>0</v>
      </c>
      <c r="DZ27" s="295">
        <v>362576</v>
      </c>
      <c r="EA27" s="295">
        <v>519982</v>
      </c>
      <c r="EB27" s="295">
        <v>589235</v>
      </c>
      <c r="EC27" s="298">
        <v>1471793</v>
      </c>
      <c r="ED27" s="299">
        <v>1471793</v>
      </c>
      <c r="EE27" s="294">
        <v>0</v>
      </c>
      <c r="EF27" s="295">
        <v>0</v>
      </c>
      <c r="EG27" s="296">
        <v>0</v>
      </c>
      <c r="EH27" s="300"/>
      <c r="EI27" s="295">
        <v>5552</v>
      </c>
      <c r="EJ27" s="295">
        <v>22661</v>
      </c>
      <c r="EK27" s="295">
        <v>22780</v>
      </c>
      <c r="EL27" s="295">
        <v>34782</v>
      </c>
      <c r="EM27" s="295">
        <v>11904</v>
      </c>
      <c r="EN27" s="298">
        <v>97679</v>
      </c>
      <c r="EO27" s="299">
        <v>97679</v>
      </c>
      <c r="EP27" s="294">
        <v>0</v>
      </c>
      <c r="EQ27" s="295">
        <v>0</v>
      </c>
      <c r="ER27" s="296">
        <v>0</v>
      </c>
      <c r="ES27" s="300"/>
      <c r="ET27" s="295">
        <v>0</v>
      </c>
      <c r="EU27" s="295">
        <v>0</v>
      </c>
      <c r="EV27" s="295">
        <v>0</v>
      </c>
      <c r="EW27" s="295">
        <v>0</v>
      </c>
      <c r="EX27" s="295">
        <v>0</v>
      </c>
      <c r="EY27" s="298">
        <v>0</v>
      </c>
      <c r="EZ27" s="299">
        <v>0</v>
      </c>
      <c r="FA27" s="294">
        <v>0</v>
      </c>
      <c r="FB27" s="295">
        <v>0</v>
      </c>
      <c r="FC27" s="296">
        <v>0</v>
      </c>
      <c r="FD27" s="300"/>
      <c r="FE27" s="295">
        <v>0</v>
      </c>
      <c r="FF27" s="295">
        <v>0</v>
      </c>
      <c r="FG27" s="295">
        <v>0</v>
      </c>
      <c r="FH27" s="295">
        <v>0</v>
      </c>
      <c r="FI27" s="295">
        <v>0</v>
      </c>
      <c r="FJ27" s="298">
        <v>0</v>
      </c>
      <c r="FK27" s="299">
        <v>0</v>
      </c>
      <c r="FL27" s="294">
        <v>0</v>
      </c>
      <c r="FM27" s="295">
        <v>0</v>
      </c>
      <c r="FN27" s="296">
        <v>0</v>
      </c>
      <c r="FO27" s="300"/>
      <c r="FP27" s="295">
        <v>0</v>
      </c>
      <c r="FQ27" s="295">
        <v>0</v>
      </c>
      <c r="FR27" s="295">
        <v>0</v>
      </c>
      <c r="FS27" s="295">
        <v>0</v>
      </c>
      <c r="FT27" s="295">
        <v>0</v>
      </c>
      <c r="FU27" s="298">
        <v>0</v>
      </c>
      <c r="FV27" s="299">
        <v>0</v>
      </c>
      <c r="FW27" s="294">
        <v>0</v>
      </c>
      <c r="FX27" s="295">
        <v>0</v>
      </c>
      <c r="FY27" s="296">
        <v>0</v>
      </c>
      <c r="FZ27" s="297">
        <v>0</v>
      </c>
      <c r="GA27" s="295">
        <v>1755</v>
      </c>
      <c r="GB27" s="295">
        <v>21780</v>
      </c>
      <c r="GC27" s="295">
        <v>16534</v>
      </c>
      <c r="GD27" s="295">
        <v>50482</v>
      </c>
      <c r="GE27" s="295">
        <v>14550</v>
      </c>
      <c r="GF27" s="298">
        <v>105101</v>
      </c>
      <c r="GG27" s="299">
        <v>105101</v>
      </c>
      <c r="GH27" s="294">
        <v>0</v>
      </c>
      <c r="GI27" s="295">
        <v>0</v>
      </c>
      <c r="GJ27" s="296">
        <v>0</v>
      </c>
      <c r="GK27" s="297">
        <v>0</v>
      </c>
      <c r="GL27" s="295">
        <v>28</v>
      </c>
      <c r="GM27" s="295">
        <v>0</v>
      </c>
      <c r="GN27" s="295">
        <v>112</v>
      </c>
      <c r="GO27" s="295">
        <v>0</v>
      </c>
      <c r="GP27" s="295">
        <v>133</v>
      </c>
      <c r="GQ27" s="298">
        <v>273</v>
      </c>
      <c r="GR27" s="299">
        <v>273</v>
      </c>
      <c r="GS27" s="294">
        <v>0</v>
      </c>
      <c r="GT27" s="295">
        <v>0</v>
      </c>
      <c r="GU27" s="296">
        <v>0</v>
      </c>
      <c r="GV27" s="297">
        <v>0</v>
      </c>
      <c r="GW27" s="295">
        <v>0</v>
      </c>
      <c r="GX27" s="295">
        <v>0</v>
      </c>
      <c r="GY27" s="295">
        <v>0</v>
      </c>
      <c r="GZ27" s="295">
        <v>0</v>
      </c>
      <c r="HA27" s="295">
        <v>0</v>
      </c>
      <c r="HB27" s="298">
        <v>0</v>
      </c>
      <c r="HC27" s="299">
        <v>0</v>
      </c>
      <c r="HD27" s="294">
        <v>0</v>
      </c>
      <c r="HE27" s="295">
        <v>0</v>
      </c>
      <c r="HF27" s="296">
        <v>0</v>
      </c>
      <c r="HG27" s="300"/>
      <c r="HH27" s="295">
        <v>0</v>
      </c>
      <c r="HI27" s="295">
        <v>0</v>
      </c>
      <c r="HJ27" s="295">
        <v>0</v>
      </c>
      <c r="HK27" s="295">
        <v>0</v>
      </c>
      <c r="HL27" s="295">
        <v>0</v>
      </c>
      <c r="HM27" s="298">
        <v>0</v>
      </c>
      <c r="HN27" s="299">
        <v>0</v>
      </c>
      <c r="HO27" s="294">
        <v>0</v>
      </c>
      <c r="HP27" s="295">
        <v>0</v>
      </c>
      <c r="HQ27" s="296">
        <v>0</v>
      </c>
      <c r="HR27" s="297">
        <v>0</v>
      </c>
      <c r="HS27" s="295">
        <v>70855</v>
      </c>
      <c r="HT27" s="295">
        <v>149571</v>
      </c>
      <c r="HU27" s="295">
        <v>766640</v>
      </c>
      <c r="HV27" s="295">
        <v>1023191</v>
      </c>
      <c r="HW27" s="295">
        <v>1123752</v>
      </c>
      <c r="HX27" s="298">
        <v>3134009</v>
      </c>
      <c r="HY27" s="299">
        <v>3134009</v>
      </c>
    </row>
    <row r="28" spans="2:233" ht="21" customHeight="1" x14ac:dyDescent="0.2">
      <c r="B28" s="292" t="s">
        <v>25</v>
      </c>
      <c r="C28" s="294">
        <v>0</v>
      </c>
      <c r="D28" s="295">
        <v>0</v>
      </c>
      <c r="E28" s="296">
        <v>0</v>
      </c>
      <c r="F28" s="297">
        <v>0</v>
      </c>
      <c r="G28" s="295">
        <v>38035</v>
      </c>
      <c r="H28" s="295">
        <v>229970</v>
      </c>
      <c r="I28" s="295">
        <v>502940</v>
      </c>
      <c r="J28" s="295">
        <v>736620</v>
      </c>
      <c r="K28" s="295">
        <v>616955</v>
      </c>
      <c r="L28" s="298">
        <v>2124520</v>
      </c>
      <c r="M28" s="299">
        <v>2124520</v>
      </c>
      <c r="N28" s="294">
        <v>0</v>
      </c>
      <c r="O28" s="295">
        <v>0</v>
      </c>
      <c r="P28" s="296">
        <v>0</v>
      </c>
      <c r="Q28" s="300"/>
      <c r="R28" s="295">
        <v>2635</v>
      </c>
      <c r="S28" s="295">
        <v>7905</v>
      </c>
      <c r="T28" s="295">
        <v>452320</v>
      </c>
      <c r="U28" s="295">
        <v>568565</v>
      </c>
      <c r="V28" s="295">
        <v>439855</v>
      </c>
      <c r="W28" s="298">
        <v>1471280</v>
      </c>
      <c r="X28" s="299">
        <v>1471280</v>
      </c>
      <c r="Y28" s="294">
        <v>0</v>
      </c>
      <c r="Z28" s="295">
        <v>0</v>
      </c>
      <c r="AA28" s="296">
        <v>0</v>
      </c>
      <c r="AB28" s="300"/>
      <c r="AC28" s="295">
        <v>24645</v>
      </c>
      <c r="AD28" s="295">
        <v>194580</v>
      </c>
      <c r="AE28" s="295">
        <v>19295</v>
      </c>
      <c r="AF28" s="295">
        <v>153205</v>
      </c>
      <c r="AG28" s="295">
        <v>73855</v>
      </c>
      <c r="AH28" s="298">
        <v>465580</v>
      </c>
      <c r="AI28" s="299">
        <v>465580</v>
      </c>
      <c r="AJ28" s="294">
        <v>0</v>
      </c>
      <c r="AK28" s="295">
        <v>0</v>
      </c>
      <c r="AL28" s="296">
        <v>0</v>
      </c>
      <c r="AM28" s="300"/>
      <c r="AN28" s="295">
        <v>0</v>
      </c>
      <c r="AO28" s="295">
        <v>0</v>
      </c>
      <c r="AP28" s="295">
        <v>0</v>
      </c>
      <c r="AQ28" s="295">
        <v>0</v>
      </c>
      <c r="AR28" s="295">
        <v>0</v>
      </c>
      <c r="AS28" s="298">
        <v>0</v>
      </c>
      <c r="AT28" s="299">
        <v>0</v>
      </c>
      <c r="AU28" s="294">
        <v>0</v>
      </c>
      <c r="AV28" s="295">
        <v>0</v>
      </c>
      <c r="AW28" s="296">
        <v>0</v>
      </c>
      <c r="AX28" s="300"/>
      <c r="AY28" s="295">
        <v>0</v>
      </c>
      <c r="AZ28" s="295">
        <v>0</v>
      </c>
      <c r="BA28" s="295">
        <v>0</v>
      </c>
      <c r="BB28" s="295">
        <v>0</v>
      </c>
      <c r="BC28" s="295">
        <v>97060</v>
      </c>
      <c r="BD28" s="298">
        <v>97060</v>
      </c>
      <c r="BE28" s="299">
        <v>97060</v>
      </c>
      <c r="BF28" s="294">
        <v>0</v>
      </c>
      <c r="BG28" s="295">
        <v>0</v>
      </c>
      <c r="BH28" s="296">
        <v>0</v>
      </c>
      <c r="BI28" s="300"/>
      <c r="BJ28" s="295">
        <v>0</v>
      </c>
      <c r="BK28" s="295">
        <v>0</v>
      </c>
      <c r="BL28" s="295">
        <v>0</v>
      </c>
      <c r="BM28" s="295">
        <v>0</v>
      </c>
      <c r="BN28" s="295">
        <v>0</v>
      </c>
      <c r="BO28" s="298">
        <v>0</v>
      </c>
      <c r="BP28" s="299">
        <v>0</v>
      </c>
      <c r="BQ28" s="294">
        <v>0</v>
      </c>
      <c r="BR28" s="295">
        <v>0</v>
      </c>
      <c r="BS28" s="296">
        <v>0</v>
      </c>
      <c r="BT28" s="297">
        <v>0</v>
      </c>
      <c r="BU28" s="295">
        <v>10755</v>
      </c>
      <c r="BV28" s="295">
        <v>27485</v>
      </c>
      <c r="BW28" s="295">
        <v>30880</v>
      </c>
      <c r="BX28" s="295">
        <v>6400</v>
      </c>
      <c r="BY28" s="295">
        <v>6185</v>
      </c>
      <c r="BZ28" s="298">
        <v>81705</v>
      </c>
      <c r="CA28" s="299">
        <v>81705</v>
      </c>
      <c r="CB28" s="294">
        <v>0</v>
      </c>
      <c r="CC28" s="295">
        <v>0</v>
      </c>
      <c r="CD28" s="296">
        <v>0</v>
      </c>
      <c r="CE28" s="297">
        <v>0</v>
      </c>
      <c r="CF28" s="295">
        <v>0</v>
      </c>
      <c r="CG28" s="295">
        <v>0</v>
      </c>
      <c r="CH28" s="295">
        <v>445</v>
      </c>
      <c r="CI28" s="295">
        <v>8450</v>
      </c>
      <c r="CJ28" s="295">
        <v>0</v>
      </c>
      <c r="CK28" s="298">
        <v>8895</v>
      </c>
      <c r="CL28" s="299">
        <v>8895</v>
      </c>
      <c r="CM28" s="294">
        <v>0</v>
      </c>
      <c r="CN28" s="295">
        <v>0</v>
      </c>
      <c r="CO28" s="296">
        <v>0</v>
      </c>
      <c r="CP28" s="297">
        <v>0</v>
      </c>
      <c r="CQ28" s="295">
        <v>0</v>
      </c>
      <c r="CR28" s="295">
        <v>0</v>
      </c>
      <c r="CS28" s="295">
        <v>0</v>
      </c>
      <c r="CT28" s="295">
        <v>0</v>
      </c>
      <c r="CU28" s="295">
        <v>0</v>
      </c>
      <c r="CV28" s="298">
        <v>0</v>
      </c>
      <c r="CW28" s="299">
        <v>0</v>
      </c>
      <c r="CX28" s="294">
        <v>0</v>
      </c>
      <c r="CY28" s="295">
        <v>0</v>
      </c>
      <c r="CZ28" s="296">
        <v>0</v>
      </c>
      <c r="DA28" s="300"/>
      <c r="DB28" s="295">
        <v>0</v>
      </c>
      <c r="DC28" s="295">
        <v>0</v>
      </c>
      <c r="DD28" s="295">
        <v>0</v>
      </c>
      <c r="DE28" s="295">
        <v>0</v>
      </c>
      <c r="DF28" s="295">
        <v>0</v>
      </c>
      <c r="DG28" s="298">
        <v>0</v>
      </c>
      <c r="DH28" s="299">
        <v>0</v>
      </c>
      <c r="DI28" s="294">
        <v>0</v>
      </c>
      <c r="DJ28" s="295">
        <v>0</v>
      </c>
      <c r="DK28" s="296">
        <v>0</v>
      </c>
      <c r="DL28" s="297">
        <v>0</v>
      </c>
      <c r="DM28" s="295">
        <v>32463</v>
      </c>
      <c r="DN28" s="295">
        <v>133908</v>
      </c>
      <c r="DO28" s="295">
        <v>628350</v>
      </c>
      <c r="DP28" s="295">
        <v>749171</v>
      </c>
      <c r="DQ28" s="295">
        <v>421299</v>
      </c>
      <c r="DR28" s="298">
        <v>1965191</v>
      </c>
      <c r="DS28" s="301">
        <v>1965191</v>
      </c>
      <c r="DT28" s="294">
        <v>0</v>
      </c>
      <c r="DU28" s="295">
        <v>0</v>
      </c>
      <c r="DV28" s="296">
        <v>0</v>
      </c>
      <c r="DW28" s="300"/>
      <c r="DX28" s="295">
        <v>21576</v>
      </c>
      <c r="DY28" s="295">
        <v>58187</v>
      </c>
      <c r="DZ28" s="295">
        <v>574818</v>
      </c>
      <c r="EA28" s="295">
        <v>723042</v>
      </c>
      <c r="EB28" s="295">
        <v>401876</v>
      </c>
      <c r="EC28" s="298">
        <v>1779499</v>
      </c>
      <c r="ED28" s="299">
        <v>1779499</v>
      </c>
      <c r="EE28" s="294">
        <v>0</v>
      </c>
      <c r="EF28" s="295">
        <v>0</v>
      </c>
      <c r="EG28" s="296">
        <v>0</v>
      </c>
      <c r="EH28" s="300"/>
      <c r="EI28" s="295">
        <v>217</v>
      </c>
      <c r="EJ28" s="295">
        <v>36573</v>
      </c>
      <c r="EK28" s="295">
        <v>1379</v>
      </c>
      <c r="EL28" s="295">
        <v>9993</v>
      </c>
      <c r="EM28" s="295">
        <v>11904</v>
      </c>
      <c r="EN28" s="298">
        <v>60066</v>
      </c>
      <c r="EO28" s="299">
        <v>60066</v>
      </c>
      <c r="EP28" s="294">
        <v>0</v>
      </c>
      <c r="EQ28" s="295">
        <v>0</v>
      </c>
      <c r="ER28" s="296">
        <v>0</v>
      </c>
      <c r="ES28" s="300"/>
      <c r="ET28" s="295">
        <v>0</v>
      </c>
      <c r="EU28" s="295">
        <v>0</v>
      </c>
      <c r="EV28" s="295">
        <v>0</v>
      </c>
      <c r="EW28" s="295">
        <v>0</v>
      </c>
      <c r="EX28" s="295">
        <v>0</v>
      </c>
      <c r="EY28" s="298">
        <v>0</v>
      </c>
      <c r="EZ28" s="299">
        <v>0</v>
      </c>
      <c r="FA28" s="294">
        <v>0</v>
      </c>
      <c r="FB28" s="295">
        <v>0</v>
      </c>
      <c r="FC28" s="296">
        <v>0</v>
      </c>
      <c r="FD28" s="300"/>
      <c r="FE28" s="295">
        <v>0</v>
      </c>
      <c r="FF28" s="295">
        <v>0</v>
      </c>
      <c r="FG28" s="295">
        <v>0</v>
      </c>
      <c r="FH28" s="295">
        <v>0</v>
      </c>
      <c r="FI28" s="295">
        <v>644</v>
      </c>
      <c r="FJ28" s="298">
        <v>644</v>
      </c>
      <c r="FK28" s="299">
        <v>644</v>
      </c>
      <c r="FL28" s="294">
        <v>0</v>
      </c>
      <c r="FM28" s="295">
        <v>0</v>
      </c>
      <c r="FN28" s="296">
        <v>0</v>
      </c>
      <c r="FO28" s="300"/>
      <c r="FP28" s="295">
        <v>0</v>
      </c>
      <c r="FQ28" s="295">
        <v>0</v>
      </c>
      <c r="FR28" s="295">
        <v>0</v>
      </c>
      <c r="FS28" s="295">
        <v>0</v>
      </c>
      <c r="FT28" s="295">
        <v>0</v>
      </c>
      <c r="FU28" s="298">
        <v>0</v>
      </c>
      <c r="FV28" s="299">
        <v>0</v>
      </c>
      <c r="FW28" s="294">
        <v>0</v>
      </c>
      <c r="FX28" s="295">
        <v>0</v>
      </c>
      <c r="FY28" s="296">
        <v>0</v>
      </c>
      <c r="FZ28" s="297">
        <v>0</v>
      </c>
      <c r="GA28" s="295">
        <v>10670</v>
      </c>
      <c r="GB28" s="295">
        <v>39148</v>
      </c>
      <c r="GC28" s="295">
        <v>52132</v>
      </c>
      <c r="GD28" s="295">
        <v>16136</v>
      </c>
      <c r="GE28" s="295">
        <v>6875</v>
      </c>
      <c r="GF28" s="298">
        <v>124961</v>
      </c>
      <c r="GG28" s="299">
        <v>124961</v>
      </c>
      <c r="GH28" s="294">
        <v>0</v>
      </c>
      <c r="GI28" s="295">
        <v>0</v>
      </c>
      <c r="GJ28" s="296">
        <v>0</v>
      </c>
      <c r="GK28" s="297">
        <v>0</v>
      </c>
      <c r="GL28" s="295">
        <v>0</v>
      </c>
      <c r="GM28" s="295">
        <v>0</v>
      </c>
      <c r="GN28" s="295">
        <v>21</v>
      </c>
      <c r="GO28" s="295">
        <v>0</v>
      </c>
      <c r="GP28" s="295">
        <v>0</v>
      </c>
      <c r="GQ28" s="298">
        <v>21</v>
      </c>
      <c r="GR28" s="299">
        <v>21</v>
      </c>
      <c r="GS28" s="294">
        <v>0</v>
      </c>
      <c r="GT28" s="295">
        <v>0</v>
      </c>
      <c r="GU28" s="296">
        <v>0</v>
      </c>
      <c r="GV28" s="297">
        <v>0</v>
      </c>
      <c r="GW28" s="295">
        <v>0</v>
      </c>
      <c r="GX28" s="295">
        <v>0</v>
      </c>
      <c r="GY28" s="295">
        <v>0</v>
      </c>
      <c r="GZ28" s="295">
        <v>0</v>
      </c>
      <c r="HA28" s="295">
        <v>0</v>
      </c>
      <c r="HB28" s="298">
        <v>0</v>
      </c>
      <c r="HC28" s="299">
        <v>0</v>
      </c>
      <c r="HD28" s="294">
        <v>0</v>
      </c>
      <c r="HE28" s="295">
        <v>0</v>
      </c>
      <c r="HF28" s="296">
        <v>0</v>
      </c>
      <c r="HG28" s="300"/>
      <c r="HH28" s="295">
        <v>0</v>
      </c>
      <c r="HI28" s="295">
        <v>0</v>
      </c>
      <c r="HJ28" s="295">
        <v>0</v>
      </c>
      <c r="HK28" s="295">
        <v>0</v>
      </c>
      <c r="HL28" s="295">
        <v>0</v>
      </c>
      <c r="HM28" s="298">
        <v>0</v>
      </c>
      <c r="HN28" s="299">
        <v>0</v>
      </c>
      <c r="HO28" s="294">
        <v>0</v>
      </c>
      <c r="HP28" s="295">
        <v>0</v>
      </c>
      <c r="HQ28" s="296">
        <v>0</v>
      </c>
      <c r="HR28" s="297">
        <v>0</v>
      </c>
      <c r="HS28" s="295">
        <v>70498</v>
      </c>
      <c r="HT28" s="295">
        <v>363878</v>
      </c>
      <c r="HU28" s="295">
        <v>1131290</v>
      </c>
      <c r="HV28" s="295">
        <v>1485791</v>
      </c>
      <c r="HW28" s="295">
        <v>1038254</v>
      </c>
      <c r="HX28" s="298">
        <v>4089711</v>
      </c>
      <c r="HY28" s="299">
        <v>4089711</v>
      </c>
    </row>
    <row r="29" spans="2:233" ht="21" customHeight="1" x14ac:dyDescent="0.2">
      <c r="B29" s="292" t="s">
        <v>26</v>
      </c>
      <c r="C29" s="294">
        <v>0</v>
      </c>
      <c r="D29" s="295">
        <v>2030</v>
      </c>
      <c r="E29" s="296">
        <v>2030</v>
      </c>
      <c r="F29" s="297">
        <v>0</v>
      </c>
      <c r="G29" s="295">
        <v>36445</v>
      </c>
      <c r="H29" s="295">
        <v>148100</v>
      </c>
      <c r="I29" s="295">
        <v>410218</v>
      </c>
      <c r="J29" s="295">
        <v>979060</v>
      </c>
      <c r="K29" s="295">
        <v>369850</v>
      </c>
      <c r="L29" s="298">
        <v>1943673</v>
      </c>
      <c r="M29" s="299">
        <v>1945703</v>
      </c>
      <c r="N29" s="294">
        <v>0</v>
      </c>
      <c r="O29" s="295">
        <v>0</v>
      </c>
      <c r="P29" s="296">
        <v>0</v>
      </c>
      <c r="Q29" s="300"/>
      <c r="R29" s="295">
        <v>0</v>
      </c>
      <c r="S29" s="295">
        <v>59210</v>
      </c>
      <c r="T29" s="295">
        <v>215760</v>
      </c>
      <c r="U29" s="295">
        <v>828815</v>
      </c>
      <c r="V29" s="295">
        <v>323805</v>
      </c>
      <c r="W29" s="298">
        <v>1427590</v>
      </c>
      <c r="X29" s="299">
        <v>1427590</v>
      </c>
      <c r="Y29" s="294">
        <v>0</v>
      </c>
      <c r="Z29" s="295">
        <v>0</v>
      </c>
      <c r="AA29" s="296">
        <v>0</v>
      </c>
      <c r="AB29" s="300"/>
      <c r="AC29" s="295">
        <v>36445</v>
      </c>
      <c r="AD29" s="295">
        <v>87030</v>
      </c>
      <c r="AE29" s="295">
        <v>166160</v>
      </c>
      <c r="AF29" s="295">
        <v>137435</v>
      </c>
      <c r="AG29" s="295">
        <v>35340</v>
      </c>
      <c r="AH29" s="298">
        <v>462410</v>
      </c>
      <c r="AI29" s="299">
        <v>462410</v>
      </c>
      <c r="AJ29" s="294">
        <v>0</v>
      </c>
      <c r="AK29" s="295">
        <v>0</v>
      </c>
      <c r="AL29" s="296">
        <v>0</v>
      </c>
      <c r="AM29" s="300"/>
      <c r="AN29" s="295">
        <v>0</v>
      </c>
      <c r="AO29" s="295">
        <v>0</v>
      </c>
      <c r="AP29" s="295">
        <v>0</v>
      </c>
      <c r="AQ29" s="295">
        <v>0</v>
      </c>
      <c r="AR29" s="295">
        <v>0</v>
      </c>
      <c r="AS29" s="298">
        <v>0</v>
      </c>
      <c r="AT29" s="299">
        <v>0</v>
      </c>
      <c r="AU29" s="294">
        <v>0</v>
      </c>
      <c r="AV29" s="295">
        <v>0</v>
      </c>
      <c r="AW29" s="296">
        <v>0</v>
      </c>
      <c r="AX29" s="300"/>
      <c r="AY29" s="295">
        <v>0</v>
      </c>
      <c r="AZ29" s="295">
        <v>0</v>
      </c>
      <c r="BA29" s="295">
        <v>0</v>
      </c>
      <c r="BB29" s="295">
        <v>0</v>
      </c>
      <c r="BC29" s="295">
        <v>5270</v>
      </c>
      <c r="BD29" s="298">
        <v>5270</v>
      </c>
      <c r="BE29" s="299">
        <v>5270</v>
      </c>
      <c r="BF29" s="294">
        <v>0</v>
      </c>
      <c r="BG29" s="295">
        <v>0</v>
      </c>
      <c r="BH29" s="296">
        <v>0</v>
      </c>
      <c r="BI29" s="300"/>
      <c r="BJ29" s="295">
        <v>0</v>
      </c>
      <c r="BK29" s="295">
        <v>0</v>
      </c>
      <c r="BL29" s="295">
        <v>2635</v>
      </c>
      <c r="BM29" s="295">
        <v>0</v>
      </c>
      <c r="BN29" s="295">
        <v>0</v>
      </c>
      <c r="BO29" s="298">
        <v>2635</v>
      </c>
      <c r="BP29" s="299">
        <v>2635</v>
      </c>
      <c r="BQ29" s="294">
        <v>0</v>
      </c>
      <c r="BR29" s="295">
        <v>2030</v>
      </c>
      <c r="BS29" s="296">
        <v>2030</v>
      </c>
      <c r="BT29" s="297">
        <v>0</v>
      </c>
      <c r="BU29" s="295">
        <v>0</v>
      </c>
      <c r="BV29" s="295">
        <v>1860</v>
      </c>
      <c r="BW29" s="295">
        <v>25418</v>
      </c>
      <c r="BX29" s="295">
        <v>12265</v>
      </c>
      <c r="BY29" s="295">
        <v>5435</v>
      </c>
      <c r="BZ29" s="298">
        <v>44978</v>
      </c>
      <c r="CA29" s="299">
        <v>47008</v>
      </c>
      <c r="CB29" s="294">
        <v>0</v>
      </c>
      <c r="CC29" s="295">
        <v>0</v>
      </c>
      <c r="CD29" s="296">
        <v>0</v>
      </c>
      <c r="CE29" s="297">
        <v>0</v>
      </c>
      <c r="CF29" s="295">
        <v>0</v>
      </c>
      <c r="CG29" s="295">
        <v>0</v>
      </c>
      <c r="CH29" s="295">
        <v>245</v>
      </c>
      <c r="CI29" s="295">
        <v>545</v>
      </c>
      <c r="CJ29" s="295">
        <v>0</v>
      </c>
      <c r="CK29" s="298">
        <v>790</v>
      </c>
      <c r="CL29" s="299">
        <v>790</v>
      </c>
      <c r="CM29" s="294">
        <v>0</v>
      </c>
      <c r="CN29" s="295">
        <v>0</v>
      </c>
      <c r="CO29" s="296">
        <v>0</v>
      </c>
      <c r="CP29" s="297">
        <v>0</v>
      </c>
      <c r="CQ29" s="295">
        <v>0</v>
      </c>
      <c r="CR29" s="295">
        <v>0</v>
      </c>
      <c r="CS29" s="295">
        <v>0</v>
      </c>
      <c r="CT29" s="295">
        <v>0</v>
      </c>
      <c r="CU29" s="295">
        <v>0</v>
      </c>
      <c r="CV29" s="298">
        <v>0</v>
      </c>
      <c r="CW29" s="299">
        <v>0</v>
      </c>
      <c r="CX29" s="294">
        <v>0</v>
      </c>
      <c r="CY29" s="295">
        <v>0</v>
      </c>
      <c r="CZ29" s="296">
        <v>0</v>
      </c>
      <c r="DA29" s="300"/>
      <c r="DB29" s="295">
        <v>0</v>
      </c>
      <c r="DC29" s="295">
        <v>0</v>
      </c>
      <c r="DD29" s="295">
        <v>0</v>
      </c>
      <c r="DE29" s="295">
        <v>0</v>
      </c>
      <c r="DF29" s="295">
        <v>0</v>
      </c>
      <c r="DG29" s="298">
        <v>0</v>
      </c>
      <c r="DH29" s="299">
        <v>0</v>
      </c>
      <c r="DI29" s="294">
        <v>0</v>
      </c>
      <c r="DJ29" s="295">
        <v>9744</v>
      </c>
      <c r="DK29" s="296">
        <v>9744</v>
      </c>
      <c r="DL29" s="297">
        <v>0</v>
      </c>
      <c r="DM29" s="295">
        <v>525</v>
      </c>
      <c r="DN29" s="295">
        <v>161313</v>
      </c>
      <c r="DO29" s="295">
        <v>422081</v>
      </c>
      <c r="DP29" s="295">
        <v>936929</v>
      </c>
      <c r="DQ29" s="295">
        <v>455698</v>
      </c>
      <c r="DR29" s="298">
        <v>1976546</v>
      </c>
      <c r="DS29" s="301">
        <v>1986290</v>
      </c>
      <c r="DT29" s="294">
        <v>0</v>
      </c>
      <c r="DU29" s="295">
        <v>0</v>
      </c>
      <c r="DV29" s="296">
        <v>0</v>
      </c>
      <c r="DW29" s="300"/>
      <c r="DX29" s="295">
        <v>0</v>
      </c>
      <c r="DY29" s="295">
        <v>119722</v>
      </c>
      <c r="DZ29" s="295">
        <v>310496</v>
      </c>
      <c r="EA29" s="295">
        <v>894596</v>
      </c>
      <c r="EB29" s="295">
        <v>421662</v>
      </c>
      <c r="EC29" s="298">
        <v>1746476</v>
      </c>
      <c r="ED29" s="299">
        <v>1746476</v>
      </c>
      <c r="EE29" s="294">
        <v>0</v>
      </c>
      <c r="EF29" s="295">
        <v>0</v>
      </c>
      <c r="EG29" s="296">
        <v>0</v>
      </c>
      <c r="EH29" s="300"/>
      <c r="EI29" s="295">
        <v>525</v>
      </c>
      <c r="EJ29" s="295">
        <v>34781</v>
      </c>
      <c r="EK29" s="295">
        <v>49507</v>
      </c>
      <c r="EL29" s="295">
        <v>12653</v>
      </c>
      <c r="EM29" s="295">
        <v>434</v>
      </c>
      <c r="EN29" s="298">
        <v>97900</v>
      </c>
      <c r="EO29" s="299">
        <v>97900</v>
      </c>
      <c r="EP29" s="294">
        <v>0</v>
      </c>
      <c r="EQ29" s="295">
        <v>0</v>
      </c>
      <c r="ER29" s="296">
        <v>0</v>
      </c>
      <c r="ES29" s="300"/>
      <c r="ET29" s="295">
        <v>0</v>
      </c>
      <c r="EU29" s="295">
        <v>0</v>
      </c>
      <c r="EV29" s="295">
        <v>0</v>
      </c>
      <c r="EW29" s="295">
        <v>0</v>
      </c>
      <c r="EX29" s="295">
        <v>0</v>
      </c>
      <c r="EY29" s="298">
        <v>0</v>
      </c>
      <c r="EZ29" s="299">
        <v>0</v>
      </c>
      <c r="FA29" s="294">
        <v>0</v>
      </c>
      <c r="FB29" s="295">
        <v>0</v>
      </c>
      <c r="FC29" s="296">
        <v>0</v>
      </c>
      <c r="FD29" s="300"/>
      <c r="FE29" s="295">
        <v>0</v>
      </c>
      <c r="FF29" s="295">
        <v>0</v>
      </c>
      <c r="FG29" s="295">
        <v>0</v>
      </c>
      <c r="FH29" s="295">
        <v>0</v>
      </c>
      <c r="FI29" s="295">
        <v>434</v>
      </c>
      <c r="FJ29" s="298">
        <v>434</v>
      </c>
      <c r="FK29" s="299">
        <v>434</v>
      </c>
      <c r="FL29" s="294">
        <v>0</v>
      </c>
      <c r="FM29" s="295">
        <v>0</v>
      </c>
      <c r="FN29" s="296">
        <v>0</v>
      </c>
      <c r="FO29" s="300"/>
      <c r="FP29" s="295">
        <v>0</v>
      </c>
      <c r="FQ29" s="295">
        <v>0</v>
      </c>
      <c r="FR29" s="295">
        <v>21576</v>
      </c>
      <c r="FS29" s="295">
        <v>0</v>
      </c>
      <c r="FT29" s="295">
        <v>0</v>
      </c>
      <c r="FU29" s="298">
        <v>21576</v>
      </c>
      <c r="FV29" s="299">
        <v>21576</v>
      </c>
      <c r="FW29" s="294">
        <v>0</v>
      </c>
      <c r="FX29" s="295">
        <v>9744</v>
      </c>
      <c r="FY29" s="296">
        <v>9744</v>
      </c>
      <c r="FZ29" s="297">
        <v>0</v>
      </c>
      <c r="GA29" s="295">
        <v>0</v>
      </c>
      <c r="GB29" s="295">
        <v>6810</v>
      </c>
      <c r="GC29" s="295">
        <v>40481</v>
      </c>
      <c r="GD29" s="295">
        <v>29610</v>
      </c>
      <c r="GE29" s="295">
        <v>33168</v>
      </c>
      <c r="GF29" s="298">
        <v>110069</v>
      </c>
      <c r="GG29" s="299">
        <v>119813</v>
      </c>
      <c r="GH29" s="294">
        <v>0</v>
      </c>
      <c r="GI29" s="295">
        <v>0</v>
      </c>
      <c r="GJ29" s="296">
        <v>0</v>
      </c>
      <c r="GK29" s="297">
        <v>0</v>
      </c>
      <c r="GL29" s="295">
        <v>0</v>
      </c>
      <c r="GM29" s="295">
        <v>0</v>
      </c>
      <c r="GN29" s="295">
        <v>21</v>
      </c>
      <c r="GO29" s="295">
        <v>70</v>
      </c>
      <c r="GP29" s="295">
        <v>0</v>
      </c>
      <c r="GQ29" s="298">
        <v>91</v>
      </c>
      <c r="GR29" s="299">
        <v>91</v>
      </c>
      <c r="GS29" s="294">
        <v>0</v>
      </c>
      <c r="GT29" s="295">
        <v>0</v>
      </c>
      <c r="GU29" s="296">
        <v>0</v>
      </c>
      <c r="GV29" s="297">
        <v>0</v>
      </c>
      <c r="GW29" s="295">
        <v>0</v>
      </c>
      <c r="GX29" s="295">
        <v>0</v>
      </c>
      <c r="GY29" s="295">
        <v>0</v>
      </c>
      <c r="GZ29" s="295">
        <v>0</v>
      </c>
      <c r="HA29" s="295">
        <v>0</v>
      </c>
      <c r="HB29" s="298">
        <v>0</v>
      </c>
      <c r="HC29" s="299">
        <v>0</v>
      </c>
      <c r="HD29" s="294">
        <v>0</v>
      </c>
      <c r="HE29" s="295">
        <v>0</v>
      </c>
      <c r="HF29" s="296">
        <v>0</v>
      </c>
      <c r="HG29" s="300"/>
      <c r="HH29" s="295">
        <v>0</v>
      </c>
      <c r="HI29" s="295">
        <v>0</v>
      </c>
      <c r="HJ29" s="295">
        <v>0</v>
      </c>
      <c r="HK29" s="295">
        <v>0</v>
      </c>
      <c r="HL29" s="295">
        <v>0</v>
      </c>
      <c r="HM29" s="298">
        <v>0</v>
      </c>
      <c r="HN29" s="299">
        <v>0</v>
      </c>
      <c r="HO29" s="294">
        <v>0</v>
      </c>
      <c r="HP29" s="295">
        <v>11774</v>
      </c>
      <c r="HQ29" s="296">
        <v>11774</v>
      </c>
      <c r="HR29" s="297">
        <v>0</v>
      </c>
      <c r="HS29" s="295">
        <v>36970</v>
      </c>
      <c r="HT29" s="295">
        <v>309413</v>
      </c>
      <c r="HU29" s="295">
        <v>832299</v>
      </c>
      <c r="HV29" s="295">
        <v>1915989</v>
      </c>
      <c r="HW29" s="295">
        <v>825548</v>
      </c>
      <c r="HX29" s="298">
        <v>3920219</v>
      </c>
      <c r="HY29" s="299">
        <v>3931993</v>
      </c>
    </row>
    <row r="30" spans="2:233" ht="21" customHeight="1" x14ac:dyDescent="0.2">
      <c r="B30" s="292" t="s">
        <v>27</v>
      </c>
      <c r="C30" s="294">
        <v>0</v>
      </c>
      <c r="D30" s="295">
        <v>0</v>
      </c>
      <c r="E30" s="296">
        <v>0</v>
      </c>
      <c r="F30" s="297">
        <v>0</v>
      </c>
      <c r="G30" s="295">
        <v>46030</v>
      </c>
      <c r="H30" s="295">
        <v>190650</v>
      </c>
      <c r="I30" s="295">
        <v>695535</v>
      </c>
      <c r="J30" s="295">
        <v>547155</v>
      </c>
      <c r="K30" s="295">
        <v>364010</v>
      </c>
      <c r="L30" s="298">
        <v>1843380</v>
      </c>
      <c r="M30" s="299">
        <v>1843380</v>
      </c>
      <c r="N30" s="294">
        <v>0</v>
      </c>
      <c r="O30" s="295">
        <v>0</v>
      </c>
      <c r="P30" s="296">
        <v>0</v>
      </c>
      <c r="Q30" s="300"/>
      <c r="R30" s="295">
        <v>35340</v>
      </c>
      <c r="S30" s="295">
        <v>32705</v>
      </c>
      <c r="T30" s="295">
        <v>446455</v>
      </c>
      <c r="U30" s="295">
        <v>377465</v>
      </c>
      <c r="V30" s="295">
        <v>309215</v>
      </c>
      <c r="W30" s="298">
        <v>1201180</v>
      </c>
      <c r="X30" s="299">
        <v>1201180</v>
      </c>
      <c r="Y30" s="294">
        <v>0</v>
      </c>
      <c r="Z30" s="295">
        <v>0</v>
      </c>
      <c r="AA30" s="296">
        <v>0</v>
      </c>
      <c r="AB30" s="300"/>
      <c r="AC30" s="295">
        <v>5270</v>
      </c>
      <c r="AD30" s="295">
        <v>157945</v>
      </c>
      <c r="AE30" s="295">
        <v>166005</v>
      </c>
      <c r="AF30" s="295">
        <v>160335</v>
      </c>
      <c r="AG30" s="295">
        <v>35340</v>
      </c>
      <c r="AH30" s="298">
        <v>524895</v>
      </c>
      <c r="AI30" s="299">
        <v>524895</v>
      </c>
      <c r="AJ30" s="294">
        <v>0</v>
      </c>
      <c r="AK30" s="295">
        <v>0</v>
      </c>
      <c r="AL30" s="296">
        <v>0</v>
      </c>
      <c r="AM30" s="300"/>
      <c r="AN30" s="295">
        <v>0</v>
      </c>
      <c r="AO30" s="295">
        <v>0</v>
      </c>
      <c r="AP30" s="295">
        <v>0</v>
      </c>
      <c r="AQ30" s="295">
        <v>0</v>
      </c>
      <c r="AR30" s="295">
        <v>0</v>
      </c>
      <c r="AS30" s="298">
        <v>0</v>
      </c>
      <c r="AT30" s="299">
        <v>0</v>
      </c>
      <c r="AU30" s="294">
        <v>0</v>
      </c>
      <c r="AV30" s="295">
        <v>0</v>
      </c>
      <c r="AW30" s="296">
        <v>0</v>
      </c>
      <c r="AX30" s="300"/>
      <c r="AY30" s="295">
        <v>0</v>
      </c>
      <c r="AZ30" s="295">
        <v>0</v>
      </c>
      <c r="BA30" s="295">
        <v>0</v>
      </c>
      <c r="BB30" s="295">
        <v>0</v>
      </c>
      <c r="BC30" s="295">
        <v>0</v>
      </c>
      <c r="BD30" s="298">
        <v>0</v>
      </c>
      <c r="BE30" s="299">
        <v>0</v>
      </c>
      <c r="BF30" s="294">
        <v>0</v>
      </c>
      <c r="BG30" s="295">
        <v>0</v>
      </c>
      <c r="BH30" s="296">
        <v>0</v>
      </c>
      <c r="BI30" s="300"/>
      <c r="BJ30" s="295">
        <v>0</v>
      </c>
      <c r="BK30" s="295">
        <v>0</v>
      </c>
      <c r="BL30" s="295">
        <v>65255</v>
      </c>
      <c r="BM30" s="295">
        <v>7905</v>
      </c>
      <c r="BN30" s="295">
        <v>0</v>
      </c>
      <c r="BO30" s="298">
        <v>73160</v>
      </c>
      <c r="BP30" s="299">
        <v>73160</v>
      </c>
      <c r="BQ30" s="294">
        <v>0</v>
      </c>
      <c r="BR30" s="295">
        <v>0</v>
      </c>
      <c r="BS30" s="296">
        <v>0</v>
      </c>
      <c r="BT30" s="297">
        <v>0</v>
      </c>
      <c r="BU30" s="295">
        <v>5420</v>
      </c>
      <c r="BV30" s="295">
        <v>0</v>
      </c>
      <c r="BW30" s="295">
        <v>17820</v>
      </c>
      <c r="BX30" s="295">
        <v>1450</v>
      </c>
      <c r="BY30" s="295">
        <v>19455</v>
      </c>
      <c r="BZ30" s="298">
        <v>44145</v>
      </c>
      <c r="CA30" s="299">
        <v>44145</v>
      </c>
      <c r="CB30" s="294">
        <v>0</v>
      </c>
      <c r="CC30" s="295">
        <v>0</v>
      </c>
      <c r="CD30" s="296">
        <v>0</v>
      </c>
      <c r="CE30" s="297">
        <v>0</v>
      </c>
      <c r="CF30" s="295">
        <v>0</v>
      </c>
      <c r="CG30" s="295">
        <v>0</v>
      </c>
      <c r="CH30" s="295">
        <v>0</v>
      </c>
      <c r="CI30" s="295">
        <v>0</v>
      </c>
      <c r="CJ30" s="295">
        <v>0</v>
      </c>
      <c r="CK30" s="298">
        <v>0</v>
      </c>
      <c r="CL30" s="299">
        <v>0</v>
      </c>
      <c r="CM30" s="294">
        <v>0</v>
      </c>
      <c r="CN30" s="295">
        <v>0</v>
      </c>
      <c r="CO30" s="296">
        <v>0</v>
      </c>
      <c r="CP30" s="297">
        <v>0</v>
      </c>
      <c r="CQ30" s="295">
        <v>0</v>
      </c>
      <c r="CR30" s="295">
        <v>0</v>
      </c>
      <c r="CS30" s="295">
        <v>0</v>
      </c>
      <c r="CT30" s="295">
        <v>0</v>
      </c>
      <c r="CU30" s="295">
        <v>0</v>
      </c>
      <c r="CV30" s="298">
        <v>0</v>
      </c>
      <c r="CW30" s="299">
        <v>0</v>
      </c>
      <c r="CX30" s="294">
        <v>0</v>
      </c>
      <c r="CY30" s="295">
        <v>0</v>
      </c>
      <c r="CZ30" s="296">
        <v>0</v>
      </c>
      <c r="DA30" s="300"/>
      <c r="DB30" s="295">
        <v>0</v>
      </c>
      <c r="DC30" s="295">
        <v>0</v>
      </c>
      <c r="DD30" s="295">
        <v>0</v>
      </c>
      <c r="DE30" s="295">
        <v>0</v>
      </c>
      <c r="DF30" s="295">
        <v>0</v>
      </c>
      <c r="DG30" s="298">
        <v>0</v>
      </c>
      <c r="DH30" s="299">
        <v>0</v>
      </c>
      <c r="DI30" s="294">
        <v>0</v>
      </c>
      <c r="DJ30" s="295">
        <v>0</v>
      </c>
      <c r="DK30" s="296">
        <v>0</v>
      </c>
      <c r="DL30" s="297">
        <v>0</v>
      </c>
      <c r="DM30" s="295">
        <v>63428</v>
      </c>
      <c r="DN30" s="295">
        <v>100719</v>
      </c>
      <c r="DO30" s="295">
        <v>632552</v>
      </c>
      <c r="DP30" s="295">
        <v>590701</v>
      </c>
      <c r="DQ30" s="295">
        <v>310741</v>
      </c>
      <c r="DR30" s="298">
        <v>1698141</v>
      </c>
      <c r="DS30" s="301">
        <v>1698141</v>
      </c>
      <c r="DT30" s="294">
        <v>0</v>
      </c>
      <c r="DU30" s="295">
        <v>0</v>
      </c>
      <c r="DV30" s="296">
        <v>0</v>
      </c>
      <c r="DW30" s="300"/>
      <c r="DX30" s="295">
        <v>30070</v>
      </c>
      <c r="DY30" s="295">
        <v>15035</v>
      </c>
      <c r="DZ30" s="295">
        <v>409044</v>
      </c>
      <c r="EA30" s="295">
        <v>478791</v>
      </c>
      <c r="EB30" s="295">
        <v>294817</v>
      </c>
      <c r="EC30" s="298">
        <v>1227757</v>
      </c>
      <c r="ED30" s="299">
        <v>1227757</v>
      </c>
      <c r="EE30" s="294">
        <v>0</v>
      </c>
      <c r="EF30" s="295">
        <v>0</v>
      </c>
      <c r="EG30" s="296">
        <v>0</v>
      </c>
      <c r="EH30" s="300"/>
      <c r="EI30" s="295">
        <v>21793</v>
      </c>
      <c r="EJ30" s="295">
        <v>85684</v>
      </c>
      <c r="EK30" s="295">
        <v>81623</v>
      </c>
      <c r="EL30" s="295">
        <v>38513</v>
      </c>
      <c r="EM30" s="295">
        <v>434</v>
      </c>
      <c r="EN30" s="298">
        <v>228047</v>
      </c>
      <c r="EO30" s="299">
        <v>228047</v>
      </c>
      <c r="EP30" s="294">
        <v>0</v>
      </c>
      <c r="EQ30" s="295">
        <v>0</v>
      </c>
      <c r="ER30" s="296">
        <v>0</v>
      </c>
      <c r="ES30" s="300"/>
      <c r="ET30" s="295">
        <v>0</v>
      </c>
      <c r="EU30" s="295">
        <v>0</v>
      </c>
      <c r="EV30" s="295">
        <v>0</v>
      </c>
      <c r="EW30" s="295">
        <v>0</v>
      </c>
      <c r="EX30" s="295">
        <v>0</v>
      </c>
      <c r="EY30" s="298">
        <v>0</v>
      </c>
      <c r="EZ30" s="299">
        <v>0</v>
      </c>
      <c r="FA30" s="294">
        <v>0</v>
      </c>
      <c r="FB30" s="295">
        <v>0</v>
      </c>
      <c r="FC30" s="296">
        <v>0</v>
      </c>
      <c r="FD30" s="300"/>
      <c r="FE30" s="295">
        <v>0</v>
      </c>
      <c r="FF30" s="295">
        <v>0</v>
      </c>
      <c r="FG30" s="295">
        <v>0</v>
      </c>
      <c r="FH30" s="295">
        <v>0</v>
      </c>
      <c r="FI30" s="295">
        <v>0</v>
      </c>
      <c r="FJ30" s="298">
        <v>0</v>
      </c>
      <c r="FK30" s="299">
        <v>0</v>
      </c>
      <c r="FL30" s="294">
        <v>0</v>
      </c>
      <c r="FM30" s="295">
        <v>0</v>
      </c>
      <c r="FN30" s="296">
        <v>0</v>
      </c>
      <c r="FO30" s="300"/>
      <c r="FP30" s="295">
        <v>0</v>
      </c>
      <c r="FQ30" s="295">
        <v>0</v>
      </c>
      <c r="FR30" s="295">
        <v>123070</v>
      </c>
      <c r="FS30" s="295">
        <v>64728</v>
      </c>
      <c r="FT30" s="295">
        <v>0</v>
      </c>
      <c r="FU30" s="298">
        <v>187798</v>
      </c>
      <c r="FV30" s="299">
        <v>187798</v>
      </c>
      <c r="FW30" s="294">
        <v>0</v>
      </c>
      <c r="FX30" s="295">
        <v>0</v>
      </c>
      <c r="FY30" s="296">
        <v>0</v>
      </c>
      <c r="FZ30" s="297">
        <v>0</v>
      </c>
      <c r="GA30" s="295">
        <v>11565</v>
      </c>
      <c r="GB30" s="295">
        <v>0</v>
      </c>
      <c r="GC30" s="295">
        <v>18815</v>
      </c>
      <c r="GD30" s="295">
        <v>6223</v>
      </c>
      <c r="GE30" s="295">
        <v>15490</v>
      </c>
      <c r="GF30" s="298">
        <v>52093</v>
      </c>
      <c r="GG30" s="299">
        <v>52093</v>
      </c>
      <c r="GH30" s="294">
        <v>0</v>
      </c>
      <c r="GI30" s="295">
        <v>0</v>
      </c>
      <c r="GJ30" s="296">
        <v>0</v>
      </c>
      <c r="GK30" s="297">
        <v>0</v>
      </c>
      <c r="GL30" s="295">
        <v>0</v>
      </c>
      <c r="GM30" s="295">
        <v>0</v>
      </c>
      <c r="GN30" s="295">
        <v>0</v>
      </c>
      <c r="GO30" s="295">
        <v>2446</v>
      </c>
      <c r="GP30" s="295">
        <v>0</v>
      </c>
      <c r="GQ30" s="298">
        <v>2446</v>
      </c>
      <c r="GR30" s="299">
        <v>2446</v>
      </c>
      <c r="GS30" s="294">
        <v>0</v>
      </c>
      <c r="GT30" s="295">
        <v>0</v>
      </c>
      <c r="GU30" s="296">
        <v>0</v>
      </c>
      <c r="GV30" s="297">
        <v>0</v>
      </c>
      <c r="GW30" s="295">
        <v>0</v>
      </c>
      <c r="GX30" s="295">
        <v>0</v>
      </c>
      <c r="GY30" s="295">
        <v>0</v>
      </c>
      <c r="GZ30" s="295">
        <v>0</v>
      </c>
      <c r="HA30" s="295">
        <v>0</v>
      </c>
      <c r="HB30" s="298">
        <v>0</v>
      </c>
      <c r="HC30" s="299">
        <v>0</v>
      </c>
      <c r="HD30" s="294">
        <v>0</v>
      </c>
      <c r="HE30" s="295">
        <v>0</v>
      </c>
      <c r="HF30" s="296">
        <v>0</v>
      </c>
      <c r="HG30" s="300"/>
      <c r="HH30" s="295">
        <v>0</v>
      </c>
      <c r="HI30" s="295">
        <v>0</v>
      </c>
      <c r="HJ30" s="295">
        <v>0</v>
      </c>
      <c r="HK30" s="295">
        <v>0</v>
      </c>
      <c r="HL30" s="295">
        <v>0</v>
      </c>
      <c r="HM30" s="298">
        <v>0</v>
      </c>
      <c r="HN30" s="299">
        <v>0</v>
      </c>
      <c r="HO30" s="294">
        <v>0</v>
      </c>
      <c r="HP30" s="295">
        <v>0</v>
      </c>
      <c r="HQ30" s="296">
        <v>0</v>
      </c>
      <c r="HR30" s="297">
        <v>0</v>
      </c>
      <c r="HS30" s="295">
        <v>109458</v>
      </c>
      <c r="HT30" s="295">
        <v>291369</v>
      </c>
      <c r="HU30" s="295">
        <v>1328087</v>
      </c>
      <c r="HV30" s="295">
        <v>1137856</v>
      </c>
      <c r="HW30" s="295">
        <v>674751</v>
      </c>
      <c r="HX30" s="298">
        <v>3541521</v>
      </c>
      <c r="HY30" s="299">
        <v>3541521</v>
      </c>
    </row>
    <row r="31" spans="2:233" ht="21" customHeight="1" x14ac:dyDescent="0.2">
      <c r="B31" s="292" t="s">
        <v>28</v>
      </c>
      <c r="C31" s="294">
        <v>0</v>
      </c>
      <c r="D31" s="295">
        <v>0</v>
      </c>
      <c r="E31" s="296">
        <v>0</v>
      </c>
      <c r="F31" s="297">
        <v>0</v>
      </c>
      <c r="G31" s="295">
        <v>0</v>
      </c>
      <c r="H31" s="295">
        <v>33325</v>
      </c>
      <c r="I31" s="295">
        <v>236970</v>
      </c>
      <c r="J31" s="295">
        <v>160990</v>
      </c>
      <c r="K31" s="295">
        <v>119375</v>
      </c>
      <c r="L31" s="298">
        <v>550660</v>
      </c>
      <c r="M31" s="299">
        <v>550660</v>
      </c>
      <c r="N31" s="294">
        <v>0</v>
      </c>
      <c r="O31" s="295">
        <v>0</v>
      </c>
      <c r="P31" s="296">
        <v>0</v>
      </c>
      <c r="Q31" s="300"/>
      <c r="R31" s="295">
        <v>0</v>
      </c>
      <c r="S31" s="295">
        <v>30690</v>
      </c>
      <c r="T31" s="295">
        <v>168435</v>
      </c>
      <c r="U31" s="295">
        <v>104885</v>
      </c>
      <c r="V31" s="295">
        <v>94410</v>
      </c>
      <c r="W31" s="298">
        <v>398420</v>
      </c>
      <c r="X31" s="299">
        <v>398420</v>
      </c>
      <c r="Y31" s="294">
        <v>0</v>
      </c>
      <c r="Z31" s="295">
        <v>0</v>
      </c>
      <c r="AA31" s="296">
        <v>0</v>
      </c>
      <c r="AB31" s="300"/>
      <c r="AC31" s="295">
        <v>0</v>
      </c>
      <c r="AD31" s="295">
        <v>2635</v>
      </c>
      <c r="AE31" s="295">
        <v>59730</v>
      </c>
      <c r="AF31" s="295">
        <v>32705</v>
      </c>
      <c r="AG31" s="295">
        <v>24645</v>
      </c>
      <c r="AH31" s="298">
        <v>119715</v>
      </c>
      <c r="AI31" s="299">
        <v>119715</v>
      </c>
      <c r="AJ31" s="294">
        <v>0</v>
      </c>
      <c r="AK31" s="295">
        <v>0</v>
      </c>
      <c r="AL31" s="296">
        <v>0</v>
      </c>
      <c r="AM31" s="300"/>
      <c r="AN31" s="295">
        <v>0</v>
      </c>
      <c r="AO31" s="295">
        <v>0</v>
      </c>
      <c r="AP31" s="295">
        <v>0</v>
      </c>
      <c r="AQ31" s="295">
        <v>0</v>
      </c>
      <c r="AR31" s="295">
        <v>0</v>
      </c>
      <c r="AS31" s="298">
        <v>0</v>
      </c>
      <c r="AT31" s="299">
        <v>0</v>
      </c>
      <c r="AU31" s="294">
        <v>0</v>
      </c>
      <c r="AV31" s="295">
        <v>0</v>
      </c>
      <c r="AW31" s="296">
        <v>0</v>
      </c>
      <c r="AX31" s="300"/>
      <c r="AY31" s="295">
        <v>0</v>
      </c>
      <c r="AZ31" s="295">
        <v>0</v>
      </c>
      <c r="BA31" s="295">
        <v>0</v>
      </c>
      <c r="BB31" s="295">
        <v>0</v>
      </c>
      <c r="BC31" s="295">
        <v>0</v>
      </c>
      <c r="BD31" s="298">
        <v>0</v>
      </c>
      <c r="BE31" s="299">
        <v>0</v>
      </c>
      <c r="BF31" s="294">
        <v>0</v>
      </c>
      <c r="BG31" s="295">
        <v>0</v>
      </c>
      <c r="BH31" s="296">
        <v>0</v>
      </c>
      <c r="BI31" s="300"/>
      <c r="BJ31" s="295">
        <v>0</v>
      </c>
      <c r="BK31" s="295">
        <v>0</v>
      </c>
      <c r="BL31" s="295">
        <v>2635</v>
      </c>
      <c r="BM31" s="295">
        <v>0</v>
      </c>
      <c r="BN31" s="295">
        <v>0</v>
      </c>
      <c r="BO31" s="298">
        <v>2635</v>
      </c>
      <c r="BP31" s="299">
        <v>2635</v>
      </c>
      <c r="BQ31" s="294">
        <v>0</v>
      </c>
      <c r="BR31" s="295">
        <v>0</v>
      </c>
      <c r="BS31" s="296">
        <v>0</v>
      </c>
      <c r="BT31" s="297">
        <v>0</v>
      </c>
      <c r="BU31" s="295">
        <v>0</v>
      </c>
      <c r="BV31" s="295">
        <v>0</v>
      </c>
      <c r="BW31" s="295">
        <v>6170</v>
      </c>
      <c r="BX31" s="295">
        <v>23400</v>
      </c>
      <c r="BY31" s="295">
        <v>320</v>
      </c>
      <c r="BZ31" s="298">
        <v>29890</v>
      </c>
      <c r="CA31" s="299">
        <v>29890</v>
      </c>
      <c r="CB31" s="294">
        <v>0</v>
      </c>
      <c r="CC31" s="295">
        <v>0</v>
      </c>
      <c r="CD31" s="296">
        <v>0</v>
      </c>
      <c r="CE31" s="297">
        <v>0</v>
      </c>
      <c r="CF31" s="295">
        <v>0</v>
      </c>
      <c r="CG31" s="295">
        <v>0</v>
      </c>
      <c r="CH31" s="295">
        <v>0</v>
      </c>
      <c r="CI31" s="295">
        <v>0</v>
      </c>
      <c r="CJ31" s="295">
        <v>0</v>
      </c>
      <c r="CK31" s="298">
        <v>0</v>
      </c>
      <c r="CL31" s="299">
        <v>0</v>
      </c>
      <c r="CM31" s="294">
        <v>0</v>
      </c>
      <c r="CN31" s="295">
        <v>0</v>
      </c>
      <c r="CO31" s="296">
        <v>0</v>
      </c>
      <c r="CP31" s="297">
        <v>0</v>
      </c>
      <c r="CQ31" s="295">
        <v>0</v>
      </c>
      <c r="CR31" s="295">
        <v>0</v>
      </c>
      <c r="CS31" s="295">
        <v>0</v>
      </c>
      <c r="CT31" s="295">
        <v>0</v>
      </c>
      <c r="CU31" s="295">
        <v>0</v>
      </c>
      <c r="CV31" s="298">
        <v>0</v>
      </c>
      <c r="CW31" s="299">
        <v>0</v>
      </c>
      <c r="CX31" s="294">
        <v>0</v>
      </c>
      <c r="CY31" s="295">
        <v>0</v>
      </c>
      <c r="CZ31" s="296">
        <v>0</v>
      </c>
      <c r="DA31" s="300"/>
      <c r="DB31" s="295">
        <v>0</v>
      </c>
      <c r="DC31" s="295">
        <v>0</v>
      </c>
      <c r="DD31" s="295">
        <v>0</v>
      </c>
      <c r="DE31" s="295">
        <v>0</v>
      </c>
      <c r="DF31" s="295">
        <v>0</v>
      </c>
      <c r="DG31" s="298">
        <v>0</v>
      </c>
      <c r="DH31" s="299">
        <v>0</v>
      </c>
      <c r="DI31" s="294">
        <v>0</v>
      </c>
      <c r="DJ31" s="295">
        <v>0</v>
      </c>
      <c r="DK31" s="296">
        <v>0</v>
      </c>
      <c r="DL31" s="297">
        <v>0</v>
      </c>
      <c r="DM31" s="295">
        <v>0</v>
      </c>
      <c r="DN31" s="295">
        <v>36146</v>
      </c>
      <c r="DO31" s="295">
        <v>166382</v>
      </c>
      <c r="DP31" s="295">
        <v>160968</v>
      </c>
      <c r="DQ31" s="295">
        <v>90007</v>
      </c>
      <c r="DR31" s="298">
        <v>453503</v>
      </c>
      <c r="DS31" s="301">
        <v>453503</v>
      </c>
      <c r="DT31" s="294">
        <v>0</v>
      </c>
      <c r="DU31" s="295">
        <v>0</v>
      </c>
      <c r="DV31" s="296">
        <v>0</v>
      </c>
      <c r="DW31" s="300"/>
      <c r="DX31" s="295">
        <v>0</v>
      </c>
      <c r="DY31" s="295">
        <v>14570</v>
      </c>
      <c r="DZ31" s="295">
        <v>136186</v>
      </c>
      <c r="EA31" s="295">
        <v>146651</v>
      </c>
      <c r="EB31" s="295">
        <v>86030</v>
      </c>
      <c r="EC31" s="298">
        <v>383437</v>
      </c>
      <c r="ED31" s="299">
        <v>383437</v>
      </c>
      <c r="EE31" s="294">
        <v>0</v>
      </c>
      <c r="EF31" s="295">
        <v>0</v>
      </c>
      <c r="EG31" s="296">
        <v>0</v>
      </c>
      <c r="EH31" s="300"/>
      <c r="EI31" s="295">
        <v>0</v>
      </c>
      <c r="EJ31" s="295">
        <v>21576</v>
      </c>
      <c r="EK31" s="295">
        <v>630</v>
      </c>
      <c r="EL31" s="295">
        <v>217</v>
      </c>
      <c r="EM31" s="295">
        <v>217</v>
      </c>
      <c r="EN31" s="298">
        <v>22640</v>
      </c>
      <c r="EO31" s="299">
        <v>22640</v>
      </c>
      <c r="EP31" s="294">
        <v>0</v>
      </c>
      <c r="EQ31" s="295">
        <v>0</v>
      </c>
      <c r="ER31" s="296">
        <v>0</v>
      </c>
      <c r="ES31" s="300"/>
      <c r="ET31" s="295">
        <v>0</v>
      </c>
      <c r="EU31" s="295">
        <v>0</v>
      </c>
      <c r="EV31" s="295">
        <v>0</v>
      </c>
      <c r="EW31" s="295">
        <v>0</v>
      </c>
      <c r="EX31" s="295">
        <v>0</v>
      </c>
      <c r="EY31" s="298">
        <v>0</v>
      </c>
      <c r="EZ31" s="299">
        <v>0</v>
      </c>
      <c r="FA31" s="294">
        <v>0</v>
      </c>
      <c r="FB31" s="295">
        <v>0</v>
      </c>
      <c r="FC31" s="296">
        <v>0</v>
      </c>
      <c r="FD31" s="300"/>
      <c r="FE31" s="295">
        <v>0</v>
      </c>
      <c r="FF31" s="295">
        <v>0</v>
      </c>
      <c r="FG31" s="295">
        <v>0</v>
      </c>
      <c r="FH31" s="295">
        <v>0</v>
      </c>
      <c r="FI31" s="295">
        <v>0</v>
      </c>
      <c r="FJ31" s="298">
        <v>0</v>
      </c>
      <c r="FK31" s="299">
        <v>0</v>
      </c>
      <c r="FL31" s="294">
        <v>0</v>
      </c>
      <c r="FM31" s="295">
        <v>0</v>
      </c>
      <c r="FN31" s="296">
        <v>0</v>
      </c>
      <c r="FO31" s="300"/>
      <c r="FP31" s="295">
        <v>0</v>
      </c>
      <c r="FQ31" s="295">
        <v>0</v>
      </c>
      <c r="FR31" s="295">
        <v>21576</v>
      </c>
      <c r="FS31" s="295">
        <v>0</v>
      </c>
      <c r="FT31" s="295">
        <v>0</v>
      </c>
      <c r="FU31" s="298">
        <v>21576</v>
      </c>
      <c r="FV31" s="299">
        <v>21576</v>
      </c>
      <c r="FW31" s="294">
        <v>0</v>
      </c>
      <c r="FX31" s="295">
        <v>0</v>
      </c>
      <c r="FY31" s="296">
        <v>0</v>
      </c>
      <c r="FZ31" s="297">
        <v>0</v>
      </c>
      <c r="GA31" s="295">
        <v>0</v>
      </c>
      <c r="GB31" s="295">
        <v>0</v>
      </c>
      <c r="GC31" s="295">
        <v>7990</v>
      </c>
      <c r="GD31" s="295">
        <v>14100</v>
      </c>
      <c r="GE31" s="295">
        <v>3760</v>
      </c>
      <c r="GF31" s="298">
        <v>25850</v>
      </c>
      <c r="GG31" s="299">
        <v>25850</v>
      </c>
      <c r="GH31" s="294">
        <v>0</v>
      </c>
      <c r="GI31" s="295">
        <v>0</v>
      </c>
      <c r="GJ31" s="296">
        <v>0</v>
      </c>
      <c r="GK31" s="297">
        <v>0</v>
      </c>
      <c r="GL31" s="295">
        <v>0</v>
      </c>
      <c r="GM31" s="295">
        <v>0</v>
      </c>
      <c r="GN31" s="295">
        <v>0</v>
      </c>
      <c r="GO31" s="295">
        <v>0</v>
      </c>
      <c r="GP31" s="295">
        <v>0</v>
      </c>
      <c r="GQ31" s="298">
        <v>0</v>
      </c>
      <c r="GR31" s="299">
        <v>0</v>
      </c>
      <c r="GS31" s="294">
        <v>0</v>
      </c>
      <c r="GT31" s="295">
        <v>0</v>
      </c>
      <c r="GU31" s="296">
        <v>0</v>
      </c>
      <c r="GV31" s="297">
        <v>0</v>
      </c>
      <c r="GW31" s="295">
        <v>0</v>
      </c>
      <c r="GX31" s="295">
        <v>0</v>
      </c>
      <c r="GY31" s="295">
        <v>0</v>
      </c>
      <c r="GZ31" s="295">
        <v>0</v>
      </c>
      <c r="HA31" s="295">
        <v>0</v>
      </c>
      <c r="HB31" s="298">
        <v>0</v>
      </c>
      <c r="HC31" s="299">
        <v>0</v>
      </c>
      <c r="HD31" s="294">
        <v>0</v>
      </c>
      <c r="HE31" s="295">
        <v>0</v>
      </c>
      <c r="HF31" s="296">
        <v>0</v>
      </c>
      <c r="HG31" s="300"/>
      <c r="HH31" s="295">
        <v>0</v>
      </c>
      <c r="HI31" s="295">
        <v>0</v>
      </c>
      <c r="HJ31" s="295">
        <v>0</v>
      </c>
      <c r="HK31" s="295">
        <v>0</v>
      </c>
      <c r="HL31" s="295">
        <v>0</v>
      </c>
      <c r="HM31" s="298">
        <v>0</v>
      </c>
      <c r="HN31" s="299">
        <v>0</v>
      </c>
      <c r="HO31" s="294">
        <v>0</v>
      </c>
      <c r="HP31" s="295">
        <v>0</v>
      </c>
      <c r="HQ31" s="296">
        <v>0</v>
      </c>
      <c r="HR31" s="297">
        <v>0</v>
      </c>
      <c r="HS31" s="295">
        <v>0</v>
      </c>
      <c r="HT31" s="295">
        <v>69471</v>
      </c>
      <c r="HU31" s="295">
        <v>403352</v>
      </c>
      <c r="HV31" s="295">
        <v>321958</v>
      </c>
      <c r="HW31" s="295">
        <v>209382</v>
      </c>
      <c r="HX31" s="298">
        <v>1004163</v>
      </c>
      <c r="HY31" s="299">
        <v>1004163</v>
      </c>
    </row>
    <row r="32" spans="2:233" ht="21" customHeight="1" x14ac:dyDescent="0.2">
      <c r="B32" s="292" t="s">
        <v>29</v>
      </c>
      <c r="C32" s="294">
        <v>0</v>
      </c>
      <c r="D32" s="295">
        <v>0</v>
      </c>
      <c r="E32" s="296">
        <v>0</v>
      </c>
      <c r="F32" s="297">
        <v>0</v>
      </c>
      <c r="G32" s="295">
        <v>0</v>
      </c>
      <c r="H32" s="295">
        <v>115955</v>
      </c>
      <c r="I32" s="295">
        <v>247807</v>
      </c>
      <c r="J32" s="295">
        <v>443337</v>
      </c>
      <c r="K32" s="295">
        <v>226920</v>
      </c>
      <c r="L32" s="298">
        <v>1034019</v>
      </c>
      <c r="M32" s="299">
        <v>1034019</v>
      </c>
      <c r="N32" s="294">
        <v>0</v>
      </c>
      <c r="O32" s="295">
        <v>0</v>
      </c>
      <c r="P32" s="296">
        <v>0</v>
      </c>
      <c r="Q32" s="300"/>
      <c r="R32" s="295">
        <v>0</v>
      </c>
      <c r="S32" s="295">
        <v>35495</v>
      </c>
      <c r="T32" s="295">
        <v>107000</v>
      </c>
      <c r="U32" s="295">
        <v>256295</v>
      </c>
      <c r="V32" s="295">
        <v>170910</v>
      </c>
      <c r="W32" s="298">
        <v>569700</v>
      </c>
      <c r="X32" s="299">
        <v>569700</v>
      </c>
      <c r="Y32" s="294">
        <v>0</v>
      </c>
      <c r="Z32" s="295">
        <v>0</v>
      </c>
      <c r="AA32" s="296">
        <v>0</v>
      </c>
      <c r="AB32" s="300"/>
      <c r="AC32" s="295">
        <v>0</v>
      </c>
      <c r="AD32" s="295">
        <v>51925</v>
      </c>
      <c r="AE32" s="295">
        <v>98590</v>
      </c>
      <c r="AF32" s="295">
        <v>62365</v>
      </c>
      <c r="AG32" s="295">
        <v>5270</v>
      </c>
      <c r="AH32" s="298">
        <v>218150</v>
      </c>
      <c r="AI32" s="299">
        <v>218150</v>
      </c>
      <c r="AJ32" s="294">
        <v>0</v>
      </c>
      <c r="AK32" s="295">
        <v>0</v>
      </c>
      <c r="AL32" s="296">
        <v>0</v>
      </c>
      <c r="AM32" s="300"/>
      <c r="AN32" s="295">
        <v>0</v>
      </c>
      <c r="AO32" s="295">
        <v>0</v>
      </c>
      <c r="AP32" s="295">
        <v>0</v>
      </c>
      <c r="AQ32" s="295">
        <v>0</v>
      </c>
      <c r="AR32" s="295">
        <v>0</v>
      </c>
      <c r="AS32" s="298">
        <v>0</v>
      </c>
      <c r="AT32" s="299">
        <v>0</v>
      </c>
      <c r="AU32" s="294">
        <v>0</v>
      </c>
      <c r="AV32" s="295">
        <v>0</v>
      </c>
      <c r="AW32" s="296">
        <v>0</v>
      </c>
      <c r="AX32" s="300"/>
      <c r="AY32" s="295">
        <v>0</v>
      </c>
      <c r="AZ32" s="295">
        <v>0</v>
      </c>
      <c r="BA32" s="295">
        <v>0</v>
      </c>
      <c r="BB32" s="295">
        <v>0</v>
      </c>
      <c r="BC32" s="295">
        <v>0</v>
      </c>
      <c r="BD32" s="298">
        <v>0</v>
      </c>
      <c r="BE32" s="299">
        <v>0</v>
      </c>
      <c r="BF32" s="294">
        <v>0</v>
      </c>
      <c r="BG32" s="295">
        <v>0</v>
      </c>
      <c r="BH32" s="296">
        <v>0</v>
      </c>
      <c r="BI32" s="300"/>
      <c r="BJ32" s="295">
        <v>0</v>
      </c>
      <c r="BK32" s="295">
        <v>2635</v>
      </c>
      <c r="BL32" s="295">
        <v>7905</v>
      </c>
      <c r="BM32" s="295">
        <v>122760</v>
      </c>
      <c r="BN32" s="295">
        <v>49290</v>
      </c>
      <c r="BO32" s="298">
        <v>182590</v>
      </c>
      <c r="BP32" s="299">
        <v>182590</v>
      </c>
      <c r="BQ32" s="294">
        <v>0</v>
      </c>
      <c r="BR32" s="295">
        <v>0</v>
      </c>
      <c r="BS32" s="296">
        <v>0</v>
      </c>
      <c r="BT32" s="297">
        <v>0</v>
      </c>
      <c r="BU32" s="295">
        <v>0</v>
      </c>
      <c r="BV32" s="295">
        <v>24025</v>
      </c>
      <c r="BW32" s="295">
        <v>34167</v>
      </c>
      <c r="BX32" s="295">
        <v>1917</v>
      </c>
      <c r="BY32" s="295">
        <v>1450</v>
      </c>
      <c r="BZ32" s="298">
        <v>61559</v>
      </c>
      <c r="CA32" s="299">
        <v>61559</v>
      </c>
      <c r="CB32" s="294">
        <v>0</v>
      </c>
      <c r="CC32" s="295">
        <v>0</v>
      </c>
      <c r="CD32" s="296">
        <v>0</v>
      </c>
      <c r="CE32" s="297">
        <v>0</v>
      </c>
      <c r="CF32" s="295">
        <v>0</v>
      </c>
      <c r="CG32" s="295">
        <v>1875</v>
      </c>
      <c r="CH32" s="295">
        <v>145</v>
      </c>
      <c r="CI32" s="295">
        <v>0</v>
      </c>
      <c r="CJ32" s="295">
        <v>0</v>
      </c>
      <c r="CK32" s="298">
        <v>2020</v>
      </c>
      <c r="CL32" s="299">
        <v>2020</v>
      </c>
      <c r="CM32" s="294">
        <v>0</v>
      </c>
      <c r="CN32" s="295">
        <v>0</v>
      </c>
      <c r="CO32" s="296">
        <v>0</v>
      </c>
      <c r="CP32" s="297">
        <v>0</v>
      </c>
      <c r="CQ32" s="295">
        <v>0</v>
      </c>
      <c r="CR32" s="295">
        <v>0</v>
      </c>
      <c r="CS32" s="295">
        <v>0</v>
      </c>
      <c r="CT32" s="295">
        <v>0</v>
      </c>
      <c r="CU32" s="295">
        <v>0</v>
      </c>
      <c r="CV32" s="298">
        <v>0</v>
      </c>
      <c r="CW32" s="299">
        <v>0</v>
      </c>
      <c r="CX32" s="294">
        <v>0</v>
      </c>
      <c r="CY32" s="295">
        <v>0</v>
      </c>
      <c r="CZ32" s="296">
        <v>0</v>
      </c>
      <c r="DA32" s="300"/>
      <c r="DB32" s="295">
        <v>0</v>
      </c>
      <c r="DC32" s="295">
        <v>0</v>
      </c>
      <c r="DD32" s="295">
        <v>0</v>
      </c>
      <c r="DE32" s="295">
        <v>0</v>
      </c>
      <c r="DF32" s="295">
        <v>0</v>
      </c>
      <c r="DG32" s="298">
        <v>0</v>
      </c>
      <c r="DH32" s="299">
        <v>0</v>
      </c>
      <c r="DI32" s="294">
        <v>0</v>
      </c>
      <c r="DJ32" s="295">
        <v>0</v>
      </c>
      <c r="DK32" s="296">
        <v>0</v>
      </c>
      <c r="DL32" s="297">
        <v>0</v>
      </c>
      <c r="DM32" s="295">
        <v>0</v>
      </c>
      <c r="DN32" s="295">
        <v>84297</v>
      </c>
      <c r="DO32" s="295">
        <v>189060</v>
      </c>
      <c r="DP32" s="295">
        <v>381028</v>
      </c>
      <c r="DQ32" s="295">
        <v>196851</v>
      </c>
      <c r="DR32" s="298">
        <v>851236</v>
      </c>
      <c r="DS32" s="301">
        <v>851236</v>
      </c>
      <c r="DT32" s="294">
        <v>0</v>
      </c>
      <c r="DU32" s="295">
        <v>0</v>
      </c>
      <c r="DV32" s="296">
        <v>0</v>
      </c>
      <c r="DW32" s="300"/>
      <c r="DX32" s="295">
        <v>0</v>
      </c>
      <c r="DY32" s="295">
        <v>26505</v>
      </c>
      <c r="DZ32" s="295">
        <v>93417</v>
      </c>
      <c r="EA32" s="295">
        <v>246033</v>
      </c>
      <c r="EB32" s="295">
        <v>148382</v>
      </c>
      <c r="EC32" s="298">
        <v>514337</v>
      </c>
      <c r="ED32" s="299">
        <v>514337</v>
      </c>
      <c r="EE32" s="294">
        <v>0</v>
      </c>
      <c r="EF32" s="295">
        <v>0</v>
      </c>
      <c r="EG32" s="296">
        <v>0</v>
      </c>
      <c r="EH32" s="300"/>
      <c r="EI32" s="295">
        <v>0</v>
      </c>
      <c r="EJ32" s="295">
        <v>11532</v>
      </c>
      <c r="EK32" s="295">
        <v>886</v>
      </c>
      <c r="EL32" s="295">
        <v>868</v>
      </c>
      <c r="EM32" s="295">
        <v>403</v>
      </c>
      <c r="EN32" s="298">
        <v>13689</v>
      </c>
      <c r="EO32" s="299">
        <v>13689</v>
      </c>
      <c r="EP32" s="294">
        <v>0</v>
      </c>
      <c r="EQ32" s="295">
        <v>0</v>
      </c>
      <c r="ER32" s="296">
        <v>0</v>
      </c>
      <c r="ES32" s="300"/>
      <c r="ET32" s="295">
        <v>0</v>
      </c>
      <c r="EU32" s="295">
        <v>0</v>
      </c>
      <c r="EV32" s="295">
        <v>0</v>
      </c>
      <c r="EW32" s="295">
        <v>0</v>
      </c>
      <c r="EX32" s="295">
        <v>0</v>
      </c>
      <c r="EY32" s="298">
        <v>0</v>
      </c>
      <c r="EZ32" s="299">
        <v>0</v>
      </c>
      <c r="FA32" s="294">
        <v>0</v>
      </c>
      <c r="FB32" s="295">
        <v>0</v>
      </c>
      <c r="FC32" s="296">
        <v>0</v>
      </c>
      <c r="FD32" s="300"/>
      <c r="FE32" s="295">
        <v>0</v>
      </c>
      <c r="FF32" s="295">
        <v>0</v>
      </c>
      <c r="FG32" s="295">
        <v>0</v>
      </c>
      <c r="FH32" s="295">
        <v>0</v>
      </c>
      <c r="FI32" s="295">
        <v>0</v>
      </c>
      <c r="FJ32" s="298">
        <v>0</v>
      </c>
      <c r="FK32" s="299">
        <v>0</v>
      </c>
      <c r="FL32" s="294">
        <v>0</v>
      </c>
      <c r="FM32" s="295">
        <v>0</v>
      </c>
      <c r="FN32" s="296">
        <v>0</v>
      </c>
      <c r="FO32" s="300"/>
      <c r="FP32" s="295">
        <v>0</v>
      </c>
      <c r="FQ32" s="295">
        <v>21576</v>
      </c>
      <c r="FR32" s="295">
        <v>64728</v>
      </c>
      <c r="FS32" s="295">
        <v>131874</v>
      </c>
      <c r="FT32" s="295">
        <v>43152</v>
      </c>
      <c r="FU32" s="298">
        <v>261330</v>
      </c>
      <c r="FV32" s="299">
        <v>261330</v>
      </c>
      <c r="FW32" s="294">
        <v>0</v>
      </c>
      <c r="FX32" s="295">
        <v>0</v>
      </c>
      <c r="FY32" s="296">
        <v>0</v>
      </c>
      <c r="FZ32" s="297">
        <v>0</v>
      </c>
      <c r="GA32" s="295">
        <v>0</v>
      </c>
      <c r="GB32" s="295">
        <v>21806</v>
      </c>
      <c r="GC32" s="295">
        <v>30015</v>
      </c>
      <c r="GD32" s="295">
        <v>2253</v>
      </c>
      <c r="GE32" s="295">
        <v>4914</v>
      </c>
      <c r="GF32" s="298">
        <v>58988</v>
      </c>
      <c r="GG32" s="299">
        <v>58988</v>
      </c>
      <c r="GH32" s="294">
        <v>0</v>
      </c>
      <c r="GI32" s="295">
        <v>0</v>
      </c>
      <c r="GJ32" s="296">
        <v>0</v>
      </c>
      <c r="GK32" s="297">
        <v>0</v>
      </c>
      <c r="GL32" s="295">
        <v>0</v>
      </c>
      <c r="GM32" s="295">
        <v>2878</v>
      </c>
      <c r="GN32" s="295">
        <v>14</v>
      </c>
      <c r="GO32" s="295">
        <v>0</v>
      </c>
      <c r="GP32" s="295">
        <v>0</v>
      </c>
      <c r="GQ32" s="298">
        <v>2892</v>
      </c>
      <c r="GR32" s="299">
        <v>2892</v>
      </c>
      <c r="GS32" s="294">
        <v>0</v>
      </c>
      <c r="GT32" s="295">
        <v>0</v>
      </c>
      <c r="GU32" s="296">
        <v>0</v>
      </c>
      <c r="GV32" s="297">
        <v>0</v>
      </c>
      <c r="GW32" s="295">
        <v>0</v>
      </c>
      <c r="GX32" s="295">
        <v>0</v>
      </c>
      <c r="GY32" s="295">
        <v>0</v>
      </c>
      <c r="GZ32" s="295">
        <v>0</v>
      </c>
      <c r="HA32" s="295">
        <v>0</v>
      </c>
      <c r="HB32" s="298">
        <v>0</v>
      </c>
      <c r="HC32" s="299">
        <v>0</v>
      </c>
      <c r="HD32" s="294">
        <v>0</v>
      </c>
      <c r="HE32" s="295">
        <v>0</v>
      </c>
      <c r="HF32" s="296">
        <v>0</v>
      </c>
      <c r="HG32" s="300"/>
      <c r="HH32" s="295">
        <v>0</v>
      </c>
      <c r="HI32" s="295">
        <v>0</v>
      </c>
      <c r="HJ32" s="295">
        <v>0</v>
      </c>
      <c r="HK32" s="295">
        <v>0</v>
      </c>
      <c r="HL32" s="295">
        <v>0</v>
      </c>
      <c r="HM32" s="298">
        <v>0</v>
      </c>
      <c r="HN32" s="299">
        <v>0</v>
      </c>
      <c r="HO32" s="294">
        <v>0</v>
      </c>
      <c r="HP32" s="295">
        <v>0</v>
      </c>
      <c r="HQ32" s="296">
        <v>0</v>
      </c>
      <c r="HR32" s="297">
        <v>0</v>
      </c>
      <c r="HS32" s="295">
        <v>0</v>
      </c>
      <c r="HT32" s="295">
        <v>200252</v>
      </c>
      <c r="HU32" s="295">
        <v>436867</v>
      </c>
      <c r="HV32" s="295">
        <v>824365</v>
      </c>
      <c r="HW32" s="295">
        <v>423771</v>
      </c>
      <c r="HX32" s="298">
        <v>1885255</v>
      </c>
      <c r="HY32" s="299">
        <v>1885255</v>
      </c>
    </row>
    <row r="33" spans="2:233" ht="21" customHeight="1" x14ac:dyDescent="0.2">
      <c r="B33" s="292" t="s">
        <v>30</v>
      </c>
      <c r="C33" s="294">
        <v>0</v>
      </c>
      <c r="D33" s="295">
        <v>0</v>
      </c>
      <c r="E33" s="296">
        <v>0</v>
      </c>
      <c r="F33" s="297">
        <v>0</v>
      </c>
      <c r="G33" s="295">
        <v>87265</v>
      </c>
      <c r="H33" s="295">
        <v>27570</v>
      </c>
      <c r="I33" s="295">
        <v>241455</v>
      </c>
      <c r="J33" s="295">
        <v>224662</v>
      </c>
      <c r="K33" s="295">
        <v>220720</v>
      </c>
      <c r="L33" s="298">
        <v>801672</v>
      </c>
      <c r="M33" s="299">
        <v>801672</v>
      </c>
      <c r="N33" s="294">
        <v>0</v>
      </c>
      <c r="O33" s="295">
        <v>0</v>
      </c>
      <c r="P33" s="296">
        <v>0</v>
      </c>
      <c r="Q33" s="300"/>
      <c r="R33" s="295">
        <v>2635</v>
      </c>
      <c r="S33" s="295">
        <v>2635</v>
      </c>
      <c r="T33" s="295">
        <v>198485</v>
      </c>
      <c r="U33" s="295">
        <v>128495</v>
      </c>
      <c r="V33" s="295">
        <v>220720</v>
      </c>
      <c r="W33" s="298">
        <v>552970</v>
      </c>
      <c r="X33" s="299">
        <v>552970</v>
      </c>
      <c r="Y33" s="294">
        <v>0</v>
      </c>
      <c r="Z33" s="295">
        <v>0</v>
      </c>
      <c r="AA33" s="296">
        <v>0</v>
      </c>
      <c r="AB33" s="300"/>
      <c r="AC33" s="295">
        <v>84630</v>
      </c>
      <c r="AD33" s="295">
        <v>24645</v>
      </c>
      <c r="AE33" s="295">
        <v>42890</v>
      </c>
      <c r="AF33" s="295">
        <v>89900</v>
      </c>
      <c r="AG33" s="295">
        <v>0</v>
      </c>
      <c r="AH33" s="298">
        <v>242065</v>
      </c>
      <c r="AI33" s="299">
        <v>242065</v>
      </c>
      <c r="AJ33" s="294">
        <v>0</v>
      </c>
      <c r="AK33" s="295">
        <v>0</v>
      </c>
      <c r="AL33" s="296">
        <v>0</v>
      </c>
      <c r="AM33" s="300"/>
      <c r="AN33" s="295">
        <v>0</v>
      </c>
      <c r="AO33" s="295">
        <v>0</v>
      </c>
      <c r="AP33" s="295">
        <v>0</v>
      </c>
      <c r="AQ33" s="295">
        <v>0</v>
      </c>
      <c r="AR33" s="295">
        <v>0</v>
      </c>
      <c r="AS33" s="298">
        <v>0</v>
      </c>
      <c r="AT33" s="299">
        <v>0</v>
      </c>
      <c r="AU33" s="294">
        <v>0</v>
      </c>
      <c r="AV33" s="295">
        <v>0</v>
      </c>
      <c r="AW33" s="296">
        <v>0</v>
      </c>
      <c r="AX33" s="300"/>
      <c r="AY33" s="295">
        <v>0</v>
      </c>
      <c r="AZ33" s="295">
        <v>0</v>
      </c>
      <c r="BA33" s="295">
        <v>0</v>
      </c>
      <c r="BB33" s="295">
        <v>0</v>
      </c>
      <c r="BC33" s="295">
        <v>0</v>
      </c>
      <c r="BD33" s="298">
        <v>0</v>
      </c>
      <c r="BE33" s="299">
        <v>0</v>
      </c>
      <c r="BF33" s="294">
        <v>0</v>
      </c>
      <c r="BG33" s="295">
        <v>0</v>
      </c>
      <c r="BH33" s="296">
        <v>0</v>
      </c>
      <c r="BI33" s="300"/>
      <c r="BJ33" s="295">
        <v>0</v>
      </c>
      <c r="BK33" s="295">
        <v>0</v>
      </c>
      <c r="BL33" s="295">
        <v>0</v>
      </c>
      <c r="BM33" s="295">
        <v>0</v>
      </c>
      <c r="BN33" s="295">
        <v>0</v>
      </c>
      <c r="BO33" s="298">
        <v>0</v>
      </c>
      <c r="BP33" s="299">
        <v>0</v>
      </c>
      <c r="BQ33" s="294">
        <v>0</v>
      </c>
      <c r="BR33" s="295">
        <v>0</v>
      </c>
      <c r="BS33" s="296">
        <v>0</v>
      </c>
      <c r="BT33" s="297">
        <v>0</v>
      </c>
      <c r="BU33" s="295">
        <v>0</v>
      </c>
      <c r="BV33" s="295">
        <v>290</v>
      </c>
      <c r="BW33" s="295">
        <v>80</v>
      </c>
      <c r="BX33" s="295">
        <v>6267</v>
      </c>
      <c r="BY33" s="295">
        <v>0</v>
      </c>
      <c r="BZ33" s="298">
        <v>6637</v>
      </c>
      <c r="CA33" s="299">
        <v>6637</v>
      </c>
      <c r="CB33" s="294">
        <v>0</v>
      </c>
      <c r="CC33" s="295">
        <v>0</v>
      </c>
      <c r="CD33" s="296">
        <v>0</v>
      </c>
      <c r="CE33" s="297">
        <v>0</v>
      </c>
      <c r="CF33" s="295">
        <v>0</v>
      </c>
      <c r="CG33" s="295">
        <v>0</v>
      </c>
      <c r="CH33" s="295">
        <v>0</v>
      </c>
      <c r="CI33" s="295">
        <v>0</v>
      </c>
      <c r="CJ33" s="295">
        <v>0</v>
      </c>
      <c r="CK33" s="298">
        <v>0</v>
      </c>
      <c r="CL33" s="299">
        <v>0</v>
      </c>
      <c r="CM33" s="294">
        <v>0</v>
      </c>
      <c r="CN33" s="295">
        <v>0</v>
      </c>
      <c r="CO33" s="296">
        <v>0</v>
      </c>
      <c r="CP33" s="297">
        <v>0</v>
      </c>
      <c r="CQ33" s="295">
        <v>0</v>
      </c>
      <c r="CR33" s="295">
        <v>0</v>
      </c>
      <c r="CS33" s="295">
        <v>0</v>
      </c>
      <c r="CT33" s="295">
        <v>0</v>
      </c>
      <c r="CU33" s="295">
        <v>0</v>
      </c>
      <c r="CV33" s="298">
        <v>0</v>
      </c>
      <c r="CW33" s="299">
        <v>0</v>
      </c>
      <c r="CX33" s="294">
        <v>0</v>
      </c>
      <c r="CY33" s="295">
        <v>0</v>
      </c>
      <c r="CZ33" s="296">
        <v>0</v>
      </c>
      <c r="DA33" s="300"/>
      <c r="DB33" s="295">
        <v>0</v>
      </c>
      <c r="DC33" s="295">
        <v>0</v>
      </c>
      <c r="DD33" s="295">
        <v>0</v>
      </c>
      <c r="DE33" s="295">
        <v>0</v>
      </c>
      <c r="DF33" s="295">
        <v>0</v>
      </c>
      <c r="DG33" s="298">
        <v>0</v>
      </c>
      <c r="DH33" s="299">
        <v>0</v>
      </c>
      <c r="DI33" s="294">
        <v>0</v>
      </c>
      <c r="DJ33" s="295">
        <v>0</v>
      </c>
      <c r="DK33" s="296">
        <v>0</v>
      </c>
      <c r="DL33" s="297">
        <v>0</v>
      </c>
      <c r="DM33" s="295">
        <v>58745</v>
      </c>
      <c r="DN33" s="295">
        <v>20868</v>
      </c>
      <c r="DO33" s="295">
        <v>346132</v>
      </c>
      <c r="DP33" s="295">
        <v>211677</v>
      </c>
      <c r="DQ33" s="295">
        <v>221681</v>
      </c>
      <c r="DR33" s="298">
        <v>859103</v>
      </c>
      <c r="DS33" s="301">
        <v>859103</v>
      </c>
      <c r="DT33" s="294">
        <v>0</v>
      </c>
      <c r="DU33" s="295">
        <v>0</v>
      </c>
      <c r="DV33" s="296">
        <v>0</v>
      </c>
      <c r="DW33" s="300"/>
      <c r="DX33" s="295">
        <v>21576</v>
      </c>
      <c r="DY33" s="295">
        <v>15035</v>
      </c>
      <c r="DZ33" s="295">
        <v>299508</v>
      </c>
      <c r="EA33" s="295">
        <v>183489</v>
      </c>
      <c r="EB33" s="295">
        <v>221681</v>
      </c>
      <c r="EC33" s="298">
        <v>741289</v>
      </c>
      <c r="ED33" s="299">
        <v>741289</v>
      </c>
      <c r="EE33" s="294">
        <v>0</v>
      </c>
      <c r="EF33" s="295">
        <v>0</v>
      </c>
      <c r="EG33" s="296">
        <v>0</v>
      </c>
      <c r="EH33" s="300"/>
      <c r="EI33" s="295">
        <v>37169</v>
      </c>
      <c r="EJ33" s="295">
        <v>217</v>
      </c>
      <c r="EK33" s="295">
        <v>44536</v>
      </c>
      <c r="EL33" s="295">
        <v>12183</v>
      </c>
      <c r="EM33" s="295">
        <v>0</v>
      </c>
      <c r="EN33" s="298">
        <v>94105</v>
      </c>
      <c r="EO33" s="299">
        <v>94105</v>
      </c>
      <c r="EP33" s="294">
        <v>0</v>
      </c>
      <c r="EQ33" s="295">
        <v>0</v>
      </c>
      <c r="ER33" s="296">
        <v>0</v>
      </c>
      <c r="ES33" s="300"/>
      <c r="ET33" s="295">
        <v>0</v>
      </c>
      <c r="EU33" s="295">
        <v>0</v>
      </c>
      <c r="EV33" s="295">
        <v>0</v>
      </c>
      <c r="EW33" s="295">
        <v>0</v>
      </c>
      <c r="EX33" s="295">
        <v>0</v>
      </c>
      <c r="EY33" s="298">
        <v>0</v>
      </c>
      <c r="EZ33" s="299">
        <v>0</v>
      </c>
      <c r="FA33" s="294">
        <v>0</v>
      </c>
      <c r="FB33" s="295">
        <v>0</v>
      </c>
      <c r="FC33" s="296">
        <v>0</v>
      </c>
      <c r="FD33" s="300"/>
      <c r="FE33" s="295">
        <v>0</v>
      </c>
      <c r="FF33" s="295">
        <v>0</v>
      </c>
      <c r="FG33" s="295">
        <v>0</v>
      </c>
      <c r="FH33" s="295">
        <v>0</v>
      </c>
      <c r="FI33" s="295">
        <v>0</v>
      </c>
      <c r="FJ33" s="298">
        <v>0</v>
      </c>
      <c r="FK33" s="299">
        <v>0</v>
      </c>
      <c r="FL33" s="294">
        <v>0</v>
      </c>
      <c r="FM33" s="295">
        <v>0</v>
      </c>
      <c r="FN33" s="296">
        <v>0</v>
      </c>
      <c r="FO33" s="300"/>
      <c r="FP33" s="295">
        <v>0</v>
      </c>
      <c r="FQ33" s="295">
        <v>0</v>
      </c>
      <c r="FR33" s="295">
        <v>0</v>
      </c>
      <c r="FS33" s="295">
        <v>0</v>
      </c>
      <c r="FT33" s="295">
        <v>0</v>
      </c>
      <c r="FU33" s="298">
        <v>0</v>
      </c>
      <c r="FV33" s="299">
        <v>0</v>
      </c>
      <c r="FW33" s="294">
        <v>0</v>
      </c>
      <c r="FX33" s="295">
        <v>0</v>
      </c>
      <c r="FY33" s="296">
        <v>0</v>
      </c>
      <c r="FZ33" s="297">
        <v>0</v>
      </c>
      <c r="GA33" s="295">
        <v>0</v>
      </c>
      <c r="GB33" s="295">
        <v>5616</v>
      </c>
      <c r="GC33" s="295">
        <v>2088</v>
      </c>
      <c r="GD33" s="295">
        <v>16005</v>
      </c>
      <c r="GE33" s="295">
        <v>0</v>
      </c>
      <c r="GF33" s="298">
        <v>23709</v>
      </c>
      <c r="GG33" s="299">
        <v>23709</v>
      </c>
      <c r="GH33" s="294">
        <v>0</v>
      </c>
      <c r="GI33" s="295">
        <v>0</v>
      </c>
      <c r="GJ33" s="296">
        <v>0</v>
      </c>
      <c r="GK33" s="297">
        <v>0</v>
      </c>
      <c r="GL33" s="295">
        <v>0</v>
      </c>
      <c r="GM33" s="295">
        <v>0</v>
      </c>
      <c r="GN33" s="295">
        <v>0</v>
      </c>
      <c r="GO33" s="295">
        <v>0</v>
      </c>
      <c r="GP33" s="295">
        <v>0</v>
      </c>
      <c r="GQ33" s="298">
        <v>0</v>
      </c>
      <c r="GR33" s="299">
        <v>0</v>
      </c>
      <c r="GS33" s="294">
        <v>0</v>
      </c>
      <c r="GT33" s="295">
        <v>0</v>
      </c>
      <c r="GU33" s="296">
        <v>0</v>
      </c>
      <c r="GV33" s="297">
        <v>0</v>
      </c>
      <c r="GW33" s="295">
        <v>0</v>
      </c>
      <c r="GX33" s="295">
        <v>0</v>
      </c>
      <c r="GY33" s="295">
        <v>0</v>
      </c>
      <c r="GZ33" s="295">
        <v>0</v>
      </c>
      <c r="HA33" s="295">
        <v>0</v>
      </c>
      <c r="HB33" s="298">
        <v>0</v>
      </c>
      <c r="HC33" s="299">
        <v>0</v>
      </c>
      <c r="HD33" s="294">
        <v>0</v>
      </c>
      <c r="HE33" s="295">
        <v>0</v>
      </c>
      <c r="HF33" s="296">
        <v>0</v>
      </c>
      <c r="HG33" s="300"/>
      <c r="HH33" s="295">
        <v>0</v>
      </c>
      <c r="HI33" s="295">
        <v>0</v>
      </c>
      <c r="HJ33" s="295">
        <v>0</v>
      </c>
      <c r="HK33" s="295">
        <v>0</v>
      </c>
      <c r="HL33" s="295">
        <v>0</v>
      </c>
      <c r="HM33" s="298">
        <v>0</v>
      </c>
      <c r="HN33" s="299">
        <v>0</v>
      </c>
      <c r="HO33" s="294">
        <v>0</v>
      </c>
      <c r="HP33" s="295">
        <v>0</v>
      </c>
      <c r="HQ33" s="296">
        <v>0</v>
      </c>
      <c r="HR33" s="297">
        <v>0</v>
      </c>
      <c r="HS33" s="295">
        <v>146010</v>
      </c>
      <c r="HT33" s="295">
        <v>48438</v>
      </c>
      <c r="HU33" s="295">
        <v>587587</v>
      </c>
      <c r="HV33" s="295">
        <v>436339</v>
      </c>
      <c r="HW33" s="295">
        <v>442401</v>
      </c>
      <c r="HX33" s="298">
        <v>1660775</v>
      </c>
      <c r="HY33" s="299">
        <v>1660775</v>
      </c>
    </row>
    <row r="34" spans="2:233" ht="21" customHeight="1" x14ac:dyDescent="0.2">
      <c r="B34" s="292" t="s">
        <v>31</v>
      </c>
      <c r="C34" s="294">
        <v>0</v>
      </c>
      <c r="D34" s="295">
        <v>0</v>
      </c>
      <c r="E34" s="296">
        <v>0</v>
      </c>
      <c r="F34" s="297">
        <v>0</v>
      </c>
      <c r="G34" s="295">
        <v>1160</v>
      </c>
      <c r="H34" s="295">
        <v>135830</v>
      </c>
      <c r="I34" s="295">
        <v>274565</v>
      </c>
      <c r="J34" s="295">
        <v>172390</v>
      </c>
      <c r="K34" s="295">
        <v>159560</v>
      </c>
      <c r="L34" s="298">
        <v>743505</v>
      </c>
      <c r="M34" s="299">
        <v>743505</v>
      </c>
      <c r="N34" s="294">
        <v>0</v>
      </c>
      <c r="O34" s="295">
        <v>0</v>
      </c>
      <c r="P34" s="296">
        <v>0</v>
      </c>
      <c r="Q34" s="300"/>
      <c r="R34" s="295">
        <v>0</v>
      </c>
      <c r="S34" s="295">
        <v>32705</v>
      </c>
      <c r="T34" s="295">
        <v>213285</v>
      </c>
      <c r="U34" s="295">
        <v>126490</v>
      </c>
      <c r="V34" s="295">
        <v>159560</v>
      </c>
      <c r="W34" s="298">
        <v>532040</v>
      </c>
      <c r="X34" s="299">
        <v>532040</v>
      </c>
      <c r="Y34" s="294">
        <v>0</v>
      </c>
      <c r="Z34" s="295">
        <v>0</v>
      </c>
      <c r="AA34" s="296">
        <v>0</v>
      </c>
      <c r="AB34" s="300"/>
      <c r="AC34" s="295">
        <v>0</v>
      </c>
      <c r="AD34" s="295">
        <v>97960</v>
      </c>
      <c r="AE34" s="295">
        <v>37975</v>
      </c>
      <c r="AF34" s="295">
        <v>32550</v>
      </c>
      <c r="AG34" s="295">
        <v>0</v>
      </c>
      <c r="AH34" s="298">
        <v>168485</v>
      </c>
      <c r="AI34" s="299">
        <v>168485</v>
      </c>
      <c r="AJ34" s="294">
        <v>0</v>
      </c>
      <c r="AK34" s="295">
        <v>0</v>
      </c>
      <c r="AL34" s="296">
        <v>0</v>
      </c>
      <c r="AM34" s="300"/>
      <c r="AN34" s="295">
        <v>0</v>
      </c>
      <c r="AO34" s="295">
        <v>0</v>
      </c>
      <c r="AP34" s="295">
        <v>0</v>
      </c>
      <c r="AQ34" s="295">
        <v>0</v>
      </c>
      <c r="AR34" s="295">
        <v>0</v>
      </c>
      <c r="AS34" s="298">
        <v>0</v>
      </c>
      <c r="AT34" s="299">
        <v>0</v>
      </c>
      <c r="AU34" s="294">
        <v>0</v>
      </c>
      <c r="AV34" s="295">
        <v>0</v>
      </c>
      <c r="AW34" s="296">
        <v>0</v>
      </c>
      <c r="AX34" s="300"/>
      <c r="AY34" s="295">
        <v>0</v>
      </c>
      <c r="AZ34" s="295">
        <v>0</v>
      </c>
      <c r="BA34" s="295">
        <v>0</v>
      </c>
      <c r="BB34" s="295">
        <v>0</v>
      </c>
      <c r="BC34" s="295">
        <v>0</v>
      </c>
      <c r="BD34" s="298">
        <v>0</v>
      </c>
      <c r="BE34" s="299">
        <v>0</v>
      </c>
      <c r="BF34" s="294">
        <v>0</v>
      </c>
      <c r="BG34" s="295">
        <v>0</v>
      </c>
      <c r="BH34" s="296">
        <v>0</v>
      </c>
      <c r="BI34" s="300"/>
      <c r="BJ34" s="295">
        <v>0</v>
      </c>
      <c r="BK34" s="295">
        <v>0</v>
      </c>
      <c r="BL34" s="295">
        <v>0</v>
      </c>
      <c r="BM34" s="295">
        <v>0</v>
      </c>
      <c r="BN34" s="295">
        <v>0</v>
      </c>
      <c r="BO34" s="298">
        <v>0</v>
      </c>
      <c r="BP34" s="299">
        <v>0</v>
      </c>
      <c r="BQ34" s="294">
        <v>0</v>
      </c>
      <c r="BR34" s="295">
        <v>0</v>
      </c>
      <c r="BS34" s="296">
        <v>0</v>
      </c>
      <c r="BT34" s="297">
        <v>0</v>
      </c>
      <c r="BU34" s="295">
        <v>1160</v>
      </c>
      <c r="BV34" s="295">
        <v>4730</v>
      </c>
      <c r="BW34" s="295">
        <v>23305</v>
      </c>
      <c r="BX34" s="295">
        <v>13350</v>
      </c>
      <c r="BY34" s="295">
        <v>0</v>
      </c>
      <c r="BZ34" s="298">
        <v>42545</v>
      </c>
      <c r="CA34" s="299">
        <v>42545</v>
      </c>
      <c r="CB34" s="294">
        <v>0</v>
      </c>
      <c r="CC34" s="295">
        <v>0</v>
      </c>
      <c r="CD34" s="296">
        <v>0</v>
      </c>
      <c r="CE34" s="297">
        <v>0</v>
      </c>
      <c r="CF34" s="295">
        <v>0</v>
      </c>
      <c r="CG34" s="295">
        <v>435</v>
      </c>
      <c r="CH34" s="295">
        <v>0</v>
      </c>
      <c r="CI34" s="295">
        <v>0</v>
      </c>
      <c r="CJ34" s="295">
        <v>0</v>
      </c>
      <c r="CK34" s="298">
        <v>435</v>
      </c>
      <c r="CL34" s="299">
        <v>435</v>
      </c>
      <c r="CM34" s="294">
        <v>0</v>
      </c>
      <c r="CN34" s="295">
        <v>0</v>
      </c>
      <c r="CO34" s="296">
        <v>0</v>
      </c>
      <c r="CP34" s="297">
        <v>0</v>
      </c>
      <c r="CQ34" s="295">
        <v>0</v>
      </c>
      <c r="CR34" s="295">
        <v>0</v>
      </c>
      <c r="CS34" s="295">
        <v>0</v>
      </c>
      <c r="CT34" s="295">
        <v>0</v>
      </c>
      <c r="CU34" s="295">
        <v>0</v>
      </c>
      <c r="CV34" s="298">
        <v>0</v>
      </c>
      <c r="CW34" s="299">
        <v>0</v>
      </c>
      <c r="CX34" s="294">
        <v>0</v>
      </c>
      <c r="CY34" s="295">
        <v>0</v>
      </c>
      <c r="CZ34" s="296">
        <v>0</v>
      </c>
      <c r="DA34" s="300"/>
      <c r="DB34" s="295">
        <v>0</v>
      </c>
      <c r="DC34" s="295">
        <v>0</v>
      </c>
      <c r="DD34" s="295">
        <v>0</v>
      </c>
      <c r="DE34" s="295">
        <v>0</v>
      </c>
      <c r="DF34" s="295">
        <v>0</v>
      </c>
      <c r="DG34" s="298">
        <v>0</v>
      </c>
      <c r="DH34" s="299">
        <v>0</v>
      </c>
      <c r="DI34" s="294">
        <v>0</v>
      </c>
      <c r="DJ34" s="295">
        <v>0</v>
      </c>
      <c r="DK34" s="296">
        <v>0</v>
      </c>
      <c r="DL34" s="297">
        <v>0</v>
      </c>
      <c r="DM34" s="295">
        <v>3510</v>
      </c>
      <c r="DN34" s="295">
        <v>47387</v>
      </c>
      <c r="DO34" s="295">
        <v>358476</v>
      </c>
      <c r="DP34" s="295">
        <v>255683</v>
      </c>
      <c r="DQ34" s="295">
        <v>175189</v>
      </c>
      <c r="DR34" s="298">
        <v>840245</v>
      </c>
      <c r="DS34" s="301">
        <v>840245</v>
      </c>
      <c r="DT34" s="294">
        <v>0</v>
      </c>
      <c r="DU34" s="295">
        <v>0</v>
      </c>
      <c r="DV34" s="296">
        <v>0</v>
      </c>
      <c r="DW34" s="300"/>
      <c r="DX34" s="295">
        <v>0</v>
      </c>
      <c r="DY34" s="295">
        <v>36766</v>
      </c>
      <c r="DZ34" s="295">
        <v>328262</v>
      </c>
      <c r="EA34" s="295">
        <v>243583</v>
      </c>
      <c r="EB34" s="295">
        <v>175189</v>
      </c>
      <c r="EC34" s="298">
        <v>783800</v>
      </c>
      <c r="ED34" s="299">
        <v>783800</v>
      </c>
      <c r="EE34" s="294">
        <v>0</v>
      </c>
      <c r="EF34" s="295">
        <v>0</v>
      </c>
      <c r="EG34" s="296">
        <v>0</v>
      </c>
      <c r="EH34" s="300"/>
      <c r="EI34" s="295">
        <v>0</v>
      </c>
      <c r="EJ34" s="295">
        <v>1271</v>
      </c>
      <c r="EK34" s="295">
        <v>620</v>
      </c>
      <c r="EL34" s="295">
        <v>868</v>
      </c>
      <c r="EM34" s="295">
        <v>0</v>
      </c>
      <c r="EN34" s="298">
        <v>2759</v>
      </c>
      <c r="EO34" s="299">
        <v>2759</v>
      </c>
      <c r="EP34" s="294">
        <v>0</v>
      </c>
      <c r="EQ34" s="295">
        <v>0</v>
      </c>
      <c r="ER34" s="296">
        <v>0</v>
      </c>
      <c r="ES34" s="300"/>
      <c r="ET34" s="295">
        <v>0</v>
      </c>
      <c r="EU34" s="295">
        <v>0</v>
      </c>
      <c r="EV34" s="295">
        <v>0</v>
      </c>
      <c r="EW34" s="295">
        <v>0</v>
      </c>
      <c r="EX34" s="295">
        <v>0</v>
      </c>
      <c r="EY34" s="298">
        <v>0</v>
      </c>
      <c r="EZ34" s="299">
        <v>0</v>
      </c>
      <c r="FA34" s="294">
        <v>0</v>
      </c>
      <c r="FB34" s="295">
        <v>0</v>
      </c>
      <c r="FC34" s="296">
        <v>0</v>
      </c>
      <c r="FD34" s="300"/>
      <c r="FE34" s="295">
        <v>0</v>
      </c>
      <c r="FF34" s="295">
        <v>0</v>
      </c>
      <c r="FG34" s="295">
        <v>0</v>
      </c>
      <c r="FH34" s="295">
        <v>0</v>
      </c>
      <c r="FI34" s="295">
        <v>0</v>
      </c>
      <c r="FJ34" s="298">
        <v>0</v>
      </c>
      <c r="FK34" s="299">
        <v>0</v>
      </c>
      <c r="FL34" s="294">
        <v>0</v>
      </c>
      <c r="FM34" s="295">
        <v>0</v>
      </c>
      <c r="FN34" s="296">
        <v>0</v>
      </c>
      <c r="FO34" s="300"/>
      <c r="FP34" s="295">
        <v>0</v>
      </c>
      <c r="FQ34" s="295">
        <v>0</v>
      </c>
      <c r="FR34" s="295">
        <v>0</v>
      </c>
      <c r="FS34" s="295">
        <v>0</v>
      </c>
      <c r="FT34" s="295">
        <v>0</v>
      </c>
      <c r="FU34" s="298">
        <v>0</v>
      </c>
      <c r="FV34" s="299">
        <v>0</v>
      </c>
      <c r="FW34" s="294">
        <v>0</v>
      </c>
      <c r="FX34" s="295">
        <v>0</v>
      </c>
      <c r="FY34" s="296">
        <v>0</v>
      </c>
      <c r="FZ34" s="297">
        <v>0</v>
      </c>
      <c r="GA34" s="295">
        <v>3510</v>
      </c>
      <c r="GB34" s="295">
        <v>7918</v>
      </c>
      <c r="GC34" s="295">
        <v>29594</v>
      </c>
      <c r="GD34" s="295">
        <v>11232</v>
      </c>
      <c r="GE34" s="295">
        <v>0</v>
      </c>
      <c r="GF34" s="298">
        <v>52254</v>
      </c>
      <c r="GG34" s="299">
        <v>52254</v>
      </c>
      <c r="GH34" s="294">
        <v>0</v>
      </c>
      <c r="GI34" s="295">
        <v>0</v>
      </c>
      <c r="GJ34" s="296">
        <v>0</v>
      </c>
      <c r="GK34" s="297">
        <v>0</v>
      </c>
      <c r="GL34" s="295">
        <v>0</v>
      </c>
      <c r="GM34" s="295">
        <v>1432</v>
      </c>
      <c r="GN34" s="295">
        <v>0</v>
      </c>
      <c r="GO34" s="295">
        <v>0</v>
      </c>
      <c r="GP34" s="295">
        <v>0</v>
      </c>
      <c r="GQ34" s="298">
        <v>1432</v>
      </c>
      <c r="GR34" s="299">
        <v>1432</v>
      </c>
      <c r="GS34" s="294">
        <v>0</v>
      </c>
      <c r="GT34" s="295">
        <v>0</v>
      </c>
      <c r="GU34" s="296">
        <v>0</v>
      </c>
      <c r="GV34" s="297">
        <v>0</v>
      </c>
      <c r="GW34" s="295">
        <v>0</v>
      </c>
      <c r="GX34" s="295">
        <v>0</v>
      </c>
      <c r="GY34" s="295">
        <v>0</v>
      </c>
      <c r="GZ34" s="295">
        <v>0</v>
      </c>
      <c r="HA34" s="295">
        <v>0</v>
      </c>
      <c r="HB34" s="298">
        <v>0</v>
      </c>
      <c r="HC34" s="299">
        <v>0</v>
      </c>
      <c r="HD34" s="294">
        <v>0</v>
      </c>
      <c r="HE34" s="295">
        <v>0</v>
      </c>
      <c r="HF34" s="296">
        <v>0</v>
      </c>
      <c r="HG34" s="300"/>
      <c r="HH34" s="295">
        <v>0</v>
      </c>
      <c r="HI34" s="295">
        <v>0</v>
      </c>
      <c r="HJ34" s="295">
        <v>0</v>
      </c>
      <c r="HK34" s="295">
        <v>0</v>
      </c>
      <c r="HL34" s="295">
        <v>0</v>
      </c>
      <c r="HM34" s="298">
        <v>0</v>
      </c>
      <c r="HN34" s="299">
        <v>0</v>
      </c>
      <c r="HO34" s="294">
        <v>0</v>
      </c>
      <c r="HP34" s="295">
        <v>0</v>
      </c>
      <c r="HQ34" s="296">
        <v>0</v>
      </c>
      <c r="HR34" s="297">
        <v>0</v>
      </c>
      <c r="HS34" s="295">
        <v>4670</v>
      </c>
      <c r="HT34" s="295">
        <v>183217</v>
      </c>
      <c r="HU34" s="295">
        <v>633041</v>
      </c>
      <c r="HV34" s="295">
        <v>428073</v>
      </c>
      <c r="HW34" s="295">
        <v>334749</v>
      </c>
      <c r="HX34" s="298">
        <v>1583750</v>
      </c>
      <c r="HY34" s="299">
        <v>1583750</v>
      </c>
    </row>
    <row r="35" spans="2:233" ht="21" customHeight="1" x14ac:dyDescent="0.2">
      <c r="B35" s="292" t="s">
        <v>32</v>
      </c>
      <c r="C35" s="294">
        <v>0</v>
      </c>
      <c r="D35" s="295">
        <v>0</v>
      </c>
      <c r="E35" s="296">
        <v>0</v>
      </c>
      <c r="F35" s="297">
        <v>0</v>
      </c>
      <c r="G35" s="295">
        <v>38130</v>
      </c>
      <c r="H35" s="295">
        <v>114693</v>
      </c>
      <c r="I35" s="295">
        <v>467684</v>
      </c>
      <c r="J35" s="295">
        <v>334955</v>
      </c>
      <c r="K35" s="295">
        <v>201508</v>
      </c>
      <c r="L35" s="298">
        <v>1156970</v>
      </c>
      <c r="M35" s="299">
        <v>1156970</v>
      </c>
      <c r="N35" s="294">
        <v>0</v>
      </c>
      <c r="O35" s="295">
        <v>0</v>
      </c>
      <c r="P35" s="296">
        <v>0</v>
      </c>
      <c r="Q35" s="300"/>
      <c r="R35" s="295">
        <v>35495</v>
      </c>
      <c r="S35" s="295">
        <v>35495</v>
      </c>
      <c r="T35" s="295">
        <v>108570</v>
      </c>
      <c r="U35" s="295">
        <v>217695</v>
      </c>
      <c r="V35" s="295">
        <v>58218</v>
      </c>
      <c r="W35" s="298">
        <v>455473</v>
      </c>
      <c r="X35" s="299">
        <v>455473</v>
      </c>
      <c r="Y35" s="294">
        <v>0</v>
      </c>
      <c r="Z35" s="295">
        <v>0</v>
      </c>
      <c r="AA35" s="296">
        <v>0</v>
      </c>
      <c r="AB35" s="300"/>
      <c r="AC35" s="295">
        <v>2635</v>
      </c>
      <c r="AD35" s="295">
        <v>68895</v>
      </c>
      <c r="AE35" s="295">
        <v>62620</v>
      </c>
      <c r="AF35" s="295">
        <v>105440</v>
      </c>
      <c r="AG35" s="295">
        <v>58395</v>
      </c>
      <c r="AH35" s="298">
        <v>297985</v>
      </c>
      <c r="AI35" s="299">
        <v>297985</v>
      </c>
      <c r="AJ35" s="294">
        <v>0</v>
      </c>
      <c r="AK35" s="295">
        <v>0</v>
      </c>
      <c r="AL35" s="296">
        <v>0</v>
      </c>
      <c r="AM35" s="300"/>
      <c r="AN35" s="295">
        <v>0</v>
      </c>
      <c r="AO35" s="295">
        <v>0</v>
      </c>
      <c r="AP35" s="295">
        <v>0</v>
      </c>
      <c r="AQ35" s="295">
        <v>0</v>
      </c>
      <c r="AR35" s="295">
        <v>0</v>
      </c>
      <c r="AS35" s="298">
        <v>0</v>
      </c>
      <c r="AT35" s="299">
        <v>0</v>
      </c>
      <c r="AU35" s="294">
        <v>0</v>
      </c>
      <c r="AV35" s="295">
        <v>0</v>
      </c>
      <c r="AW35" s="296">
        <v>0</v>
      </c>
      <c r="AX35" s="300"/>
      <c r="AY35" s="295">
        <v>0</v>
      </c>
      <c r="AZ35" s="295">
        <v>0</v>
      </c>
      <c r="BA35" s="295">
        <v>0</v>
      </c>
      <c r="BB35" s="295">
        <v>0</v>
      </c>
      <c r="BC35" s="295">
        <v>32705</v>
      </c>
      <c r="BD35" s="298">
        <v>32705</v>
      </c>
      <c r="BE35" s="299">
        <v>32705</v>
      </c>
      <c r="BF35" s="294">
        <v>0</v>
      </c>
      <c r="BG35" s="295">
        <v>0</v>
      </c>
      <c r="BH35" s="296">
        <v>0</v>
      </c>
      <c r="BI35" s="300"/>
      <c r="BJ35" s="295">
        <v>0</v>
      </c>
      <c r="BK35" s="295">
        <v>0</v>
      </c>
      <c r="BL35" s="295">
        <v>290510</v>
      </c>
      <c r="BM35" s="295">
        <v>7905</v>
      </c>
      <c r="BN35" s="295">
        <v>49290</v>
      </c>
      <c r="BO35" s="298">
        <v>347705</v>
      </c>
      <c r="BP35" s="299">
        <v>347705</v>
      </c>
      <c r="BQ35" s="294">
        <v>0</v>
      </c>
      <c r="BR35" s="295">
        <v>0</v>
      </c>
      <c r="BS35" s="296">
        <v>0</v>
      </c>
      <c r="BT35" s="297">
        <v>0</v>
      </c>
      <c r="BU35" s="295">
        <v>0</v>
      </c>
      <c r="BV35" s="295">
        <v>10303</v>
      </c>
      <c r="BW35" s="295">
        <v>5694</v>
      </c>
      <c r="BX35" s="295">
        <v>3915</v>
      </c>
      <c r="BY35" s="295">
        <v>2900</v>
      </c>
      <c r="BZ35" s="298">
        <v>22812</v>
      </c>
      <c r="CA35" s="299">
        <v>22812</v>
      </c>
      <c r="CB35" s="294">
        <v>0</v>
      </c>
      <c r="CC35" s="295">
        <v>0</v>
      </c>
      <c r="CD35" s="296">
        <v>0</v>
      </c>
      <c r="CE35" s="297">
        <v>0</v>
      </c>
      <c r="CF35" s="295">
        <v>0</v>
      </c>
      <c r="CG35" s="295">
        <v>0</v>
      </c>
      <c r="CH35" s="295">
        <v>290</v>
      </c>
      <c r="CI35" s="295">
        <v>0</v>
      </c>
      <c r="CJ35" s="295">
        <v>0</v>
      </c>
      <c r="CK35" s="298">
        <v>290</v>
      </c>
      <c r="CL35" s="299">
        <v>290</v>
      </c>
      <c r="CM35" s="294">
        <v>0</v>
      </c>
      <c r="CN35" s="295">
        <v>0</v>
      </c>
      <c r="CO35" s="296">
        <v>0</v>
      </c>
      <c r="CP35" s="297">
        <v>0</v>
      </c>
      <c r="CQ35" s="295">
        <v>0</v>
      </c>
      <c r="CR35" s="295">
        <v>0</v>
      </c>
      <c r="CS35" s="295">
        <v>0</v>
      </c>
      <c r="CT35" s="295">
        <v>0</v>
      </c>
      <c r="CU35" s="295">
        <v>0</v>
      </c>
      <c r="CV35" s="298">
        <v>0</v>
      </c>
      <c r="CW35" s="299">
        <v>0</v>
      </c>
      <c r="CX35" s="294">
        <v>0</v>
      </c>
      <c r="CY35" s="295">
        <v>0</v>
      </c>
      <c r="CZ35" s="296">
        <v>0</v>
      </c>
      <c r="DA35" s="300"/>
      <c r="DB35" s="295">
        <v>0</v>
      </c>
      <c r="DC35" s="295">
        <v>0</v>
      </c>
      <c r="DD35" s="295">
        <v>0</v>
      </c>
      <c r="DE35" s="295">
        <v>0</v>
      </c>
      <c r="DF35" s="295">
        <v>0</v>
      </c>
      <c r="DG35" s="298">
        <v>0</v>
      </c>
      <c r="DH35" s="299">
        <v>0</v>
      </c>
      <c r="DI35" s="294">
        <v>0</v>
      </c>
      <c r="DJ35" s="295">
        <v>0</v>
      </c>
      <c r="DK35" s="296">
        <v>0</v>
      </c>
      <c r="DL35" s="297">
        <v>0</v>
      </c>
      <c r="DM35" s="295">
        <v>26706</v>
      </c>
      <c r="DN35" s="295">
        <v>48999</v>
      </c>
      <c r="DO35" s="295">
        <v>400174</v>
      </c>
      <c r="DP35" s="295">
        <v>301440</v>
      </c>
      <c r="DQ35" s="295">
        <v>167147</v>
      </c>
      <c r="DR35" s="298">
        <v>944466</v>
      </c>
      <c r="DS35" s="301">
        <v>944466</v>
      </c>
      <c r="DT35" s="294">
        <v>0</v>
      </c>
      <c r="DU35" s="295">
        <v>0</v>
      </c>
      <c r="DV35" s="296">
        <v>0</v>
      </c>
      <c r="DW35" s="300"/>
      <c r="DX35" s="295">
        <v>26489</v>
      </c>
      <c r="DY35" s="295">
        <v>26505</v>
      </c>
      <c r="DZ35" s="295">
        <v>162378</v>
      </c>
      <c r="EA35" s="295">
        <v>240529</v>
      </c>
      <c r="EB35" s="295">
        <v>115673</v>
      </c>
      <c r="EC35" s="298">
        <v>571574</v>
      </c>
      <c r="ED35" s="299">
        <v>571574</v>
      </c>
      <c r="EE35" s="294">
        <v>0</v>
      </c>
      <c r="EF35" s="295">
        <v>0</v>
      </c>
      <c r="EG35" s="296">
        <v>0</v>
      </c>
      <c r="EH35" s="300"/>
      <c r="EI35" s="295">
        <v>217</v>
      </c>
      <c r="EJ35" s="295">
        <v>659</v>
      </c>
      <c r="EK35" s="295">
        <v>22599</v>
      </c>
      <c r="EL35" s="295">
        <v>12799</v>
      </c>
      <c r="EM35" s="295">
        <v>19227</v>
      </c>
      <c r="EN35" s="298">
        <v>55501</v>
      </c>
      <c r="EO35" s="299">
        <v>55501</v>
      </c>
      <c r="EP35" s="294">
        <v>0</v>
      </c>
      <c r="EQ35" s="295">
        <v>0</v>
      </c>
      <c r="ER35" s="296">
        <v>0</v>
      </c>
      <c r="ES35" s="300"/>
      <c r="ET35" s="295">
        <v>0</v>
      </c>
      <c r="EU35" s="295">
        <v>0</v>
      </c>
      <c r="EV35" s="295">
        <v>0</v>
      </c>
      <c r="EW35" s="295">
        <v>0</v>
      </c>
      <c r="EX35" s="295">
        <v>0</v>
      </c>
      <c r="EY35" s="298">
        <v>0</v>
      </c>
      <c r="EZ35" s="299">
        <v>0</v>
      </c>
      <c r="FA35" s="294">
        <v>0</v>
      </c>
      <c r="FB35" s="295">
        <v>0</v>
      </c>
      <c r="FC35" s="296">
        <v>0</v>
      </c>
      <c r="FD35" s="300"/>
      <c r="FE35" s="295">
        <v>0</v>
      </c>
      <c r="FF35" s="295">
        <v>0</v>
      </c>
      <c r="FG35" s="295">
        <v>0</v>
      </c>
      <c r="FH35" s="295">
        <v>0</v>
      </c>
      <c r="FI35" s="295">
        <v>217</v>
      </c>
      <c r="FJ35" s="298">
        <v>217</v>
      </c>
      <c r="FK35" s="299">
        <v>217</v>
      </c>
      <c r="FL35" s="294">
        <v>0</v>
      </c>
      <c r="FM35" s="295">
        <v>0</v>
      </c>
      <c r="FN35" s="296">
        <v>0</v>
      </c>
      <c r="FO35" s="300"/>
      <c r="FP35" s="295">
        <v>0</v>
      </c>
      <c r="FQ35" s="295">
        <v>0</v>
      </c>
      <c r="FR35" s="295">
        <v>205488</v>
      </c>
      <c r="FS35" s="295">
        <v>32643</v>
      </c>
      <c r="FT35" s="295">
        <v>21762</v>
      </c>
      <c r="FU35" s="298">
        <v>259893</v>
      </c>
      <c r="FV35" s="299">
        <v>259893</v>
      </c>
      <c r="FW35" s="294">
        <v>0</v>
      </c>
      <c r="FX35" s="295">
        <v>0</v>
      </c>
      <c r="FY35" s="296">
        <v>0</v>
      </c>
      <c r="FZ35" s="297">
        <v>0</v>
      </c>
      <c r="GA35" s="295">
        <v>0</v>
      </c>
      <c r="GB35" s="295">
        <v>21835</v>
      </c>
      <c r="GC35" s="295">
        <v>8277</v>
      </c>
      <c r="GD35" s="295">
        <v>15469</v>
      </c>
      <c r="GE35" s="295">
        <v>10268</v>
      </c>
      <c r="GF35" s="298">
        <v>55849</v>
      </c>
      <c r="GG35" s="299">
        <v>55849</v>
      </c>
      <c r="GH35" s="294">
        <v>0</v>
      </c>
      <c r="GI35" s="295">
        <v>0</v>
      </c>
      <c r="GJ35" s="296">
        <v>0</v>
      </c>
      <c r="GK35" s="297">
        <v>0</v>
      </c>
      <c r="GL35" s="295">
        <v>0</v>
      </c>
      <c r="GM35" s="295">
        <v>0</v>
      </c>
      <c r="GN35" s="295">
        <v>1432</v>
      </c>
      <c r="GO35" s="295">
        <v>0</v>
      </c>
      <c r="GP35" s="295">
        <v>0</v>
      </c>
      <c r="GQ35" s="298">
        <v>1432</v>
      </c>
      <c r="GR35" s="299">
        <v>1432</v>
      </c>
      <c r="GS35" s="294">
        <v>0</v>
      </c>
      <c r="GT35" s="295">
        <v>0</v>
      </c>
      <c r="GU35" s="296">
        <v>0</v>
      </c>
      <c r="GV35" s="297">
        <v>0</v>
      </c>
      <c r="GW35" s="295">
        <v>0</v>
      </c>
      <c r="GX35" s="295">
        <v>0</v>
      </c>
      <c r="GY35" s="295">
        <v>0</v>
      </c>
      <c r="GZ35" s="295">
        <v>0</v>
      </c>
      <c r="HA35" s="295">
        <v>0</v>
      </c>
      <c r="HB35" s="298">
        <v>0</v>
      </c>
      <c r="HC35" s="299">
        <v>0</v>
      </c>
      <c r="HD35" s="294">
        <v>0</v>
      </c>
      <c r="HE35" s="295">
        <v>0</v>
      </c>
      <c r="HF35" s="296">
        <v>0</v>
      </c>
      <c r="HG35" s="300"/>
      <c r="HH35" s="295">
        <v>0</v>
      </c>
      <c r="HI35" s="295">
        <v>0</v>
      </c>
      <c r="HJ35" s="295">
        <v>0</v>
      </c>
      <c r="HK35" s="295">
        <v>0</v>
      </c>
      <c r="HL35" s="295">
        <v>0</v>
      </c>
      <c r="HM35" s="298">
        <v>0</v>
      </c>
      <c r="HN35" s="299">
        <v>0</v>
      </c>
      <c r="HO35" s="294">
        <v>0</v>
      </c>
      <c r="HP35" s="295">
        <v>0</v>
      </c>
      <c r="HQ35" s="296">
        <v>0</v>
      </c>
      <c r="HR35" s="297">
        <v>0</v>
      </c>
      <c r="HS35" s="295">
        <v>64836</v>
      </c>
      <c r="HT35" s="295">
        <v>163692</v>
      </c>
      <c r="HU35" s="295">
        <v>867858</v>
      </c>
      <c r="HV35" s="295">
        <v>636395</v>
      </c>
      <c r="HW35" s="295">
        <v>368655</v>
      </c>
      <c r="HX35" s="298">
        <v>2101436</v>
      </c>
      <c r="HY35" s="299">
        <v>2101436</v>
      </c>
    </row>
    <row r="36" spans="2:233" ht="21" customHeight="1" x14ac:dyDescent="0.2">
      <c r="B36" s="292" t="s">
        <v>33</v>
      </c>
      <c r="C36" s="294">
        <v>0</v>
      </c>
      <c r="D36" s="295">
        <v>0</v>
      </c>
      <c r="E36" s="296">
        <v>0</v>
      </c>
      <c r="F36" s="297">
        <v>0</v>
      </c>
      <c r="G36" s="295">
        <v>90770</v>
      </c>
      <c r="H36" s="295">
        <v>104810</v>
      </c>
      <c r="I36" s="295">
        <v>446840</v>
      </c>
      <c r="J36" s="295">
        <v>601390</v>
      </c>
      <c r="K36" s="295">
        <v>333720</v>
      </c>
      <c r="L36" s="298">
        <v>1577530</v>
      </c>
      <c r="M36" s="299">
        <v>1577530</v>
      </c>
      <c r="N36" s="294">
        <v>0</v>
      </c>
      <c r="O36" s="295">
        <v>0</v>
      </c>
      <c r="P36" s="296">
        <v>0</v>
      </c>
      <c r="Q36" s="300"/>
      <c r="R36" s="295">
        <v>0</v>
      </c>
      <c r="S36" s="295">
        <v>27280</v>
      </c>
      <c r="T36" s="295">
        <v>237910</v>
      </c>
      <c r="U36" s="295">
        <v>416410</v>
      </c>
      <c r="V36" s="295">
        <v>266975</v>
      </c>
      <c r="W36" s="298">
        <v>948575</v>
      </c>
      <c r="X36" s="299">
        <v>948575</v>
      </c>
      <c r="Y36" s="294">
        <v>0</v>
      </c>
      <c r="Z36" s="295">
        <v>0</v>
      </c>
      <c r="AA36" s="296">
        <v>0</v>
      </c>
      <c r="AB36" s="300"/>
      <c r="AC36" s="295">
        <v>65255</v>
      </c>
      <c r="AD36" s="295">
        <v>62775</v>
      </c>
      <c r="AE36" s="295">
        <v>140680</v>
      </c>
      <c r="AF36" s="295">
        <v>128150</v>
      </c>
      <c r="AG36" s="295">
        <v>2635</v>
      </c>
      <c r="AH36" s="298">
        <v>399495</v>
      </c>
      <c r="AI36" s="299">
        <v>399495</v>
      </c>
      <c r="AJ36" s="294">
        <v>0</v>
      </c>
      <c r="AK36" s="295">
        <v>0</v>
      </c>
      <c r="AL36" s="296">
        <v>0</v>
      </c>
      <c r="AM36" s="300"/>
      <c r="AN36" s="295">
        <v>0</v>
      </c>
      <c r="AO36" s="295">
        <v>0</v>
      </c>
      <c r="AP36" s="295">
        <v>0</v>
      </c>
      <c r="AQ36" s="295">
        <v>0</v>
      </c>
      <c r="AR36" s="295">
        <v>0</v>
      </c>
      <c r="AS36" s="298">
        <v>0</v>
      </c>
      <c r="AT36" s="299">
        <v>0</v>
      </c>
      <c r="AU36" s="294">
        <v>0</v>
      </c>
      <c r="AV36" s="295">
        <v>0</v>
      </c>
      <c r="AW36" s="296">
        <v>0</v>
      </c>
      <c r="AX36" s="300"/>
      <c r="AY36" s="295">
        <v>24645</v>
      </c>
      <c r="AZ36" s="295">
        <v>12955</v>
      </c>
      <c r="BA36" s="295">
        <v>53995</v>
      </c>
      <c r="BB36" s="295">
        <v>56105</v>
      </c>
      <c r="BC36" s="295">
        <v>57350</v>
      </c>
      <c r="BD36" s="298">
        <v>205050</v>
      </c>
      <c r="BE36" s="299">
        <v>205050</v>
      </c>
      <c r="BF36" s="294">
        <v>0</v>
      </c>
      <c r="BG36" s="295">
        <v>0</v>
      </c>
      <c r="BH36" s="296">
        <v>0</v>
      </c>
      <c r="BI36" s="300"/>
      <c r="BJ36" s="295">
        <v>0</v>
      </c>
      <c r="BK36" s="295">
        <v>0</v>
      </c>
      <c r="BL36" s="295">
        <v>0</v>
      </c>
      <c r="BM36" s="295">
        <v>0</v>
      </c>
      <c r="BN36" s="295">
        <v>0</v>
      </c>
      <c r="BO36" s="298">
        <v>0</v>
      </c>
      <c r="BP36" s="299">
        <v>0</v>
      </c>
      <c r="BQ36" s="294">
        <v>0</v>
      </c>
      <c r="BR36" s="295">
        <v>0</v>
      </c>
      <c r="BS36" s="296">
        <v>0</v>
      </c>
      <c r="BT36" s="297">
        <v>0</v>
      </c>
      <c r="BU36" s="295">
        <v>870</v>
      </c>
      <c r="BV36" s="295">
        <v>1800</v>
      </c>
      <c r="BW36" s="295">
        <v>11695</v>
      </c>
      <c r="BX36" s="295">
        <v>725</v>
      </c>
      <c r="BY36" s="295">
        <v>0</v>
      </c>
      <c r="BZ36" s="298">
        <v>15090</v>
      </c>
      <c r="CA36" s="299">
        <v>15090</v>
      </c>
      <c r="CB36" s="294">
        <v>0</v>
      </c>
      <c r="CC36" s="295">
        <v>0</v>
      </c>
      <c r="CD36" s="296">
        <v>0</v>
      </c>
      <c r="CE36" s="297">
        <v>0</v>
      </c>
      <c r="CF36" s="295">
        <v>0</v>
      </c>
      <c r="CG36" s="295">
        <v>0</v>
      </c>
      <c r="CH36" s="295">
        <v>2560</v>
      </c>
      <c r="CI36" s="295">
        <v>0</v>
      </c>
      <c r="CJ36" s="295">
        <v>6760</v>
      </c>
      <c r="CK36" s="298">
        <v>9320</v>
      </c>
      <c r="CL36" s="299">
        <v>9320</v>
      </c>
      <c r="CM36" s="294">
        <v>0</v>
      </c>
      <c r="CN36" s="295">
        <v>0</v>
      </c>
      <c r="CO36" s="296">
        <v>0</v>
      </c>
      <c r="CP36" s="297">
        <v>0</v>
      </c>
      <c r="CQ36" s="295">
        <v>0</v>
      </c>
      <c r="CR36" s="295">
        <v>0</v>
      </c>
      <c r="CS36" s="295">
        <v>0</v>
      </c>
      <c r="CT36" s="295">
        <v>0</v>
      </c>
      <c r="CU36" s="295">
        <v>0</v>
      </c>
      <c r="CV36" s="298">
        <v>0</v>
      </c>
      <c r="CW36" s="299">
        <v>0</v>
      </c>
      <c r="CX36" s="294">
        <v>0</v>
      </c>
      <c r="CY36" s="295">
        <v>0</v>
      </c>
      <c r="CZ36" s="296">
        <v>0</v>
      </c>
      <c r="DA36" s="300"/>
      <c r="DB36" s="295">
        <v>0</v>
      </c>
      <c r="DC36" s="295">
        <v>0</v>
      </c>
      <c r="DD36" s="295">
        <v>0</v>
      </c>
      <c r="DE36" s="295">
        <v>0</v>
      </c>
      <c r="DF36" s="295">
        <v>0</v>
      </c>
      <c r="DG36" s="298">
        <v>0</v>
      </c>
      <c r="DH36" s="299">
        <v>0</v>
      </c>
      <c r="DI36" s="294">
        <v>0</v>
      </c>
      <c r="DJ36" s="295">
        <v>0</v>
      </c>
      <c r="DK36" s="296">
        <v>0</v>
      </c>
      <c r="DL36" s="297">
        <v>0</v>
      </c>
      <c r="DM36" s="295">
        <v>5182</v>
      </c>
      <c r="DN36" s="295">
        <v>52215</v>
      </c>
      <c r="DO36" s="295">
        <v>340219</v>
      </c>
      <c r="DP36" s="295">
        <v>475542</v>
      </c>
      <c r="DQ36" s="295">
        <v>211769</v>
      </c>
      <c r="DR36" s="298">
        <v>1084927</v>
      </c>
      <c r="DS36" s="301">
        <v>1084927</v>
      </c>
      <c r="DT36" s="294">
        <v>0</v>
      </c>
      <c r="DU36" s="295">
        <v>0</v>
      </c>
      <c r="DV36" s="296">
        <v>0</v>
      </c>
      <c r="DW36" s="300"/>
      <c r="DX36" s="295">
        <v>0</v>
      </c>
      <c r="DY36" s="295">
        <v>36611</v>
      </c>
      <c r="DZ36" s="295">
        <v>281967</v>
      </c>
      <c r="EA36" s="295">
        <v>450200</v>
      </c>
      <c r="EB36" s="295">
        <v>211111</v>
      </c>
      <c r="EC36" s="298">
        <v>979889</v>
      </c>
      <c r="ED36" s="299">
        <v>979889</v>
      </c>
      <c r="EE36" s="294">
        <v>0</v>
      </c>
      <c r="EF36" s="295">
        <v>0</v>
      </c>
      <c r="EG36" s="296">
        <v>0</v>
      </c>
      <c r="EH36" s="300"/>
      <c r="EI36" s="295">
        <v>1085</v>
      </c>
      <c r="EJ36" s="295">
        <v>12121</v>
      </c>
      <c r="EK36" s="295">
        <v>34901</v>
      </c>
      <c r="EL36" s="295">
        <v>1449</v>
      </c>
      <c r="EM36" s="295">
        <v>217</v>
      </c>
      <c r="EN36" s="298">
        <v>49773</v>
      </c>
      <c r="EO36" s="299">
        <v>49773</v>
      </c>
      <c r="EP36" s="294">
        <v>0</v>
      </c>
      <c r="EQ36" s="295">
        <v>0</v>
      </c>
      <c r="ER36" s="296">
        <v>0</v>
      </c>
      <c r="ES36" s="300"/>
      <c r="ET36" s="295">
        <v>0</v>
      </c>
      <c r="EU36" s="295">
        <v>0</v>
      </c>
      <c r="EV36" s="295">
        <v>0</v>
      </c>
      <c r="EW36" s="295">
        <v>0</v>
      </c>
      <c r="EX36" s="295">
        <v>0</v>
      </c>
      <c r="EY36" s="298">
        <v>0</v>
      </c>
      <c r="EZ36" s="299">
        <v>0</v>
      </c>
      <c r="FA36" s="294">
        <v>0</v>
      </c>
      <c r="FB36" s="295">
        <v>0</v>
      </c>
      <c r="FC36" s="296">
        <v>0</v>
      </c>
      <c r="FD36" s="300"/>
      <c r="FE36" s="295">
        <v>217</v>
      </c>
      <c r="FF36" s="295">
        <v>1071</v>
      </c>
      <c r="FG36" s="295">
        <v>12058</v>
      </c>
      <c r="FH36" s="295">
        <v>18473</v>
      </c>
      <c r="FI36" s="295">
        <v>441</v>
      </c>
      <c r="FJ36" s="298">
        <v>32260</v>
      </c>
      <c r="FK36" s="299">
        <v>32260</v>
      </c>
      <c r="FL36" s="294">
        <v>0</v>
      </c>
      <c r="FM36" s="295">
        <v>0</v>
      </c>
      <c r="FN36" s="296">
        <v>0</v>
      </c>
      <c r="FO36" s="300"/>
      <c r="FP36" s="295">
        <v>0</v>
      </c>
      <c r="FQ36" s="295">
        <v>0</v>
      </c>
      <c r="FR36" s="295">
        <v>0</v>
      </c>
      <c r="FS36" s="295">
        <v>0</v>
      </c>
      <c r="FT36" s="295">
        <v>0</v>
      </c>
      <c r="FU36" s="298">
        <v>0</v>
      </c>
      <c r="FV36" s="299">
        <v>0</v>
      </c>
      <c r="FW36" s="294">
        <v>0</v>
      </c>
      <c r="FX36" s="295">
        <v>0</v>
      </c>
      <c r="FY36" s="296">
        <v>0</v>
      </c>
      <c r="FZ36" s="297">
        <v>0</v>
      </c>
      <c r="GA36" s="295">
        <v>3880</v>
      </c>
      <c r="GB36" s="295">
        <v>2412</v>
      </c>
      <c r="GC36" s="295">
        <v>11265</v>
      </c>
      <c r="GD36" s="295">
        <v>5420</v>
      </c>
      <c r="GE36" s="295">
        <v>0</v>
      </c>
      <c r="GF36" s="298">
        <v>22977</v>
      </c>
      <c r="GG36" s="299">
        <v>22977</v>
      </c>
      <c r="GH36" s="294">
        <v>0</v>
      </c>
      <c r="GI36" s="295">
        <v>0</v>
      </c>
      <c r="GJ36" s="296">
        <v>0</v>
      </c>
      <c r="GK36" s="297">
        <v>0</v>
      </c>
      <c r="GL36" s="295">
        <v>0</v>
      </c>
      <c r="GM36" s="295">
        <v>0</v>
      </c>
      <c r="GN36" s="295">
        <v>28</v>
      </c>
      <c r="GO36" s="295">
        <v>0</v>
      </c>
      <c r="GP36" s="295">
        <v>0</v>
      </c>
      <c r="GQ36" s="298">
        <v>28</v>
      </c>
      <c r="GR36" s="299">
        <v>28</v>
      </c>
      <c r="GS36" s="294">
        <v>0</v>
      </c>
      <c r="GT36" s="295">
        <v>0</v>
      </c>
      <c r="GU36" s="296">
        <v>0</v>
      </c>
      <c r="GV36" s="297">
        <v>0</v>
      </c>
      <c r="GW36" s="295">
        <v>0</v>
      </c>
      <c r="GX36" s="295">
        <v>0</v>
      </c>
      <c r="GY36" s="295">
        <v>0</v>
      </c>
      <c r="GZ36" s="295">
        <v>0</v>
      </c>
      <c r="HA36" s="295">
        <v>0</v>
      </c>
      <c r="HB36" s="298">
        <v>0</v>
      </c>
      <c r="HC36" s="299">
        <v>0</v>
      </c>
      <c r="HD36" s="294">
        <v>0</v>
      </c>
      <c r="HE36" s="295">
        <v>0</v>
      </c>
      <c r="HF36" s="296">
        <v>0</v>
      </c>
      <c r="HG36" s="300"/>
      <c r="HH36" s="295">
        <v>0</v>
      </c>
      <c r="HI36" s="295">
        <v>0</v>
      </c>
      <c r="HJ36" s="295">
        <v>0</v>
      </c>
      <c r="HK36" s="295">
        <v>0</v>
      </c>
      <c r="HL36" s="295">
        <v>0</v>
      </c>
      <c r="HM36" s="298">
        <v>0</v>
      </c>
      <c r="HN36" s="299">
        <v>0</v>
      </c>
      <c r="HO36" s="294">
        <v>0</v>
      </c>
      <c r="HP36" s="295">
        <v>0</v>
      </c>
      <c r="HQ36" s="296">
        <v>0</v>
      </c>
      <c r="HR36" s="297">
        <v>0</v>
      </c>
      <c r="HS36" s="295">
        <v>95952</v>
      </c>
      <c r="HT36" s="295">
        <v>157025</v>
      </c>
      <c r="HU36" s="295">
        <v>787059</v>
      </c>
      <c r="HV36" s="295">
        <v>1076932</v>
      </c>
      <c r="HW36" s="295">
        <v>545489</v>
      </c>
      <c r="HX36" s="298">
        <v>2662457</v>
      </c>
      <c r="HY36" s="299">
        <v>2662457</v>
      </c>
    </row>
    <row r="37" spans="2:233" ht="21" customHeight="1" x14ac:dyDescent="0.2">
      <c r="B37" s="292" t="s">
        <v>34</v>
      </c>
      <c r="C37" s="294">
        <v>0</v>
      </c>
      <c r="D37" s="295">
        <v>0</v>
      </c>
      <c r="E37" s="296">
        <v>0</v>
      </c>
      <c r="F37" s="297">
        <v>0</v>
      </c>
      <c r="G37" s="295">
        <v>27280</v>
      </c>
      <c r="H37" s="295">
        <v>154215</v>
      </c>
      <c r="I37" s="295">
        <v>127370</v>
      </c>
      <c r="J37" s="295">
        <v>332495</v>
      </c>
      <c r="K37" s="295">
        <v>168290</v>
      </c>
      <c r="L37" s="298">
        <v>809650</v>
      </c>
      <c r="M37" s="299">
        <v>809650</v>
      </c>
      <c r="N37" s="294">
        <v>0</v>
      </c>
      <c r="O37" s="295">
        <v>0</v>
      </c>
      <c r="P37" s="296">
        <v>0</v>
      </c>
      <c r="Q37" s="300"/>
      <c r="R37" s="295">
        <v>0</v>
      </c>
      <c r="S37" s="295">
        <v>0</v>
      </c>
      <c r="T37" s="295">
        <v>37975</v>
      </c>
      <c r="U37" s="295">
        <v>269235</v>
      </c>
      <c r="V37" s="295">
        <v>132780</v>
      </c>
      <c r="W37" s="298">
        <v>439990</v>
      </c>
      <c r="X37" s="299">
        <v>439990</v>
      </c>
      <c r="Y37" s="294">
        <v>0</v>
      </c>
      <c r="Z37" s="295">
        <v>0</v>
      </c>
      <c r="AA37" s="296">
        <v>0</v>
      </c>
      <c r="AB37" s="300"/>
      <c r="AC37" s="295">
        <v>27280</v>
      </c>
      <c r="AD37" s="295">
        <v>118720</v>
      </c>
      <c r="AE37" s="295">
        <v>89105</v>
      </c>
      <c r="AF37" s="295">
        <v>55870</v>
      </c>
      <c r="AG37" s="295">
        <v>35510</v>
      </c>
      <c r="AH37" s="298">
        <v>326485</v>
      </c>
      <c r="AI37" s="299">
        <v>326485</v>
      </c>
      <c r="AJ37" s="294">
        <v>0</v>
      </c>
      <c r="AK37" s="295">
        <v>0</v>
      </c>
      <c r="AL37" s="296">
        <v>0</v>
      </c>
      <c r="AM37" s="300"/>
      <c r="AN37" s="295">
        <v>0</v>
      </c>
      <c r="AO37" s="295">
        <v>0</v>
      </c>
      <c r="AP37" s="295">
        <v>0</v>
      </c>
      <c r="AQ37" s="295">
        <v>0</v>
      </c>
      <c r="AR37" s="295">
        <v>0</v>
      </c>
      <c r="AS37" s="298">
        <v>0</v>
      </c>
      <c r="AT37" s="299">
        <v>0</v>
      </c>
      <c r="AU37" s="294">
        <v>0</v>
      </c>
      <c r="AV37" s="295">
        <v>0</v>
      </c>
      <c r="AW37" s="296">
        <v>0</v>
      </c>
      <c r="AX37" s="300"/>
      <c r="AY37" s="295">
        <v>0</v>
      </c>
      <c r="AZ37" s="295">
        <v>35495</v>
      </c>
      <c r="BA37" s="295">
        <v>0</v>
      </c>
      <c r="BB37" s="295">
        <v>0</v>
      </c>
      <c r="BC37" s="295">
        <v>0</v>
      </c>
      <c r="BD37" s="298">
        <v>35495</v>
      </c>
      <c r="BE37" s="299">
        <v>35495</v>
      </c>
      <c r="BF37" s="294">
        <v>0</v>
      </c>
      <c r="BG37" s="295">
        <v>0</v>
      </c>
      <c r="BH37" s="296">
        <v>0</v>
      </c>
      <c r="BI37" s="300"/>
      <c r="BJ37" s="295">
        <v>0</v>
      </c>
      <c r="BK37" s="295">
        <v>0</v>
      </c>
      <c r="BL37" s="295">
        <v>0</v>
      </c>
      <c r="BM37" s="295">
        <v>0</v>
      </c>
      <c r="BN37" s="295">
        <v>0</v>
      </c>
      <c r="BO37" s="298">
        <v>0</v>
      </c>
      <c r="BP37" s="299">
        <v>0</v>
      </c>
      <c r="BQ37" s="294">
        <v>0</v>
      </c>
      <c r="BR37" s="295">
        <v>0</v>
      </c>
      <c r="BS37" s="296">
        <v>0</v>
      </c>
      <c r="BT37" s="297">
        <v>0</v>
      </c>
      <c r="BU37" s="295">
        <v>0</v>
      </c>
      <c r="BV37" s="295">
        <v>0</v>
      </c>
      <c r="BW37" s="295">
        <v>290</v>
      </c>
      <c r="BX37" s="295">
        <v>0</v>
      </c>
      <c r="BY37" s="295">
        <v>0</v>
      </c>
      <c r="BZ37" s="298">
        <v>290</v>
      </c>
      <c r="CA37" s="299">
        <v>290</v>
      </c>
      <c r="CB37" s="294">
        <v>0</v>
      </c>
      <c r="CC37" s="295">
        <v>0</v>
      </c>
      <c r="CD37" s="296">
        <v>0</v>
      </c>
      <c r="CE37" s="297">
        <v>0</v>
      </c>
      <c r="CF37" s="295">
        <v>0</v>
      </c>
      <c r="CG37" s="295">
        <v>0</v>
      </c>
      <c r="CH37" s="295">
        <v>0</v>
      </c>
      <c r="CI37" s="295">
        <v>7390</v>
      </c>
      <c r="CJ37" s="295">
        <v>0</v>
      </c>
      <c r="CK37" s="298">
        <v>7390</v>
      </c>
      <c r="CL37" s="299">
        <v>7390</v>
      </c>
      <c r="CM37" s="294">
        <v>0</v>
      </c>
      <c r="CN37" s="295">
        <v>0</v>
      </c>
      <c r="CO37" s="296">
        <v>0</v>
      </c>
      <c r="CP37" s="297">
        <v>0</v>
      </c>
      <c r="CQ37" s="295">
        <v>0</v>
      </c>
      <c r="CR37" s="295">
        <v>0</v>
      </c>
      <c r="CS37" s="295">
        <v>0</v>
      </c>
      <c r="CT37" s="295">
        <v>0</v>
      </c>
      <c r="CU37" s="295">
        <v>0</v>
      </c>
      <c r="CV37" s="298">
        <v>0</v>
      </c>
      <c r="CW37" s="299">
        <v>0</v>
      </c>
      <c r="CX37" s="294">
        <v>0</v>
      </c>
      <c r="CY37" s="295">
        <v>0</v>
      </c>
      <c r="CZ37" s="296">
        <v>0</v>
      </c>
      <c r="DA37" s="300"/>
      <c r="DB37" s="295">
        <v>0</v>
      </c>
      <c r="DC37" s="295">
        <v>0</v>
      </c>
      <c r="DD37" s="295">
        <v>0</v>
      </c>
      <c r="DE37" s="295">
        <v>0</v>
      </c>
      <c r="DF37" s="295">
        <v>0</v>
      </c>
      <c r="DG37" s="298">
        <v>0</v>
      </c>
      <c r="DH37" s="299">
        <v>0</v>
      </c>
      <c r="DI37" s="294">
        <v>0</v>
      </c>
      <c r="DJ37" s="295">
        <v>0</v>
      </c>
      <c r="DK37" s="296">
        <v>0</v>
      </c>
      <c r="DL37" s="297">
        <v>0</v>
      </c>
      <c r="DM37" s="295">
        <v>403</v>
      </c>
      <c r="DN37" s="295">
        <v>24557</v>
      </c>
      <c r="DO37" s="295">
        <v>84004</v>
      </c>
      <c r="DP37" s="295">
        <v>311531</v>
      </c>
      <c r="DQ37" s="295">
        <v>162004</v>
      </c>
      <c r="DR37" s="298">
        <v>582499</v>
      </c>
      <c r="DS37" s="301">
        <v>582499</v>
      </c>
      <c r="DT37" s="294">
        <v>0</v>
      </c>
      <c r="DU37" s="295">
        <v>0</v>
      </c>
      <c r="DV37" s="296">
        <v>0</v>
      </c>
      <c r="DW37" s="300"/>
      <c r="DX37" s="295">
        <v>0</v>
      </c>
      <c r="DY37" s="295">
        <v>0</v>
      </c>
      <c r="DZ37" s="295">
        <v>79918</v>
      </c>
      <c r="EA37" s="295">
        <v>299200</v>
      </c>
      <c r="EB37" s="295">
        <v>161549</v>
      </c>
      <c r="EC37" s="298">
        <v>540667</v>
      </c>
      <c r="ED37" s="299">
        <v>540667</v>
      </c>
      <c r="EE37" s="294">
        <v>0</v>
      </c>
      <c r="EF37" s="295">
        <v>0</v>
      </c>
      <c r="EG37" s="296">
        <v>0</v>
      </c>
      <c r="EH37" s="300"/>
      <c r="EI37" s="295">
        <v>403</v>
      </c>
      <c r="EJ37" s="295">
        <v>12870</v>
      </c>
      <c r="EK37" s="295">
        <v>1302</v>
      </c>
      <c r="EL37" s="295">
        <v>12261</v>
      </c>
      <c r="EM37" s="295">
        <v>455</v>
      </c>
      <c r="EN37" s="298">
        <v>27291</v>
      </c>
      <c r="EO37" s="299">
        <v>27291</v>
      </c>
      <c r="EP37" s="294">
        <v>0</v>
      </c>
      <c r="EQ37" s="295">
        <v>0</v>
      </c>
      <c r="ER37" s="296">
        <v>0</v>
      </c>
      <c r="ES37" s="300"/>
      <c r="ET37" s="295">
        <v>0</v>
      </c>
      <c r="EU37" s="295">
        <v>0</v>
      </c>
      <c r="EV37" s="295">
        <v>0</v>
      </c>
      <c r="EW37" s="295">
        <v>0</v>
      </c>
      <c r="EX37" s="295">
        <v>0</v>
      </c>
      <c r="EY37" s="298">
        <v>0</v>
      </c>
      <c r="EZ37" s="299">
        <v>0</v>
      </c>
      <c r="FA37" s="294">
        <v>0</v>
      </c>
      <c r="FB37" s="295">
        <v>0</v>
      </c>
      <c r="FC37" s="296">
        <v>0</v>
      </c>
      <c r="FD37" s="300"/>
      <c r="FE37" s="295">
        <v>0</v>
      </c>
      <c r="FF37" s="295">
        <v>11687</v>
      </c>
      <c r="FG37" s="295">
        <v>0</v>
      </c>
      <c r="FH37" s="295">
        <v>0</v>
      </c>
      <c r="FI37" s="295">
        <v>0</v>
      </c>
      <c r="FJ37" s="298">
        <v>11687</v>
      </c>
      <c r="FK37" s="299">
        <v>11687</v>
      </c>
      <c r="FL37" s="294">
        <v>0</v>
      </c>
      <c r="FM37" s="295">
        <v>0</v>
      </c>
      <c r="FN37" s="296">
        <v>0</v>
      </c>
      <c r="FO37" s="300"/>
      <c r="FP37" s="295">
        <v>0</v>
      </c>
      <c r="FQ37" s="295">
        <v>0</v>
      </c>
      <c r="FR37" s="295">
        <v>0</v>
      </c>
      <c r="FS37" s="295">
        <v>0</v>
      </c>
      <c r="FT37" s="295">
        <v>0</v>
      </c>
      <c r="FU37" s="298">
        <v>0</v>
      </c>
      <c r="FV37" s="299">
        <v>0</v>
      </c>
      <c r="FW37" s="294">
        <v>0</v>
      </c>
      <c r="FX37" s="295">
        <v>0</v>
      </c>
      <c r="FY37" s="296">
        <v>0</v>
      </c>
      <c r="FZ37" s="297">
        <v>0</v>
      </c>
      <c r="GA37" s="295">
        <v>0</v>
      </c>
      <c r="GB37" s="295">
        <v>0</v>
      </c>
      <c r="GC37" s="295">
        <v>2784</v>
      </c>
      <c r="GD37" s="295">
        <v>0</v>
      </c>
      <c r="GE37" s="295">
        <v>0</v>
      </c>
      <c r="GF37" s="298">
        <v>2784</v>
      </c>
      <c r="GG37" s="299">
        <v>2784</v>
      </c>
      <c r="GH37" s="294">
        <v>0</v>
      </c>
      <c r="GI37" s="295">
        <v>0</v>
      </c>
      <c r="GJ37" s="296">
        <v>0</v>
      </c>
      <c r="GK37" s="297">
        <v>0</v>
      </c>
      <c r="GL37" s="295">
        <v>0</v>
      </c>
      <c r="GM37" s="295">
        <v>0</v>
      </c>
      <c r="GN37" s="295">
        <v>0</v>
      </c>
      <c r="GO37" s="295">
        <v>70</v>
      </c>
      <c r="GP37" s="295">
        <v>0</v>
      </c>
      <c r="GQ37" s="298">
        <v>70</v>
      </c>
      <c r="GR37" s="299">
        <v>70</v>
      </c>
      <c r="GS37" s="294">
        <v>0</v>
      </c>
      <c r="GT37" s="295">
        <v>0</v>
      </c>
      <c r="GU37" s="296">
        <v>0</v>
      </c>
      <c r="GV37" s="297">
        <v>0</v>
      </c>
      <c r="GW37" s="295">
        <v>0</v>
      </c>
      <c r="GX37" s="295">
        <v>0</v>
      </c>
      <c r="GY37" s="295">
        <v>0</v>
      </c>
      <c r="GZ37" s="295">
        <v>0</v>
      </c>
      <c r="HA37" s="295">
        <v>0</v>
      </c>
      <c r="HB37" s="298">
        <v>0</v>
      </c>
      <c r="HC37" s="299">
        <v>0</v>
      </c>
      <c r="HD37" s="294">
        <v>0</v>
      </c>
      <c r="HE37" s="295">
        <v>0</v>
      </c>
      <c r="HF37" s="296">
        <v>0</v>
      </c>
      <c r="HG37" s="300"/>
      <c r="HH37" s="295">
        <v>0</v>
      </c>
      <c r="HI37" s="295">
        <v>0</v>
      </c>
      <c r="HJ37" s="295">
        <v>0</v>
      </c>
      <c r="HK37" s="295">
        <v>0</v>
      </c>
      <c r="HL37" s="295">
        <v>0</v>
      </c>
      <c r="HM37" s="298">
        <v>0</v>
      </c>
      <c r="HN37" s="299">
        <v>0</v>
      </c>
      <c r="HO37" s="294">
        <v>0</v>
      </c>
      <c r="HP37" s="295">
        <v>0</v>
      </c>
      <c r="HQ37" s="296">
        <v>0</v>
      </c>
      <c r="HR37" s="297">
        <v>0</v>
      </c>
      <c r="HS37" s="295">
        <v>27683</v>
      </c>
      <c r="HT37" s="295">
        <v>178772</v>
      </c>
      <c r="HU37" s="295">
        <v>211374</v>
      </c>
      <c r="HV37" s="295">
        <v>644026</v>
      </c>
      <c r="HW37" s="295">
        <v>330294</v>
      </c>
      <c r="HX37" s="298">
        <v>1392149</v>
      </c>
      <c r="HY37" s="299">
        <v>1392149</v>
      </c>
    </row>
    <row r="38" spans="2:233" ht="21" customHeight="1" x14ac:dyDescent="0.2">
      <c r="B38" s="292" t="s">
        <v>35</v>
      </c>
      <c r="C38" s="294">
        <v>0</v>
      </c>
      <c r="D38" s="295">
        <v>0</v>
      </c>
      <c r="E38" s="296">
        <v>0</v>
      </c>
      <c r="F38" s="297">
        <v>0</v>
      </c>
      <c r="G38" s="295">
        <v>217955</v>
      </c>
      <c r="H38" s="295">
        <v>367142</v>
      </c>
      <c r="I38" s="295">
        <v>762270</v>
      </c>
      <c r="J38" s="295">
        <v>744655</v>
      </c>
      <c r="K38" s="295">
        <v>442215</v>
      </c>
      <c r="L38" s="298">
        <v>2534237</v>
      </c>
      <c r="M38" s="299">
        <v>2534237</v>
      </c>
      <c r="N38" s="294">
        <v>0</v>
      </c>
      <c r="O38" s="295">
        <v>0</v>
      </c>
      <c r="P38" s="296">
        <v>0</v>
      </c>
      <c r="Q38" s="300"/>
      <c r="R38" s="295">
        <v>4520</v>
      </c>
      <c r="S38" s="295">
        <v>59055</v>
      </c>
      <c r="T38" s="295">
        <v>296050</v>
      </c>
      <c r="U38" s="295">
        <v>480745</v>
      </c>
      <c r="V38" s="295">
        <v>272955</v>
      </c>
      <c r="W38" s="298">
        <v>1113325</v>
      </c>
      <c r="X38" s="299">
        <v>1113325</v>
      </c>
      <c r="Y38" s="294">
        <v>0</v>
      </c>
      <c r="Z38" s="295">
        <v>0</v>
      </c>
      <c r="AA38" s="296">
        <v>0</v>
      </c>
      <c r="AB38" s="300"/>
      <c r="AC38" s="295">
        <v>175410</v>
      </c>
      <c r="AD38" s="295">
        <v>289230</v>
      </c>
      <c r="AE38" s="295">
        <v>361895</v>
      </c>
      <c r="AF38" s="295">
        <v>174300</v>
      </c>
      <c r="AG38" s="295">
        <v>0</v>
      </c>
      <c r="AH38" s="298">
        <v>1000835</v>
      </c>
      <c r="AI38" s="299">
        <v>1000835</v>
      </c>
      <c r="AJ38" s="294">
        <v>0</v>
      </c>
      <c r="AK38" s="295">
        <v>0</v>
      </c>
      <c r="AL38" s="296">
        <v>0</v>
      </c>
      <c r="AM38" s="300"/>
      <c r="AN38" s="295">
        <v>0</v>
      </c>
      <c r="AO38" s="295">
        <v>0</v>
      </c>
      <c r="AP38" s="295">
        <v>0</v>
      </c>
      <c r="AQ38" s="295">
        <v>0</v>
      </c>
      <c r="AR38" s="295">
        <v>0</v>
      </c>
      <c r="AS38" s="298">
        <v>0</v>
      </c>
      <c r="AT38" s="299">
        <v>0</v>
      </c>
      <c r="AU38" s="294">
        <v>0</v>
      </c>
      <c r="AV38" s="295">
        <v>0</v>
      </c>
      <c r="AW38" s="296">
        <v>0</v>
      </c>
      <c r="AX38" s="300"/>
      <c r="AY38" s="295">
        <v>37975</v>
      </c>
      <c r="AZ38" s="295">
        <v>0</v>
      </c>
      <c r="BA38" s="295">
        <v>73625</v>
      </c>
      <c r="BB38" s="295">
        <v>62775</v>
      </c>
      <c r="BC38" s="295">
        <v>169260</v>
      </c>
      <c r="BD38" s="298">
        <v>343635</v>
      </c>
      <c r="BE38" s="299">
        <v>343635</v>
      </c>
      <c r="BF38" s="294">
        <v>0</v>
      </c>
      <c r="BG38" s="295">
        <v>0</v>
      </c>
      <c r="BH38" s="296">
        <v>0</v>
      </c>
      <c r="BI38" s="300"/>
      <c r="BJ38" s="295">
        <v>0</v>
      </c>
      <c r="BK38" s="295">
        <v>0</v>
      </c>
      <c r="BL38" s="295">
        <v>0</v>
      </c>
      <c r="BM38" s="295">
        <v>0</v>
      </c>
      <c r="BN38" s="295">
        <v>0</v>
      </c>
      <c r="BO38" s="298">
        <v>0</v>
      </c>
      <c r="BP38" s="299">
        <v>0</v>
      </c>
      <c r="BQ38" s="294">
        <v>0</v>
      </c>
      <c r="BR38" s="295">
        <v>0</v>
      </c>
      <c r="BS38" s="296">
        <v>0</v>
      </c>
      <c r="BT38" s="297">
        <v>0</v>
      </c>
      <c r="BU38" s="295">
        <v>50</v>
      </c>
      <c r="BV38" s="295">
        <v>18857</v>
      </c>
      <c r="BW38" s="295">
        <v>29450</v>
      </c>
      <c r="BX38" s="295">
        <v>26835</v>
      </c>
      <c r="BY38" s="295">
        <v>0</v>
      </c>
      <c r="BZ38" s="298">
        <v>75192</v>
      </c>
      <c r="CA38" s="299">
        <v>75192</v>
      </c>
      <c r="CB38" s="294">
        <v>0</v>
      </c>
      <c r="CC38" s="295">
        <v>0</v>
      </c>
      <c r="CD38" s="296">
        <v>0</v>
      </c>
      <c r="CE38" s="297">
        <v>0</v>
      </c>
      <c r="CF38" s="295">
        <v>0</v>
      </c>
      <c r="CG38" s="295">
        <v>0</v>
      </c>
      <c r="CH38" s="295">
        <v>1250</v>
      </c>
      <c r="CI38" s="295">
        <v>0</v>
      </c>
      <c r="CJ38" s="295">
        <v>0</v>
      </c>
      <c r="CK38" s="298">
        <v>1250</v>
      </c>
      <c r="CL38" s="299">
        <v>1250</v>
      </c>
      <c r="CM38" s="294">
        <v>0</v>
      </c>
      <c r="CN38" s="295">
        <v>0</v>
      </c>
      <c r="CO38" s="296">
        <v>0</v>
      </c>
      <c r="CP38" s="297">
        <v>0</v>
      </c>
      <c r="CQ38" s="295">
        <v>0</v>
      </c>
      <c r="CR38" s="295">
        <v>0</v>
      </c>
      <c r="CS38" s="295">
        <v>0</v>
      </c>
      <c r="CT38" s="295">
        <v>0</v>
      </c>
      <c r="CU38" s="295">
        <v>0</v>
      </c>
      <c r="CV38" s="298">
        <v>0</v>
      </c>
      <c r="CW38" s="299">
        <v>0</v>
      </c>
      <c r="CX38" s="294">
        <v>0</v>
      </c>
      <c r="CY38" s="295">
        <v>0</v>
      </c>
      <c r="CZ38" s="296">
        <v>0</v>
      </c>
      <c r="DA38" s="300"/>
      <c r="DB38" s="295">
        <v>0</v>
      </c>
      <c r="DC38" s="295">
        <v>0</v>
      </c>
      <c r="DD38" s="295">
        <v>0</v>
      </c>
      <c r="DE38" s="295">
        <v>0</v>
      </c>
      <c r="DF38" s="295">
        <v>0</v>
      </c>
      <c r="DG38" s="298">
        <v>0</v>
      </c>
      <c r="DH38" s="299">
        <v>0</v>
      </c>
      <c r="DI38" s="294">
        <v>0</v>
      </c>
      <c r="DJ38" s="295">
        <v>0</v>
      </c>
      <c r="DK38" s="296">
        <v>0</v>
      </c>
      <c r="DL38" s="297">
        <v>0</v>
      </c>
      <c r="DM38" s="295">
        <v>17058</v>
      </c>
      <c r="DN38" s="295">
        <v>85503</v>
      </c>
      <c r="DO38" s="295">
        <v>437778</v>
      </c>
      <c r="DP38" s="295">
        <v>501183</v>
      </c>
      <c r="DQ38" s="295">
        <v>330460</v>
      </c>
      <c r="DR38" s="298">
        <v>1371982</v>
      </c>
      <c r="DS38" s="301">
        <v>1371982</v>
      </c>
      <c r="DT38" s="294">
        <v>0</v>
      </c>
      <c r="DU38" s="295">
        <v>0</v>
      </c>
      <c r="DV38" s="296">
        <v>0</v>
      </c>
      <c r="DW38" s="300"/>
      <c r="DX38" s="295">
        <v>3420</v>
      </c>
      <c r="DY38" s="295">
        <v>51646</v>
      </c>
      <c r="DZ38" s="295">
        <v>356500</v>
      </c>
      <c r="EA38" s="295">
        <v>421680</v>
      </c>
      <c r="EB38" s="295">
        <v>283278</v>
      </c>
      <c r="EC38" s="298">
        <v>1116524</v>
      </c>
      <c r="ED38" s="299">
        <v>1116524</v>
      </c>
      <c r="EE38" s="294">
        <v>0</v>
      </c>
      <c r="EF38" s="295">
        <v>0</v>
      </c>
      <c r="EG38" s="296">
        <v>0</v>
      </c>
      <c r="EH38" s="300"/>
      <c r="EI38" s="295">
        <v>11532</v>
      </c>
      <c r="EJ38" s="295">
        <v>3234</v>
      </c>
      <c r="EK38" s="295">
        <v>4839</v>
      </c>
      <c r="EL38" s="295">
        <v>1519</v>
      </c>
      <c r="EM38" s="295">
        <v>0</v>
      </c>
      <c r="EN38" s="298">
        <v>21124</v>
      </c>
      <c r="EO38" s="299">
        <v>21124</v>
      </c>
      <c r="EP38" s="294">
        <v>0</v>
      </c>
      <c r="EQ38" s="295">
        <v>0</v>
      </c>
      <c r="ER38" s="296">
        <v>0</v>
      </c>
      <c r="ES38" s="300"/>
      <c r="ET38" s="295">
        <v>0</v>
      </c>
      <c r="EU38" s="295">
        <v>0</v>
      </c>
      <c r="EV38" s="295">
        <v>0</v>
      </c>
      <c r="EW38" s="295">
        <v>0</v>
      </c>
      <c r="EX38" s="295">
        <v>0</v>
      </c>
      <c r="EY38" s="298">
        <v>0</v>
      </c>
      <c r="EZ38" s="299">
        <v>0</v>
      </c>
      <c r="FA38" s="294">
        <v>0</v>
      </c>
      <c r="FB38" s="295">
        <v>0</v>
      </c>
      <c r="FC38" s="296">
        <v>0</v>
      </c>
      <c r="FD38" s="300"/>
      <c r="FE38" s="295">
        <v>651</v>
      </c>
      <c r="FF38" s="295">
        <v>0</v>
      </c>
      <c r="FG38" s="295">
        <v>23591</v>
      </c>
      <c r="FH38" s="295">
        <v>12121</v>
      </c>
      <c r="FI38" s="295">
        <v>47182</v>
      </c>
      <c r="FJ38" s="298">
        <v>83545</v>
      </c>
      <c r="FK38" s="299">
        <v>83545</v>
      </c>
      <c r="FL38" s="294">
        <v>0</v>
      </c>
      <c r="FM38" s="295">
        <v>0</v>
      </c>
      <c r="FN38" s="296">
        <v>0</v>
      </c>
      <c r="FO38" s="300"/>
      <c r="FP38" s="295">
        <v>0</v>
      </c>
      <c r="FQ38" s="295">
        <v>0</v>
      </c>
      <c r="FR38" s="295">
        <v>0</v>
      </c>
      <c r="FS38" s="295">
        <v>0</v>
      </c>
      <c r="FT38" s="295">
        <v>0</v>
      </c>
      <c r="FU38" s="298">
        <v>0</v>
      </c>
      <c r="FV38" s="299">
        <v>0</v>
      </c>
      <c r="FW38" s="294">
        <v>0</v>
      </c>
      <c r="FX38" s="295">
        <v>0</v>
      </c>
      <c r="FY38" s="296">
        <v>0</v>
      </c>
      <c r="FZ38" s="297">
        <v>0</v>
      </c>
      <c r="GA38" s="295">
        <v>1455</v>
      </c>
      <c r="GB38" s="295">
        <v>30623</v>
      </c>
      <c r="GC38" s="295">
        <v>52820</v>
      </c>
      <c r="GD38" s="295">
        <v>65863</v>
      </c>
      <c r="GE38" s="295">
        <v>0</v>
      </c>
      <c r="GF38" s="298">
        <v>150761</v>
      </c>
      <c r="GG38" s="299">
        <v>150761</v>
      </c>
      <c r="GH38" s="294">
        <v>0</v>
      </c>
      <c r="GI38" s="295">
        <v>0</v>
      </c>
      <c r="GJ38" s="296">
        <v>0</v>
      </c>
      <c r="GK38" s="297">
        <v>0</v>
      </c>
      <c r="GL38" s="295">
        <v>0</v>
      </c>
      <c r="GM38" s="295">
        <v>0</v>
      </c>
      <c r="GN38" s="295">
        <v>28</v>
      </c>
      <c r="GO38" s="295">
        <v>0</v>
      </c>
      <c r="GP38" s="295">
        <v>0</v>
      </c>
      <c r="GQ38" s="298">
        <v>28</v>
      </c>
      <c r="GR38" s="299">
        <v>28</v>
      </c>
      <c r="GS38" s="294">
        <v>0</v>
      </c>
      <c r="GT38" s="295">
        <v>0</v>
      </c>
      <c r="GU38" s="296">
        <v>0</v>
      </c>
      <c r="GV38" s="297">
        <v>0</v>
      </c>
      <c r="GW38" s="295">
        <v>0</v>
      </c>
      <c r="GX38" s="295">
        <v>0</v>
      </c>
      <c r="GY38" s="295">
        <v>0</v>
      </c>
      <c r="GZ38" s="295">
        <v>0</v>
      </c>
      <c r="HA38" s="295">
        <v>0</v>
      </c>
      <c r="HB38" s="298">
        <v>0</v>
      </c>
      <c r="HC38" s="299">
        <v>0</v>
      </c>
      <c r="HD38" s="294">
        <v>0</v>
      </c>
      <c r="HE38" s="295">
        <v>0</v>
      </c>
      <c r="HF38" s="296">
        <v>0</v>
      </c>
      <c r="HG38" s="300"/>
      <c r="HH38" s="295">
        <v>0</v>
      </c>
      <c r="HI38" s="295">
        <v>0</v>
      </c>
      <c r="HJ38" s="295">
        <v>0</v>
      </c>
      <c r="HK38" s="295">
        <v>0</v>
      </c>
      <c r="HL38" s="295">
        <v>0</v>
      </c>
      <c r="HM38" s="298">
        <v>0</v>
      </c>
      <c r="HN38" s="299">
        <v>0</v>
      </c>
      <c r="HO38" s="294">
        <v>0</v>
      </c>
      <c r="HP38" s="295">
        <v>0</v>
      </c>
      <c r="HQ38" s="296">
        <v>0</v>
      </c>
      <c r="HR38" s="297">
        <v>0</v>
      </c>
      <c r="HS38" s="295">
        <v>235013</v>
      </c>
      <c r="HT38" s="295">
        <v>452645</v>
      </c>
      <c r="HU38" s="295">
        <v>1200048</v>
      </c>
      <c r="HV38" s="295">
        <v>1245838</v>
      </c>
      <c r="HW38" s="295">
        <v>772675</v>
      </c>
      <c r="HX38" s="298">
        <v>3906219</v>
      </c>
      <c r="HY38" s="299">
        <v>3906219</v>
      </c>
    </row>
    <row r="39" spans="2:233" ht="21" customHeight="1" x14ac:dyDescent="0.2">
      <c r="B39" s="292" t="s">
        <v>36</v>
      </c>
      <c r="C39" s="294">
        <v>0</v>
      </c>
      <c r="D39" s="295">
        <v>0</v>
      </c>
      <c r="E39" s="296">
        <v>0</v>
      </c>
      <c r="F39" s="297">
        <v>0</v>
      </c>
      <c r="G39" s="295">
        <v>147052</v>
      </c>
      <c r="H39" s="295">
        <v>241895</v>
      </c>
      <c r="I39" s="295">
        <v>925825</v>
      </c>
      <c r="J39" s="295">
        <v>941902</v>
      </c>
      <c r="K39" s="295">
        <v>624187</v>
      </c>
      <c r="L39" s="298">
        <v>2880861</v>
      </c>
      <c r="M39" s="299">
        <v>2880861</v>
      </c>
      <c r="N39" s="294">
        <v>0</v>
      </c>
      <c r="O39" s="295">
        <v>0</v>
      </c>
      <c r="P39" s="296">
        <v>0</v>
      </c>
      <c r="Q39" s="300"/>
      <c r="R39" s="295">
        <v>0</v>
      </c>
      <c r="S39" s="295">
        <v>32705</v>
      </c>
      <c r="T39" s="295">
        <v>580945</v>
      </c>
      <c r="U39" s="295">
        <v>587760</v>
      </c>
      <c r="V39" s="295">
        <v>451670</v>
      </c>
      <c r="W39" s="298">
        <v>1653080</v>
      </c>
      <c r="X39" s="299">
        <v>1653080</v>
      </c>
      <c r="Y39" s="294">
        <v>0</v>
      </c>
      <c r="Z39" s="295">
        <v>0</v>
      </c>
      <c r="AA39" s="296">
        <v>0</v>
      </c>
      <c r="AB39" s="300"/>
      <c r="AC39" s="295">
        <v>132592</v>
      </c>
      <c r="AD39" s="295">
        <v>169880</v>
      </c>
      <c r="AE39" s="295">
        <v>334025</v>
      </c>
      <c r="AF39" s="295">
        <v>251632</v>
      </c>
      <c r="AG39" s="295">
        <v>143202</v>
      </c>
      <c r="AH39" s="298">
        <v>1031331</v>
      </c>
      <c r="AI39" s="299">
        <v>1031331</v>
      </c>
      <c r="AJ39" s="294">
        <v>0</v>
      </c>
      <c r="AK39" s="295">
        <v>0</v>
      </c>
      <c r="AL39" s="296">
        <v>0</v>
      </c>
      <c r="AM39" s="300"/>
      <c r="AN39" s="295">
        <v>0</v>
      </c>
      <c r="AO39" s="295">
        <v>0</v>
      </c>
      <c r="AP39" s="295">
        <v>0</v>
      </c>
      <c r="AQ39" s="295">
        <v>0</v>
      </c>
      <c r="AR39" s="295">
        <v>0</v>
      </c>
      <c r="AS39" s="298">
        <v>0</v>
      </c>
      <c r="AT39" s="299">
        <v>0</v>
      </c>
      <c r="AU39" s="294">
        <v>0</v>
      </c>
      <c r="AV39" s="295">
        <v>0</v>
      </c>
      <c r="AW39" s="296">
        <v>0</v>
      </c>
      <c r="AX39" s="300"/>
      <c r="AY39" s="295">
        <v>0</v>
      </c>
      <c r="AZ39" s="295">
        <v>0</v>
      </c>
      <c r="BA39" s="295">
        <v>0</v>
      </c>
      <c r="BB39" s="295">
        <v>90055</v>
      </c>
      <c r="BC39" s="295">
        <v>27430</v>
      </c>
      <c r="BD39" s="298">
        <v>117485</v>
      </c>
      <c r="BE39" s="299">
        <v>117485</v>
      </c>
      <c r="BF39" s="294">
        <v>0</v>
      </c>
      <c r="BG39" s="295">
        <v>0</v>
      </c>
      <c r="BH39" s="296">
        <v>0</v>
      </c>
      <c r="BI39" s="300"/>
      <c r="BJ39" s="295">
        <v>0</v>
      </c>
      <c r="BK39" s="295">
        <v>0</v>
      </c>
      <c r="BL39" s="295">
        <v>0</v>
      </c>
      <c r="BM39" s="295">
        <v>0</v>
      </c>
      <c r="BN39" s="295">
        <v>0</v>
      </c>
      <c r="BO39" s="298">
        <v>0</v>
      </c>
      <c r="BP39" s="299">
        <v>0</v>
      </c>
      <c r="BQ39" s="294">
        <v>0</v>
      </c>
      <c r="BR39" s="295">
        <v>0</v>
      </c>
      <c r="BS39" s="296">
        <v>0</v>
      </c>
      <c r="BT39" s="297">
        <v>0</v>
      </c>
      <c r="BU39" s="295">
        <v>14460</v>
      </c>
      <c r="BV39" s="295">
        <v>39310</v>
      </c>
      <c r="BW39" s="295">
        <v>10855</v>
      </c>
      <c r="BX39" s="295">
        <v>10890</v>
      </c>
      <c r="BY39" s="295">
        <v>1885</v>
      </c>
      <c r="BZ39" s="298">
        <v>77400</v>
      </c>
      <c r="CA39" s="299">
        <v>77400</v>
      </c>
      <c r="CB39" s="294">
        <v>0</v>
      </c>
      <c r="CC39" s="295">
        <v>0</v>
      </c>
      <c r="CD39" s="296">
        <v>0</v>
      </c>
      <c r="CE39" s="297">
        <v>0</v>
      </c>
      <c r="CF39" s="295">
        <v>0</v>
      </c>
      <c r="CG39" s="295">
        <v>0</v>
      </c>
      <c r="CH39" s="295">
        <v>0</v>
      </c>
      <c r="CI39" s="295">
        <v>1565</v>
      </c>
      <c r="CJ39" s="295">
        <v>0</v>
      </c>
      <c r="CK39" s="298">
        <v>1565</v>
      </c>
      <c r="CL39" s="299">
        <v>1565</v>
      </c>
      <c r="CM39" s="294">
        <v>0</v>
      </c>
      <c r="CN39" s="295">
        <v>0</v>
      </c>
      <c r="CO39" s="296">
        <v>0</v>
      </c>
      <c r="CP39" s="297">
        <v>0</v>
      </c>
      <c r="CQ39" s="295">
        <v>0</v>
      </c>
      <c r="CR39" s="295">
        <v>0</v>
      </c>
      <c r="CS39" s="295">
        <v>0</v>
      </c>
      <c r="CT39" s="295">
        <v>0</v>
      </c>
      <c r="CU39" s="295">
        <v>0</v>
      </c>
      <c r="CV39" s="298">
        <v>0</v>
      </c>
      <c r="CW39" s="299">
        <v>0</v>
      </c>
      <c r="CX39" s="294">
        <v>0</v>
      </c>
      <c r="CY39" s="295">
        <v>0</v>
      </c>
      <c r="CZ39" s="296">
        <v>0</v>
      </c>
      <c r="DA39" s="300"/>
      <c r="DB39" s="295">
        <v>0</v>
      </c>
      <c r="DC39" s="295">
        <v>0</v>
      </c>
      <c r="DD39" s="295">
        <v>0</v>
      </c>
      <c r="DE39" s="295">
        <v>0</v>
      </c>
      <c r="DF39" s="295">
        <v>0</v>
      </c>
      <c r="DG39" s="298">
        <v>0</v>
      </c>
      <c r="DH39" s="299">
        <v>0</v>
      </c>
      <c r="DI39" s="294">
        <v>0</v>
      </c>
      <c r="DJ39" s="295">
        <v>0</v>
      </c>
      <c r="DK39" s="296">
        <v>0</v>
      </c>
      <c r="DL39" s="297">
        <v>0</v>
      </c>
      <c r="DM39" s="295">
        <v>21620</v>
      </c>
      <c r="DN39" s="295">
        <v>88513</v>
      </c>
      <c r="DO39" s="295">
        <v>697066</v>
      </c>
      <c r="DP39" s="295">
        <v>839731</v>
      </c>
      <c r="DQ39" s="295">
        <v>655902</v>
      </c>
      <c r="DR39" s="298">
        <v>2302832</v>
      </c>
      <c r="DS39" s="301">
        <v>2302832</v>
      </c>
      <c r="DT39" s="294">
        <v>0</v>
      </c>
      <c r="DU39" s="295">
        <v>0</v>
      </c>
      <c r="DV39" s="296">
        <v>0</v>
      </c>
      <c r="DW39" s="300"/>
      <c r="DX39" s="295">
        <v>0</v>
      </c>
      <c r="DY39" s="295">
        <v>15035</v>
      </c>
      <c r="DZ39" s="295">
        <v>630803</v>
      </c>
      <c r="EA39" s="295">
        <v>776260</v>
      </c>
      <c r="EB39" s="295">
        <v>636159</v>
      </c>
      <c r="EC39" s="298">
        <v>2058257</v>
      </c>
      <c r="ED39" s="299">
        <v>2058257</v>
      </c>
      <c r="EE39" s="294">
        <v>0</v>
      </c>
      <c r="EF39" s="295">
        <v>0</v>
      </c>
      <c r="EG39" s="296">
        <v>0</v>
      </c>
      <c r="EH39" s="300"/>
      <c r="EI39" s="295">
        <v>2576</v>
      </c>
      <c r="EJ39" s="295">
        <v>13990</v>
      </c>
      <c r="EK39" s="295">
        <v>27841</v>
      </c>
      <c r="EL39" s="295">
        <v>24747</v>
      </c>
      <c r="EM39" s="295">
        <v>2296</v>
      </c>
      <c r="EN39" s="298">
        <v>71450</v>
      </c>
      <c r="EO39" s="299">
        <v>71450</v>
      </c>
      <c r="EP39" s="294">
        <v>0</v>
      </c>
      <c r="EQ39" s="295">
        <v>0</v>
      </c>
      <c r="ER39" s="296">
        <v>0</v>
      </c>
      <c r="ES39" s="300"/>
      <c r="ET39" s="295">
        <v>0</v>
      </c>
      <c r="EU39" s="295">
        <v>0</v>
      </c>
      <c r="EV39" s="295">
        <v>0</v>
      </c>
      <c r="EW39" s="295">
        <v>0</v>
      </c>
      <c r="EX39" s="295">
        <v>0</v>
      </c>
      <c r="EY39" s="298">
        <v>0</v>
      </c>
      <c r="EZ39" s="299">
        <v>0</v>
      </c>
      <c r="FA39" s="294">
        <v>0</v>
      </c>
      <c r="FB39" s="295">
        <v>0</v>
      </c>
      <c r="FC39" s="296">
        <v>0</v>
      </c>
      <c r="FD39" s="300"/>
      <c r="FE39" s="295">
        <v>0</v>
      </c>
      <c r="FF39" s="295">
        <v>0</v>
      </c>
      <c r="FG39" s="295">
        <v>0</v>
      </c>
      <c r="FH39" s="295">
        <v>12555</v>
      </c>
      <c r="FI39" s="295">
        <v>217</v>
      </c>
      <c r="FJ39" s="298">
        <v>12772</v>
      </c>
      <c r="FK39" s="299">
        <v>12772</v>
      </c>
      <c r="FL39" s="294">
        <v>0</v>
      </c>
      <c r="FM39" s="295">
        <v>0</v>
      </c>
      <c r="FN39" s="296">
        <v>0</v>
      </c>
      <c r="FO39" s="300"/>
      <c r="FP39" s="295">
        <v>0</v>
      </c>
      <c r="FQ39" s="295">
        <v>0</v>
      </c>
      <c r="FR39" s="295">
        <v>0</v>
      </c>
      <c r="FS39" s="295">
        <v>0</v>
      </c>
      <c r="FT39" s="295">
        <v>0</v>
      </c>
      <c r="FU39" s="298">
        <v>0</v>
      </c>
      <c r="FV39" s="299">
        <v>0</v>
      </c>
      <c r="FW39" s="294">
        <v>0</v>
      </c>
      <c r="FX39" s="295">
        <v>0</v>
      </c>
      <c r="FY39" s="296">
        <v>0</v>
      </c>
      <c r="FZ39" s="297">
        <v>0</v>
      </c>
      <c r="GA39" s="295">
        <v>19044</v>
      </c>
      <c r="GB39" s="295">
        <v>59488</v>
      </c>
      <c r="GC39" s="295">
        <v>38422</v>
      </c>
      <c r="GD39" s="295">
        <v>26064</v>
      </c>
      <c r="GE39" s="295">
        <v>17230</v>
      </c>
      <c r="GF39" s="298">
        <v>160248</v>
      </c>
      <c r="GG39" s="299">
        <v>160248</v>
      </c>
      <c r="GH39" s="294">
        <v>0</v>
      </c>
      <c r="GI39" s="295">
        <v>0</v>
      </c>
      <c r="GJ39" s="296">
        <v>0</v>
      </c>
      <c r="GK39" s="297">
        <v>0</v>
      </c>
      <c r="GL39" s="295">
        <v>0</v>
      </c>
      <c r="GM39" s="295">
        <v>0</v>
      </c>
      <c r="GN39" s="295">
        <v>0</v>
      </c>
      <c r="GO39" s="295">
        <v>105</v>
      </c>
      <c r="GP39" s="295">
        <v>0</v>
      </c>
      <c r="GQ39" s="298">
        <v>105</v>
      </c>
      <c r="GR39" s="299">
        <v>105</v>
      </c>
      <c r="GS39" s="294">
        <v>0</v>
      </c>
      <c r="GT39" s="295">
        <v>0</v>
      </c>
      <c r="GU39" s="296">
        <v>0</v>
      </c>
      <c r="GV39" s="297">
        <v>0</v>
      </c>
      <c r="GW39" s="295">
        <v>0</v>
      </c>
      <c r="GX39" s="295">
        <v>0</v>
      </c>
      <c r="GY39" s="295">
        <v>0</v>
      </c>
      <c r="GZ39" s="295">
        <v>0</v>
      </c>
      <c r="HA39" s="295">
        <v>0</v>
      </c>
      <c r="HB39" s="298">
        <v>0</v>
      </c>
      <c r="HC39" s="299">
        <v>0</v>
      </c>
      <c r="HD39" s="294">
        <v>0</v>
      </c>
      <c r="HE39" s="295">
        <v>0</v>
      </c>
      <c r="HF39" s="296">
        <v>0</v>
      </c>
      <c r="HG39" s="300"/>
      <c r="HH39" s="295">
        <v>0</v>
      </c>
      <c r="HI39" s="295">
        <v>0</v>
      </c>
      <c r="HJ39" s="295">
        <v>0</v>
      </c>
      <c r="HK39" s="295">
        <v>0</v>
      </c>
      <c r="HL39" s="295">
        <v>0</v>
      </c>
      <c r="HM39" s="298">
        <v>0</v>
      </c>
      <c r="HN39" s="299">
        <v>0</v>
      </c>
      <c r="HO39" s="294">
        <v>0</v>
      </c>
      <c r="HP39" s="295">
        <v>0</v>
      </c>
      <c r="HQ39" s="296">
        <v>0</v>
      </c>
      <c r="HR39" s="297">
        <v>0</v>
      </c>
      <c r="HS39" s="295">
        <v>168672</v>
      </c>
      <c r="HT39" s="295">
        <v>330408</v>
      </c>
      <c r="HU39" s="295">
        <v>1622891</v>
      </c>
      <c r="HV39" s="295">
        <v>1781633</v>
      </c>
      <c r="HW39" s="295">
        <v>1280089</v>
      </c>
      <c r="HX39" s="298">
        <v>5183693</v>
      </c>
      <c r="HY39" s="299">
        <v>5183693</v>
      </c>
    </row>
    <row r="40" spans="2:233" ht="21" customHeight="1" thickBot="1" x14ac:dyDescent="0.25">
      <c r="B40" s="293" t="s">
        <v>37</v>
      </c>
      <c r="C40" s="302">
        <v>0</v>
      </c>
      <c r="D40" s="303">
        <v>0</v>
      </c>
      <c r="E40" s="304">
        <v>0</v>
      </c>
      <c r="F40" s="305">
        <v>0</v>
      </c>
      <c r="G40" s="303">
        <v>0</v>
      </c>
      <c r="H40" s="303">
        <v>0</v>
      </c>
      <c r="I40" s="303">
        <v>115570</v>
      </c>
      <c r="J40" s="303">
        <v>65255</v>
      </c>
      <c r="K40" s="303">
        <v>35340</v>
      </c>
      <c r="L40" s="306">
        <v>216165</v>
      </c>
      <c r="M40" s="307">
        <v>216165</v>
      </c>
      <c r="N40" s="302">
        <v>0</v>
      </c>
      <c r="O40" s="303">
        <v>0</v>
      </c>
      <c r="P40" s="304">
        <v>0</v>
      </c>
      <c r="Q40" s="308"/>
      <c r="R40" s="303">
        <v>0</v>
      </c>
      <c r="S40" s="303">
        <v>0</v>
      </c>
      <c r="T40" s="303">
        <v>73315</v>
      </c>
      <c r="U40" s="303">
        <v>5270</v>
      </c>
      <c r="V40" s="303">
        <v>35340</v>
      </c>
      <c r="W40" s="306">
        <v>113925</v>
      </c>
      <c r="X40" s="307">
        <v>113925</v>
      </c>
      <c r="Y40" s="302">
        <v>0</v>
      </c>
      <c r="Z40" s="303">
        <v>0</v>
      </c>
      <c r="AA40" s="304">
        <v>0</v>
      </c>
      <c r="AB40" s="308"/>
      <c r="AC40" s="303">
        <v>0</v>
      </c>
      <c r="AD40" s="303">
        <v>0</v>
      </c>
      <c r="AE40" s="303">
        <v>32050</v>
      </c>
      <c r="AF40" s="303">
        <v>59985</v>
      </c>
      <c r="AG40" s="303">
        <v>0</v>
      </c>
      <c r="AH40" s="306">
        <v>92035</v>
      </c>
      <c r="AI40" s="307">
        <v>92035</v>
      </c>
      <c r="AJ40" s="302">
        <v>0</v>
      </c>
      <c r="AK40" s="303">
        <v>0</v>
      </c>
      <c r="AL40" s="304">
        <v>0</v>
      </c>
      <c r="AM40" s="308"/>
      <c r="AN40" s="303">
        <v>0</v>
      </c>
      <c r="AO40" s="303">
        <v>0</v>
      </c>
      <c r="AP40" s="303">
        <v>0</v>
      </c>
      <c r="AQ40" s="303">
        <v>0</v>
      </c>
      <c r="AR40" s="303">
        <v>0</v>
      </c>
      <c r="AS40" s="306">
        <v>0</v>
      </c>
      <c r="AT40" s="307">
        <v>0</v>
      </c>
      <c r="AU40" s="302">
        <v>0</v>
      </c>
      <c r="AV40" s="303">
        <v>0</v>
      </c>
      <c r="AW40" s="304">
        <v>0</v>
      </c>
      <c r="AX40" s="308"/>
      <c r="AY40" s="303">
        <v>0</v>
      </c>
      <c r="AZ40" s="303">
        <v>0</v>
      </c>
      <c r="BA40" s="303">
        <v>0</v>
      </c>
      <c r="BB40" s="303">
        <v>0</v>
      </c>
      <c r="BC40" s="303">
        <v>0</v>
      </c>
      <c r="BD40" s="306">
        <v>0</v>
      </c>
      <c r="BE40" s="307">
        <v>0</v>
      </c>
      <c r="BF40" s="302">
        <v>0</v>
      </c>
      <c r="BG40" s="303">
        <v>0</v>
      </c>
      <c r="BH40" s="304">
        <v>0</v>
      </c>
      <c r="BI40" s="308"/>
      <c r="BJ40" s="303">
        <v>0</v>
      </c>
      <c r="BK40" s="303">
        <v>0</v>
      </c>
      <c r="BL40" s="303">
        <v>0</v>
      </c>
      <c r="BM40" s="303">
        <v>0</v>
      </c>
      <c r="BN40" s="303">
        <v>0</v>
      </c>
      <c r="BO40" s="306">
        <v>0</v>
      </c>
      <c r="BP40" s="307">
        <v>0</v>
      </c>
      <c r="BQ40" s="302">
        <v>0</v>
      </c>
      <c r="BR40" s="303">
        <v>0</v>
      </c>
      <c r="BS40" s="304">
        <v>0</v>
      </c>
      <c r="BT40" s="305">
        <v>0</v>
      </c>
      <c r="BU40" s="303">
        <v>0</v>
      </c>
      <c r="BV40" s="303">
        <v>0</v>
      </c>
      <c r="BW40" s="303">
        <v>2195</v>
      </c>
      <c r="BX40" s="303">
        <v>0</v>
      </c>
      <c r="BY40" s="303">
        <v>0</v>
      </c>
      <c r="BZ40" s="306">
        <v>2195</v>
      </c>
      <c r="CA40" s="307">
        <v>2195</v>
      </c>
      <c r="CB40" s="302">
        <v>0</v>
      </c>
      <c r="CC40" s="303">
        <v>0</v>
      </c>
      <c r="CD40" s="304">
        <v>0</v>
      </c>
      <c r="CE40" s="305">
        <v>0</v>
      </c>
      <c r="CF40" s="303">
        <v>0</v>
      </c>
      <c r="CG40" s="303">
        <v>0</v>
      </c>
      <c r="CH40" s="303">
        <v>8010</v>
      </c>
      <c r="CI40" s="303">
        <v>0</v>
      </c>
      <c r="CJ40" s="303">
        <v>0</v>
      </c>
      <c r="CK40" s="306">
        <v>8010</v>
      </c>
      <c r="CL40" s="307">
        <v>8010</v>
      </c>
      <c r="CM40" s="302">
        <v>0</v>
      </c>
      <c r="CN40" s="303">
        <v>0</v>
      </c>
      <c r="CO40" s="304">
        <v>0</v>
      </c>
      <c r="CP40" s="305">
        <v>0</v>
      </c>
      <c r="CQ40" s="303">
        <v>0</v>
      </c>
      <c r="CR40" s="303">
        <v>0</v>
      </c>
      <c r="CS40" s="303">
        <v>0</v>
      </c>
      <c r="CT40" s="303">
        <v>0</v>
      </c>
      <c r="CU40" s="303">
        <v>0</v>
      </c>
      <c r="CV40" s="306">
        <v>0</v>
      </c>
      <c r="CW40" s="307">
        <v>0</v>
      </c>
      <c r="CX40" s="302">
        <v>0</v>
      </c>
      <c r="CY40" s="303">
        <v>0</v>
      </c>
      <c r="CZ40" s="304">
        <v>0</v>
      </c>
      <c r="DA40" s="308"/>
      <c r="DB40" s="303">
        <v>0</v>
      </c>
      <c r="DC40" s="303">
        <v>0</v>
      </c>
      <c r="DD40" s="303">
        <v>0</v>
      </c>
      <c r="DE40" s="303">
        <v>0</v>
      </c>
      <c r="DF40" s="303">
        <v>0</v>
      </c>
      <c r="DG40" s="306">
        <v>0</v>
      </c>
      <c r="DH40" s="307">
        <v>0</v>
      </c>
      <c r="DI40" s="302">
        <v>0</v>
      </c>
      <c r="DJ40" s="303">
        <v>0</v>
      </c>
      <c r="DK40" s="304">
        <v>0</v>
      </c>
      <c r="DL40" s="305">
        <v>0</v>
      </c>
      <c r="DM40" s="303">
        <v>0</v>
      </c>
      <c r="DN40" s="303">
        <v>0</v>
      </c>
      <c r="DO40" s="303">
        <v>119917</v>
      </c>
      <c r="DP40" s="303">
        <v>37262</v>
      </c>
      <c r="DQ40" s="303">
        <v>30070</v>
      </c>
      <c r="DR40" s="306">
        <v>187249</v>
      </c>
      <c r="DS40" s="309">
        <v>187249</v>
      </c>
      <c r="DT40" s="302">
        <v>0</v>
      </c>
      <c r="DU40" s="303">
        <v>0</v>
      </c>
      <c r="DV40" s="304">
        <v>0</v>
      </c>
      <c r="DW40" s="308"/>
      <c r="DX40" s="303">
        <v>0</v>
      </c>
      <c r="DY40" s="303">
        <v>0</v>
      </c>
      <c r="DZ40" s="303">
        <v>109988</v>
      </c>
      <c r="EA40" s="303">
        <v>36611</v>
      </c>
      <c r="EB40" s="303">
        <v>30070</v>
      </c>
      <c r="EC40" s="306">
        <v>176669</v>
      </c>
      <c r="ED40" s="307">
        <v>176669</v>
      </c>
      <c r="EE40" s="302">
        <v>0</v>
      </c>
      <c r="EF40" s="303">
        <v>0</v>
      </c>
      <c r="EG40" s="304">
        <v>0</v>
      </c>
      <c r="EH40" s="308"/>
      <c r="EI40" s="303">
        <v>0</v>
      </c>
      <c r="EJ40" s="303">
        <v>0</v>
      </c>
      <c r="EK40" s="303">
        <v>483</v>
      </c>
      <c r="EL40" s="303">
        <v>651</v>
      </c>
      <c r="EM40" s="303">
        <v>0</v>
      </c>
      <c r="EN40" s="306">
        <v>1134</v>
      </c>
      <c r="EO40" s="307">
        <v>1134</v>
      </c>
      <c r="EP40" s="302">
        <v>0</v>
      </c>
      <c r="EQ40" s="303">
        <v>0</v>
      </c>
      <c r="ER40" s="304">
        <v>0</v>
      </c>
      <c r="ES40" s="308"/>
      <c r="ET40" s="303">
        <v>0</v>
      </c>
      <c r="EU40" s="303">
        <v>0</v>
      </c>
      <c r="EV40" s="303">
        <v>0</v>
      </c>
      <c r="EW40" s="303">
        <v>0</v>
      </c>
      <c r="EX40" s="303">
        <v>0</v>
      </c>
      <c r="EY40" s="306">
        <v>0</v>
      </c>
      <c r="EZ40" s="307">
        <v>0</v>
      </c>
      <c r="FA40" s="302">
        <v>0</v>
      </c>
      <c r="FB40" s="303">
        <v>0</v>
      </c>
      <c r="FC40" s="304">
        <v>0</v>
      </c>
      <c r="FD40" s="308"/>
      <c r="FE40" s="303">
        <v>0</v>
      </c>
      <c r="FF40" s="303">
        <v>0</v>
      </c>
      <c r="FG40" s="303">
        <v>0</v>
      </c>
      <c r="FH40" s="303">
        <v>0</v>
      </c>
      <c r="FI40" s="303">
        <v>0</v>
      </c>
      <c r="FJ40" s="306">
        <v>0</v>
      </c>
      <c r="FK40" s="307">
        <v>0</v>
      </c>
      <c r="FL40" s="302">
        <v>0</v>
      </c>
      <c r="FM40" s="303">
        <v>0</v>
      </c>
      <c r="FN40" s="304">
        <v>0</v>
      </c>
      <c r="FO40" s="308"/>
      <c r="FP40" s="303">
        <v>0</v>
      </c>
      <c r="FQ40" s="303">
        <v>0</v>
      </c>
      <c r="FR40" s="303">
        <v>0</v>
      </c>
      <c r="FS40" s="303">
        <v>0</v>
      </c>
      <c r="FT40" s="303">
        <v>0</v>
      </c>
      <c r="FU40" s="306">
        <v>0</v>
      </c>
      <c r="FV40" s="307">
        <v>0</v>
      </c>
      <c r="FW40" s="302">
        <v>0</v>
      </c>
      <c r="FX40" s="303">
        <v>0</v>
      </c>
      <c r="FY40" s="304">
        <v>0</v>
      </c>
      <c r="FZ40" s="305">
        <v>0</v>
      </c>
      <c r="GA40" s="303">
        <v>0</v>
      </c>
      <c r="GB40" s="303">
        <v>0</v>
      </c>
      <c r="GC40" s="303">
        <v>9320</v>
      </c>
      <c r="GD40" s="303">
        <v>0</v>
      </c>
      <c r="GE40" s="303">
        <v>0</v>
      </c>
      <c r="GF40" s="306">
        <v>9320</v>
      </c>
      <c r="GG40" s="307">
        <v>9320</v>
      </c>
      <c r="GH40" s="302">
        <v>0</v>
      </c>
      <c r="GI40" s="303">
        <v>0</v>
      </c>
      <c r="GJ40" s="304">
        <v>0</v>
      </c>
      <c r="GK40" s="305">
        <v>0</v>
      </c>
      <c r="GL40" s="303">
        <v>0</v>
      </c>
      <c r="GM40" s="303">
        <v>0</v>
      </c>
      <c r="GN40" s="303">
        <v>126</v>
      </c>
      <c r="GO40" s="303">
        <v>0</v>
      </c>
      <c r="GP40" s="303">
        <v>0</v>
      </c>
      <c r="GQ40" s="306">
        <v>126</v>
      </c>
      <c r="GR40" s="307">
        <v>126</v>
      </c>
      <c r="GS40" s="302">
        <v>0</v>
      </c>
      <c r="GT40" s="303">
        <v>0</v>
      </c>
      <c r="GU40" s="304">
        <v>0</v>
      </c>
      <c r="GV40" s="305">
        <v>0</v>
      </c>
      <c r="GW40" s="303">
        <v>0</v>
      </c>
      <c r="GX40" s="303">
        <v>0</v>
      </c>
      <c r="GY40" s="303">
        <v>0</v>
      </c>
      <c r="GZ40" s="303">
        <v>0</v>
      </c>
      <c r="HA40" s="303">
        <v>0</v>
      </c>
      <c r="HB40" s="306">
        <v>0</v>
      </c>
      <c r="HC40" s="307">
        <v>0</v>
      </c>
      <c r="HD40" s="302">
        <v>0</v>
      </c>
      <c r="HE40" s="303">
        <v>0</v>
      </c>
      <c r="HF40" s="304">
        <v>0</v>
      </c>
      <c r="HG40" s="308"/>
      <c r="HH40" s="303">
        <v>0</v>
      </c>
      <c r="HI40" s="303">
        <v>0</v>
      </c>
      <c r="HJ40" s="303">
        <v>0</v>
      </c>
      <c r="HK40" s="303">
        <v>0</v>
      </c>
      <c r="HL40" s="303">
        <v>0</v>
      </c>
      <c r="HM40" s="306">
        <v>0</v>
      </c>
      <c r="HN40" s="307">
        <v>0</v>
      </c>
      <c r="HO40" s="302">
        <v>0</v>
      </c>
      <c r="HP40" s="303">
        <v>0</v>
      </c>
      <c r="HQ40" s="304">
        <v>0</v>
      </c>
      <c r="HR40" s="305">
        <v>0</v>
      </c>
      <c r="HS40" s="303">
        <v>0</v>
      </c>
      <c r="HT40" s="303">
        <v>0</v>
      </c>
      <c r="HU40" s="303">
        <v>235487</v>
      </c>
      <c r="HV40" s="303">
        <v>102517</v>
      </c>
      <c r="HW40" s="303">
        <v>65410</v>
      </c>
      <c r="HX40" s="306">
        <v>403414</v>
      </c>
      <c r="HY40" s="307">
        <v>403414</v>
      </c>
    </row>
    <row r="41" spans="2:233" x14ac:dyDescent="0.2">
      <c r="B41" s="1" t="s">
        <v>84</v>
      </c>
    </row>
  </sheetData>
  <mergeCells count="88">
    <mergeCell ref="I1:J1"/>
    <mergeCell ref="HD4:HN4"/>
    <mergeCell ref="DI3:HN3"/>
    <mergeCell ref="EP4:EZ4"/>
    <mergeCell ref="FL4:FV4"/>
    <mergeCell ref="CX4:DH4"/>
    <mergeCell ref="C3:DH3"/>
    <mergeCell ref="DI4:DS4"/>
    <mergeCell ref="DT4:ED4"/>
    <mergeCell ref="C4:M4"/>
    <mergeCell ref="N4:X4"/>
    <mergeCell ref="Y4:AI4"/>
    <mergeCell ref="AJ4:AT4"/>
    <mergeCell ref="BF4:BP4"/>
    <mergeCell ref="AU4:BE4"/>
    <mergeCell ref="HO3:HY4"/>
    <mergeCell ref="EE4:EO4"/>
    <mergeCell ref="FW4:GG4"/>
    <mergeCell ref="GH4:GR4"/>
    <mergeCell ref="GS4:HC4"/>
    <mergeCell ref="FA4:FK4"/>
    <mergeCell ref="C5:E5"/>
    <mergeCell ref="F5:L5"/>
    <mergeCell ref="M5:M6"/>
    <mergeCell ref="N5:P5"/>
    <mergeCell ref="Q5:W5"/>
    <mergeCell ref="B3:B6"/>
    <mergeCell ref="BQ4:CA4"/>
    <mergeCell ref="CB4:CL4"/>
    <mergeCell ref="CM4:CW4"/>
    <mergeCell ref="BT5:BZ5"/>
    <mergeCell ref="X5:X6"/>
    <mergeCell ref="Y5:AA5"/>
    <mergeCell ref="AB5:AH5"/>
    <mergeCell ref="AI5:AI6"/>
    <mergeCell ref="AJ5:AL5"/>
    <mergeCell ref="AM5:AS5"/>
    <mergeCell ref="AT5:AT6"/>
    <mergeCell ref="BF5:BH5"/>
    <mergeCell ref="BI5:BO5"/>
    <mergeCell ref="BP5:BP6"/>
    <mergeCell ref="BQ5:BS5"/>
    <mergeCell ref="AU5:AW5"/>
    <mergeCell ref="AX5:BD5"/>
    <mergeCell ref="BE5:BE6"/>
    <mergeCell ref="DW5:EC5"/>
    <mergeCell ref="CA5:CA6"/>
    <mergeCell ref="CB5:CD5"/>
    <mergeCell ref="CE5:CK5"/>
    <mergeCell ref="CL5:CL6"/>
    <mergeCell ref="CM5:CO5"/>
    <mergeCell ref="CP5:CV5"/>
    <mergeCell ref="CW5:CW6"/>
    <mergeCell ref="DI5:DK5"/>
    <mergeCell ref="DL5:DR5"/>
    <mergeCell ref="DS5:DS6"/>
    <mergeCell ref="DT5:DV5"/>
    <mergeCell ref="CX5:CZ5"/>
    <mergeCell ref="DA5:DG5"/>
    <mergeCell ref="DH5:DH6"/>
    <mergeCell ref="FZ5:GF5"/>
    <mergeCell ref="ED5:ED6"/>
    <mergeCell ref="EE5:EG5"/>
    <mergeCell ref="EH5:EN5"/>
    <mergeCell ref="EO5:EO6"/>
    <mergeCell ref="EP5:ER5"/>
    <mergeCell ref="ES5:EY5"/>
    <mergeCell ref="EZ5:EZ6"/>
    <mergeCell ref="FL5:FN5"/>
    <mergeCell ref="FO5:FU5"/>
    <mergeCell ref="FV5:FV6"/>
    <mergeCell ref="FW5:FY5"/>
    <mergeCell ref="FA5:FC5"/>
    <mergeCell ref="FD5:FJ5"/>
    <mergeCell ref="FK5:FK6"/>
    <mergeCell ref="HC5:HC6"/>
    <mergeCell ref="HO5:HQ5"/>
    <mergeCell ref="HR5:HX5"/>
    <mergeCell ref="HY5:HY6"/>
    <mergeCell ref="GG5:GG6"/>
    <mergeCell ref="GH5:GJ5"/>
    <mergeCell ref="GK5:GQ5"/>
    <mergeCell ref="GR5:GR6"/>
    <mergeCell ref="GS5:GU5"/>
    <mergeCell ref="GV5:HB5"/>
    <mergeCell ref="HD5:HF5"/>
    <mergeCell ref="HG5:HM5"/>
    <mergeCell ref="HN5:HN6"/>
  </mergeCells>
  <phoneticPr fontId="4"/>
  <pageMargins left="0.70866141732283472" right="0.70866141732283472" top="0.74803149606299213" bottom="0.74803149606299213" header="0.31496062992125984" footer="0.31496062992125984"/>
  <pageSetup paperSize="9" scale="54" orientation="landscape" r:id="rId1"/>
  <headerFooter>
    <oddFooter>&amp;L&amp;20&amp;A&amp;C&amp;P/&amp;N</oddFooter>
  </headerFooter>
  <colBreaks count="8" manualBreakCount="8">
    <brk id="24" max="1048575" man="1"/>
    <brk id="57" max="1048575" man="1"/>
    <brk id="79" max="1048575" man="1"/>
    <brk id="112" max="1048575" man="1"/>
    <brk id="134" max="1048575" man="1"/>
    <brk id="167" max="1048575" man="1"/>
    <brk id="189" max="1048575" man="1"/>
    <brk id="222" max="1048575" man="1"/>
  </col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35">
        <f>第１表!F2</f>
        <v>4</v>
      </c>
      <c r="G1" s="535"/>
      <c r="H1" s="248">
        <f>第１表!G2</f>
        <v>12</v>
      </c>
      <c r="I1" s="534">
        <f>H1</f>
        <v>12</v>
      </c>
      <c r="J1" s="534"/>
    </row>
    <row r="2" spans="2:299" ht="24" customHeight="1" thickBot="1" x14ac:dyDescent="0.25">
      <c r="B2" s="20" t="s">
        <v>132</v>
      </c>
    </row>
    <row r="3" spans="2:299" ht="21" customHeight="1" thickBot="1" x14ac:dyDescent="0.25">
      <c r="B3" s="521" t="s">
        <v>38</v>
      </c>
      <c r="C3" s="516" t="s">
        <v>96</v>
      </c>
      <c r="D3" s="516"/>
      <c r="E3" s="516"/>
      <c r="F3" s="516"/>
      <c r="G3" s="516"/>
      <c r="H3" s="516"/>
      <c r="I3" s="516"/>
      <c r="J3" s="516"/>
      <c r="K3" s="516"/>
      <c r="L3" s="516"/>
      <c r="M3" s="516"/>
      <c r="N3" s="516"/>
      <c r="O3" s="516"/>
      <c r="P3" s="516"/>
      <c r="Q3" s="516"/>
      <c r="R3" s="516"/>
      <c r="S3" s="516"/>
      <c r="T3" s="516"/>
      <c r="U3" s="516"/>
      <c r="V3" s="516"/>
      <c r="W3" s="516"/>
      <c r="X3" s="516"/>
      <c r="Y3" s="516"/>
      <c r="Z3" s="516"/>
      <c r="AA3" s="516"/>
      <c r="AB3" s="516"/>
      <c r="AC3" s="516"/>
      <c r="AD3" s="516"/>
      <c r="AE3" s="516"/>
      <c r="AF3" s="516"/>
      <c r="AG3" s="516"/>
      <c r="AH3" s="516"/>
      <c r="AI3" s="516"/>
      <c r="AJ3" s="516"/>
      <c r="AK3" s="516"/>
      <c r="AL3" s="516"/>
      <c r="AM3" s="516"/>
      <c r="AN3" s="516"/>
      <c r="AO3" s="516"/>
      <c r="AP3" s="516"/>
      <c r="AQ3" s="516"/>
      <c r="AR3" s="516"/>
      <c r="AS3" s="516"/>
      <c r="AT3" s="516"/>
      <c r="AU3" s="516"/>
      <c r="AV3" s="516"/>
      <c r="AW3" s="516"/>
      <c r="AX3" s="516"/>
      <c r="AY3" s="516"/>
      <c r="AZ3" s="516"/>
      <c r="BA3" s="516"/>
      <c r="BB3" s="516"/>
      <c r="BC3" s="516"/>
      <c r="BD3" s="516"/>
      <c r="BE3" s="516"/>
      <c r="BF3" s="516"/>
      <c r="BG3" s="516"/>
      <c r="BH3" s="516"/>
      <c r="BI3" s="516"/>
      <c r="BJ3" s="516"/>
      <c r="BK3" s="516"/>
      <c r="BL3" s="516"/>
      <c r="BM3" s="516"/>
      <c r="BN3" s="516"/>
      <c r="BO3" s="516"/>
      <c r="BP3" s="516"/>
      <c r="BQ3" s="516"/>
      <c r="BR3" s="516"/>
      <c r="BS3" s="516"/>
      <c r="BT3" s="516"/>
      <c r="BU3" s="516"/>
      <c r="BV3" s="516"/>
      <c r="BW3" s="516"/>
      <c r="BX3" s="516"/>
      <c r="BY3" s="516"/>
      <c r="BZ3" s="516"/>
      <c r="CA3" s="516"/>
      <c r="CB3" s="516"/>
      <c r="CC3" s="516"/>
      <c r="CD3" s="516"/>
      <c r="CE3" s="516"/>
      <c r="CF3" s="516"/>
      <c r="CG3" s="516"/>
      <c r="CH3" s="516"/>
      <c r="CI3" s="516"/>
      <c r="CJ3" s="516"/>
      <c r="CK3" s="516"/>
      <c r="CL3" s="516"/>
      <c r="CM3" s="516"/>
      <c r="CN3" s="516"/>
      <c r="CO3" s="516"/>
      <c r="CP3" s="516"/>
      <c r="CQ3" s="516"/>
      <c r="CR3" s="516"/>
      <c r="CS3" s="516"/>
      <c r="CT3" s="516"/>
      <c r="CU3" s="516"/>
      <c r="CV3" s="516"/>
      <c r="CW3" s="517"/>
      <c r="CX3" s="516" t="s">
        <v>103</v>
      </c>
      <c r="CY3" s="516"/>
      <c r="CZ3" s="516"/>
      <c r="DA3" s="516"/>
      <c r="DB3" s="516"/>
      <c r="DC3" s="516"/>
      <c r="DD3" s="516"/>
      <c r="DE3" s="516"/>
      <c r="DF3" s="516"/>
      <c r="DG3" s="516"/>
      <c r="DH3" s="516"/>
      <c r="DI3" s="516"/>
      <c r="DJ3" s="516"/>
      <c r="DK3" s="516"/>
      <c r="DL3" s="516"/>
      <c r="DM3" s="516"/>
      <c r="DN3" s="516"/>
      <c r="DO3" s="516"/>
      <c r="DP3" s="516"/>
      <c r="DQ3" s="516"/>
      <c r="DR3" s="516"/>
      <c r="DS3" s="516"/>
      <c r="DT3" s="516"/>
      <c r="DU3" s="516"/>
      <c r="DV3" s="516"/>
      <c r="DW3" s="516"/>
      <c r="DX3" s="516"/>
      <c r="DY3" s="516"/>
      <c r="DZ3" s="516"/>
      <c r="EA3" s="516"/>
      <c r="EB3" s="516"/>
      <c r="EC3" s="516"/>
      <c r="ED3" s="516"/>
      <c r="EE3" s="516"/>
      <c r="EF3" s="516"/>
      <c r="EG3" s="516"/>
      <c r="EH3" s="516"/>
      <c r="EI3" s="516"/>
      <c r="EJ3" s="516"/>
      <c r="EK3" s="516"/>
      <c r="EL3" s="516"/>
      <c r="EM3" s="516"/>
      <c r="EN3" s="516"/>
      <c r="EO3" s="516"/>
      <c r="EP3" s="516"/>
      <c r="EQ3" s="516"/>
      <c r="ER3" s="516"/>
      <c r="ES3" s="516"/>
      <c r="ET3" s="516"/>
      <c r="EU3" s="516"/>
      <c r="EV3" s="516"/>
      <c r="EW3" s="516"/>
      <c r="EX3" s="516"/>
      <c r="EY3" s="516"/>
      <c r="EZ3" s="516"/>
      <c r="FA3" s="516"/>
      <c r="FB3" s="516"/>
      <c r="FC3" s="516"/>
      <c r="FD3" s="516"/>
      <c r="FE3" s="516"/>
      <c r="FF3" s="516"/>
      <c r="FG3" s="516"/>
      <c r="FH3" s="516"/>
      <c r="FI3" s="516"/>
      <c r="FJ3" s="516"/>
      <c r="FK3" s="516"/>
      <c r="FL3" s="516"/>
      <c r="FM3" s="516"/>
      <c r="FN3" s="516"/>
      <c r="FO3" s="516"/>
      <c r="FP3" s="516"/>
      <c r="FQ3" s="516"/>
      <c r="FR3" s="516"/>
      <c r="FS3" s="516"/>
      <c r="FT3" s="516"/>
      <c r="FU3" s="516"/>
      <c r="FV3" s="516"/>
      <c r="FW3" s="516"/>
      <c r="FX3" s="516"/>
      <c r="FY3" s="516"/>
      <c r="FZ3" s="516"/>
      <c r="GA3" s="516"/>
      <c r="GB3" s="516"/>
      <c r="GC3" s="516"/>
      <c r="GD3" s="516"/>
      <c r="GE3" s="516"/>
      <c r="GF3" s="516"/>
      <c r="GG3" s="516"/>
      <c r="GH3" s="516"/>
      <c r="GI3" s="516"/>
      <c r="GJ3" s="516"/>
      <c r="GK3" s="516"/>
      <c r="GL3" s="516"/>
      <c r="GM3" s="516"/>
      <c r="GN3" s="516"/>
      <c r="GO3" s="516"/>
      <c r="GP3" s="516"/>
      <c r="GQ3" s="516"/>
      <c r="GR3" s="517"/>
      <c r="GS3" s="516" t="s">
        <v>104</v>
      </c>
      <c r="GT3" s="516"/>
      <c r="GU3" s="516"/>
      <c r="GV3" s="516"/>
      <c r="GW3" s="516"/>
      <c r="GX3" s="516"/>
      <c r="GY3" s="516"/>
      <c r="GZ3" s="516"/>
      <c r="HA3" s="516"/>
      <c r="HB3" s="516"/>
      <c r="HC3" s="516"/>
      <c r="HD3" s="516"/>
      <c r="HE3" s="516"/>
      <c r="HF3" s="516"/>
      <c r="HG3" s="516"/>
      <c r="HH3" s="516"/>
      <c r="HI3" s="516"/>
      <c r="HJ3" s="516"/>
      <c r="HK3" s="516"/>
      <c r="HL3" s="516"/>
      <c r="HM3" s="516"/>
      <c r="HN3" s="516"/>
      <c r="HO3" s="516"/>
      <c r="HP3" s="516"/>
      <c r="HQ3" s="516"/>
      <c r="HR3" s="516"/>
      <c r="HS3" s="516"/>
      <c r="HT3" s="516"/>
      <c r="HU3" s="516"/>
      <c r="HV3" s="516"/>
      <c r="HW3" s="516"/>
      <c r="HX3" s="516"/>
      <c r="HY3" s="516"/>
      <c r="HZ3" s="516"/>
      <c r="IA3" s="516"/>
      <c r="IB3" s="516"/>
      <c r="IC3" s="516"/>
      <c r="ID3" s="516"/>
      <c r="IE3" s="516"/>
      <c r="IF3" s="516"/>
      <c r="IG3" s="516"/>
      <c r="IH3" s="516"/>
      <c r="II3" s="516"/>
      <c r="IJ3" s="516"/>
      <c r="IK3" s="516"/>
      <c r="IL3" s="516"/>
      <c r="IM3" s="516"/>
      <c r="IN3" s="516"/>
      <c r="IO3" s="516"/>
      <c r="IP3" s="516"/>
      <c r="IQ3" s="516"/>
      <c r="IR3" s="516"/>
      <c r="IS3" s="516"/>
      <c r="IT3" s="516"/>
      <c r="IU3" s="516"/>
      <c r="IV3" s="516"/>
      <c r="IW3" s="516"/>
      <c r="IX3" s="516"/>
      <c r="IY3" s="516"/>
      <c r="IZ3" s="516"/>
      <c r="JA3" s="516"/>
      <c r="JB3" s="516"/>
      <c r="JC3" s="516"/>
      <c r="JD3" s="516"/>
      <c r="JE3" s="516"/>
      <c r="JF3" s="516"/>
      <c r="JG3" s="516"/>
      <c r="JH3" s="516"/>
      <c r="JI3" s="516"/>
      <c r="JJ3" s="516"/>
      <c r="JK3" s="516"/>
      <c r="JL3" s="516"/>
      <c r="JM3" s="516"/>
      <c r="JN3" s="516"/>
      <c r="JO3" s="516"/>
      <c r="JP3" s="516"/>
      <c r="JQ3" s="516"/>
      <c r="JR3" s="516"/>
      <c r="JS3" s="516"/>
      <c r="JT3" s="516"/>
      <c r="JU3" s="516"/>
      <c r="JV3" s="516"/>
      <c r="JW3" s="516"/>
      <c r="JX3" s="516"/>
      <c r="JY3" s="516"/>
      <c r="JZ3" s="516"/>
      <c r="KA3" s="516"/>
      <c r="KB3" s="516"/>
      <c r="KC3" s="516"/>
      <c r="KD3" s="516"/>
      <c r="KE3" s="516"/>
      <c r="KF3" s="516"/>
      <c r="KG3" s="516"/>
      <c r="KH3" s="516"/>
      <c r="KI3" s="516"/>
      <c r="KJ3" s="516"/>
      <c r="KK3" s="516"/>
      <c r="KL3" s="516"/>
      <c r="KM3" s="517"/>
    </row>
    <row r="4" spans="2:299" ht="21" customHeight="1" thickBot="1" x14ac:dyDescent="0.25">
      <c r="B4" s="533"/>
      <c r="C4" s="518" t="s">
        <v>39</v>
      </c>
      <c r="D4" s="519"/>
      <c r="E4" s="519"/>
      <c r="F4" s="519"/>
      <c r="G4" s="519"/>
      <c r="H4" s="519"/>
      <c r="I4" s="519"/>
      <c r="J4" s="519"/>
      <c r="K4" s="519"/>
      <c r="L4" s="519"/>
      <c r="M4" s="519"/>
      <c r="N4" s="519"/>
      <c r="O4" s="519"/>
      <c r="P4" s="519"/>
      <c r="Q4" s="519"/>
      <c r="R4" s="519"/>
      <c r="S4" s="519"/>
      <c r="T4" s="519"/>
      <c r="U4" s="519"/>
      <c r="V4" s="519"/>
      <c r="W4" s="519"/>
      <c r="X4" s="519"/>
      <c r="Y4" s="519"/>
      <c r="Z4" s="519"/>
      <c r="AA4" s="519"/>
      <c r="AB4" s="519"/>
      <c r="AC4" s="519"/>
      <c r="AD4" s="519"/>
      <c r="AE4" s="519"/>
      <c r="AF4" s="519"/>
      <c r="AG4" s="519"/>
      <c r="AH4" s="519"/>
      <c r="AI4" s="519"/>
      <c r="AJ4" s="519"/>
      <c r="AK4" s="519"/>
      <c r="AL4" s="519"/>
      <c r="AM4" s="519"/>
      <c r="AN4" s="519"/>
      <c r="AO4" s="519"/>
      <c r="AP4" s="519"/>
      <c r="AQ4" s="519"/>
      <c r="AR4" s="519"/>
      <c r="AS4" s="519"/>
      <c r="AT4" s="519"/>
      <c r="AU4" s="519"/>
      <c r="AV4" s="519"/>
      <c r="AW4" s="519"/>
      <c r="AX4" s="519"/>
      <c r="AY4" s="519"/>
      <c r="AZ4" s="519"/>
      <c r="BA4" s="519"/>
      <c r="BB4" s="519"/>
      <c r="BC4" s="519"/>
      <c r="BD4" s="519"/>
      <c r="BE4" s="519"/>
      <c r="BF4" s="519"/>
      <c r="BG4" s="519"/>
      <c r="BH4" s="519"/>
      <c r="BI4" s="519"/>
      <c r="BJ4" s="519"/>
      <c r="BK4" s="519"/>
      <c r="BL4" s="519"/>
      <c r="BM4" s="519"/>
      <c r="BN4" s="519"/>
      <c r="BO4" s="519"/>
      <c r="BP4" s="519"/>
      <c r="BQ4" s="519"/>
      <c r="BR4" s="519"/>
      <c r="BS4" s="519"/>
      <c r="BT4" s="519"/>
      <c r="BU4" s="519"/>
      <c r="BV4" s="519"/>
      <c r="BW4" s="519"/>
      <c r="BX4" s="519"/>
      <c r="BY4" s="519"/>
      <c r="BZ4" s="519"/>
      <c r="CA4" s="520"/>
      <c r="CB4" s="521" t="s">
        <v>40</v>
      </c>
      <c r="CC4" s="522"/>
      <c r="CD4" s="522"/>
      <c r="CE4" s="522"/>
      <c r="CF4" s="522"/>
      <c r="CG4" s="522"/>
      <c r="CH4" s="522"/>
      <c r="CI4" s="522"/>
      <c r="CJ4" s="522"/>
      <c r="CK4" s="522"/>
      <c r="CL4" s="523"/>
      <c r="CM4" s="521" t="s">
        <v>41</v>
      </c>
      <c r="CN4" s="522"/>
      <c r="CO4" s="522"/>
      <c r="CP4" s="522"/>
      <c r="CQ4" s="522"/>
      <c r="CR4" s="522"/>
      <c r="CS4" s="522"/>
      <c r="CT4" s="522"/>
      <c r="CU4" s="522"/>
      <c r="CV4" s="522"/>
      <c r="CW4" s="523"/>
      <c r="CX4" s="518" t="s">
        <v>39</v>
      </c>
      <c r="CY4" s="519"/>
      <c r="CZ4" s="519"/>
      <c r="DA4" s="519"/>
      <c r="DB4" s="519"/>
      <c r="DC4" s="519"/>
      <c r="DD4" s="519"/>
      <c r="DE4" s="519"/>
      <c r="DF4" s="519"/>
      <c r="DG4" s="519"/>
      <c r="DH4" s="519"/>
      <c r="DI4" s="519"/>
      <c r="DJ4" s="519"/>
      <c r="DK4" s="519"/>
      <c r="DL4" s="519"/>
      <c r="DM4" s="519"/>
      <c r="DN4" s="519"/>
      <c r="DO4" s="519"/>
      <c r="DP4" s="519"/>
      <c r="DQ4" s="519"/>
      <c r="DR4" s="519"/>
      <c r="DS4" s="519"/>
      <c r="DT4" s="519"/>
      <c r="DU4" s="519"/>
      <c r="DV4" s="519"/>
      <c r="DW4" s="519"/>
      <c r="DX4" s="519"/>
      <c r="DY4" s="519"/>
      <c r="DZ4" s="519"/>
      <c r="EA4" s="519"/>
      <c r="EB4" s="519"/>
      <c r="EC4" s="519"/>
      <c r="ED4" s="519"/>
      <c r="EE4" s="519"/>
      <c r="EF4" s="519"/>
      <c r="EG4" s="519"/>
      <c r="EH4" s="519"/>
      <c r="EI4" s="519"/>
      <c r="EJ4" s="519"/>
      <c r="EK4" s="519"/>
      <c r="EL4" s="519"/>
      <c r="EM4" s="519"/>
      <c r="EN4" s="519"/>
      <c r="EO4" s="519"/>
      <c r="EP4" s="519"/>
      <c r="EQ4" s="519"/>
      <c r="ER4" s="519"/>
      <c r="ES4" s="519"/>
      <c r="ET4" s="519"/>
      <c r="EU4" s="519"/>
      <c r="EV4" s="519"/>
      <c r="EW4" s="519"/>
      <c r="EX4" s="519"/>
      <c r="EY4" s="519"/>
      <c r="EZ4" s="519"/>
      <c r="FA4" s="519"/>
      <c r="FB4" s="519"/>
      <c r="FC4" s="519"/>
      <c r="FD4" s="519"/>
      <c r="FE4" s="519"/>
      <c r="FF4" s="519"/>
      <c r="FG4" s="519"/>
      <c r="FH4" s="519"/>
      <c r="FI4" s="519"/>
      <c r="FJ4" s="519"/>
      <c r="FK4" s="519"/>
      <c r="FL4" s="519"/>
      <c r="FM4" s="519"/>
      <c r="FN4" s="519"/>
      <c r="FO4" s="519"/>
      <c r="FP4" s="519"/>
      <c r="FQ4" s="519"/>
      <c r="FR4" s="519"/>
      <c r="FS4" s="519"/>
      <c r="FT4" s="519"/>
      <c r="FU4" s="519"/>
      <c r="FV4" s="520"/>
      <c r="FW4" s="521" t="s">
        <v>40</v>
      </c>
      <c r="FX4" s="522"/>
      <c r="FY4" s="522"/>
      <c r="FZ4" s="522"/>
      <c r="GA4" s="522"/>
      <c r="GB4" s="522"/>
      <c r="GC4" s="522"/>
      <c r="GD4" s="522"/>
      <c r="GE4" s="522"/>
      <c r="GF4" s="522"/>
      <c r="GG4" s="523"/>
      <c r="GH4" s="521" t="s">
        <v>41</v>
      </c>
      <c r="GI4" s="522"/>
      <c r="GJ4" s="522"/>
      <c r="GK4" s="522"/>
      <c r="GL4" s="522"/>
      <c r="GM4" s="522"/>
      <c r="GN4" s="522"/>
      <c r="GO4" s="522"/>
      <c r="GP4" s="522"/>
      <c r="GQ4" s="522"/>
      <c r="GR4" s="523"/>
      <c r="GS4" s="518" t="s">
        <v>39</v>
      </c>
      <c r="GT4" s="519"/>
      <c r="GU4" s="519"/>
      <c r="GV4" s="519"/>
      <c r="GW4" s="519"/>
      <c r="GX4" s="519"/>
      <c r="GY4" s="519"/>
      <c r="GZ4" s="519"/>
      <c r="HA4" s="519"/>
      <c r="HB4" s="519"/>
      <c r="HC4" s="519"/>
      <c r="HD4" s="519"/>
      <c r="HE4" s="519"/>
      <c r="HF4" s="519"/>
      <c r="HG4" s="519"/>
      <c r="HH4" s="519"/>
      <c r="HI4" s="519"/>
      <c r="HJ4" s="519"/>
      <c r="HK4" s="519"/>
      <c r="HL4" s="519"/>
      <c r="HM4" s="519"/>
      <c r="HN4" s="519"/>
      <c r="HO4" s="519"/>
      <c r="HP4" s="519"/>
      <c r="HQ4" s="519"/>
      <c r="HR4" s="519"/>
      <c r="HS4" s="519"/>
      <c r="HT4" s="519"/>
      <c r="HU4" s="519"/>
      <c r="HV4" s="519"/>
      <c r="HW4" s="519"/>
      <c r="HX4" s="519"/>
      <c r="HY4" s="519"/>
      <c r="HZ4" s="519"/>
      <c r="IA4" s="519"/>
      <c r="IB4" s="519"/>
      <c r="IC4" s="519"/>
      <c r="ID4" s="519"/>
      <c r="IE4" s="519"/>
      <c r="IF4" s="519"/>
      <c r="IG4" s="519"/>
      <c r="IH4" s="519"/>
      <c r="II4" s="519"/>
      <c r="IJ4" s="519"/>
      <c r="IK4" s="519"/>
      <c r="IL4" s="519"/>
      <c r="IM4" s="519"/>
      <c r="IN4" s="519"/>
      <c r="IO4" s="519"/>
      <c r="IP4" s="519"/>
      <c r="IQ4" s="519"/>
      <c r="IR4" s="519"/>
      <c r="IS4" s="519"/>
      <c r="IT4" s="519"/>
      <c r="IU4" s="519"/>
      <c r="IV4" s="519"/>
      <c r="IW4" s="519"/>
      <c r="IX4" s="519"/>
      <c r="IY4" s="519"/>
      <c r="IZ4" s="519"/>
      <c r="JA4" s="519"/>
      <c r="JB4" s="519"/>
      <c r="JC4" s="519"/>
      <c r="JD4" s="519"/>
      <c r="JE4" s="519"/>
      <c r="JF4" s="519"/>
      <c r="JG4" s="519"/>
      <c r="JH4" s="519"/>
      <c r="JI4" s="519"/>
      <c r="JJ4" s="519"/>
      <c r="JK4" s="519"/>
      <c r="JL4" s="519"/>
      <c r="JM4" s="519"/>
      <c r="JN4" s="519"/>
      <c r="JO4" s="519"/>
      <c r="JP4" s="519"/>
      <c r="JQ4" s="520"/>
      <c r="JR4" s="521" t="s">
        <v>40</v>
      </c>
      <c r="JS4" s="522"/>
      <c r="JT4" s="522"/>
      <c r="JU4" s="522"/>
      <c r="JV4" s="522"/>
      <c r="JW4" s="522"/>
      <c r="JX4" s="522"/>
      <c r="JY4" s="522"/>
      <c r="JZ4" s="522"/>
      <c r="KA4" s="522"/>
      <c r="KB4" s="523"/>
      <c r="KC4" s="521" t="s">
        <v>41</v>
      </c>
      <c r="KD4" s="522"/>
      <c r="KE4" s="522"/>
      <c r="KF4" s="522"/>
      <c r="KG4" s="522"/>
      <c r="KH4" s="522"/>
      <c r="KI4" s="522"/>
      <c r="KJ4" s="522"/>
      <c r="KK4" s="522"/>
      <c r="KL4" s="522"/>
      <c r="KM4" s="523"/>
    </row>
    <row r="5" spans="2:299" ht="21" customHeight="1" thickBot="1" x14ac:dyDescent="0.25">
      <c r="B5" s="527"/>
      <c r="C5" s="527"/>
      <c r="D5" s="528"/>
      <c r="E5" s="528"/>
      <c r="F5" s="528"/>
      <c r="G5" s="528"/>
      <c r="H5" s="528"/>
      <c r="I5" s="528"/>
      <c r="J5" s="528"/>
      <c r="K5" s="528"/>
      <c r="L5" s="528"/>
      <c r="M5" s="529"/>
      <c r="N5" s="530" t="s">
        <v>97</v>
      </c>
      <c r="O5" s="531"/>
      <c r="P5" s="531"/>
      <c r="Q5" s="531"/>
      <c r="R5" s="531"/>
      <c r="S5" s="531"/>
      <c r="T5" s="531"/>
      <c r="U5" s="531"/>
      <c r="V5" s="531"/>
      <c r="W5" s="531"/>
      <c r="X5" s="532"/>
      <c r="Y5" s="530" t="s">
        <v>98</v>
      </c>
      <c r="Z5" s="531"/>
      <c r="AA5" s="531"/>
      <c r="AB5" s="531"/>
      <c r="AC5" s="531"/>
      <c r="AD5" s="531"/>
      <c r="AE5" s="531"/>
      <c r="AF5" s="531"/>
      <c r="AG5" s="531"/>
      <c r="AH5" s="531"/>
      <c r="AI5" s="532"/>
      <c r="AJ5" s="530" t="s">
        <v>99</v>
      </c>
      <c r="AK5" s="531"/>
      <c r="AL5" s="531"/>
      <c r="AM5" s="531"/>
      <c r="AN5" s="531"/>
      <c r="AO5" s="531"/>
      <c r="AP5" s="531"/>
      <c r="AQ5" s="531"/>
      <c r="AR5" s="531"/>
      <c r="AS5" s="531"/>
      <c r="AT5" s="532"/>
      <c r="AU5" s="530" t="s">
        <v>100</v>
      </c>
      <c r="AV5" s="531"/>
      <c r="AW5" s="531"/>
      <c r="AX5" s="531"/>
      <c r="AY5" s="531"/>
      <c r="AZ5" s="531"/>
      <c r="BA5" s="531"/>
      <c r="BB5" s="531"/>
      <c r="BC5" s="531"/>
      <c r="BD5" s="531"/>
      <c r="BE5" s="532"/>
      <c r="BF5" s="530" t="s">
        <v>101</v>
      </c>
      <c r="BG5" s="531"/>
      <c r="BH5" s="531"/>
      <c r="BI5" s="531"/>
      <c r="BJ5" s="531"/>
      <c r="BK5" s="531"/>
      <c r="BL5" s="531"/>
      <c r="BM5" s="531"/>
      <c r="BN5" s="531"/>
      <c r="BO5" s="531"/>
      <c r="BP5" s="532"/>
      <c r="BQ5" s="530" t="s">
        <v>102</v>
      </c>
      <c r="BR5" s="531"/>
      <c r="BS5" s="531"/>
      <c r="BT5" s="531"/>
      <c r="BU5" s="531"/>
      <c r="BV5" s="531"/>
      <c r="BW5" s="531"/>
      <c r="BX5" s="531"/>
      <c r="BY5" s="531"/>
      <c r="BZ5" s="531"/>
      <c r="CA5" s="532"/>
      <c r="CB5" s="524"/>
      <c r="CC5" s="525"/>
      <c r="CD5" s="525"/>
      <c r="CE5" s="525"/>
      <c r="CF5" s="525"/>
      <c r="CG5" s="525"/>
      <c r="CH5" s="525"/>
      <c r="CI5" s="525"/>
      <c r="CJ5" s="525"/>
      <c r="CK5" s="525"/>
      <c r="CL5" s="526"/>
      <c r="CM5" s="524"/>
      <c r="CN5" s="525"/>
      <c r="CO5" s="525"/>
      <c r="CP5" s="525"/>
      <c r="CQ5" s="525"/>
      <c r="CR5" s="525"/>
      <c r="CS5" s="525"/>
      <c r="CT5" s="525"/>
      <c r="CU5" s="525"/>
      <c r="CV5" s="525"/>
      <c r="CW5" s="526"/>
      <c r="CX5" s="527"/>
      <c r="CY5" s="528"/>
      <c r="CZ5" s="528"/>
      <c r="DA5" s="528"/>
      <c r="DB5" s="528"/>
      <c r="DC5" s="528"/>
      <c r="DD5" s="528"/>
      <c r="DE5" s="528"/>
      <c r="DF5" s="528"/>
      <c r="DG5" s="528"/>
      <c r="DH5" s="529"/>
      <c r="DI5" s="530" t="s">
        <v>97</v>
      </c>
      <c r="DJ5" s="531"/>
      <c r="DK5" s="531"/>
      <c r="DL5" s="531"/>
      <c r="DM5" s="531"/>
      <c r="DN5" s="531"/>
      <c r="DO5" s="531"/>
      <c r="DP5" s="531"/>
      <c r="DQ5" s="531"/>
      <c r="DR5" s="531"/>
      <c r="DS5" s="532"/>
      <c r="DT5" s="530" t="s">
        <v>98</v>
      </c>
      <c r="DU5" s="531"/>
      <c r="DV5" s="531"/>
      <c r="DW5" s="531"/>
      <c r="DX5" s="531"/>
      <c r="DY5" s="531"/>
      <c r="DZ5" s="531"/>
      <c r="EA5" s="531"/>
      <c r="EB5" s="531"/>
      <c r="EC5" s="531"/>
      <c r="ED5" s="532"/>
      <c r="EE5" s="530" t="s">
        <v>99</v>
      </c>
      <c r="EF5" s="531"/>
      <c r="EG5" s="531"/>
      <c r="EH5" s="531"/>
      <c r="EI5" s="531"/>
      <c r="EJ5" s="531"/>
      <c r="EK5" s="531"/>
      <c r="EL5" s="531"/>
      <c r="EM5" s="531"/>
      <c r="EN5" s="531"/>
      <c r="EO5" s="532"/>
      <c r="EP5" s="530" t="s">
        <v>100</v>
      </c>
      <c r="EQ5" s="531"/>
      <c r="ER5" s="531"/>
      <c r="ES5" s="531"/>
      <c r="ET5" s="531"/>
      <c r="EU5" s="531"/>
      <c r="EV5" s="531"/>
      <c r="EW5" s="531"/>
      <c r="EX5" s="531"/>
      <c r="EY5" s="531"/>
      <c r="EZ5" s="532"/>
      <c r="FA5" s="530" t="s">
        <v>101</v>
      </c>
      <c r="FB5" s="531"/>
      <c r="FC5" s="531"/>
      <c r="FD5" s="531"/>
      <c r="FE5" s="531"/>
      <c r="FF5" s="531"/>
      <c r="FG5" s="531"/>
      <c r="FH5" s="531"/>
      <c r="FI5" s="531"/>
      <c r="FJ5" s="531"/>
      <c r="FK5" s="532"/>
      <c r="FL5" s="530" t="s">
        <v>102</v>
      </c>
      <c r="FM5" s="531"/>
      <c r="FN5" s="531"/>
      <c r="FO5" s="531"/>
      <c r="FP5" s="531"/>
      <c r="FQ5" s="531"/>
      <c r="FR5" s="531"/>
      <c r="FS5" s="531"/>
      <c r="FT5" s="531"/>
      <c r="FU5" s="531"/>
      <c r="FV5" s="532"/>
      <c r="FW5" s="524"/>
      <c r="FX5" s="525"/>
      <c r="FY5" s="525"/>
      <c r="FZ5" s="525"/>
      <c r="GA5" s="525"/>
      <c r="GB5" s="525"/>
      <c r="GC5" s="525"/>
      <c r="GD5" s="525"/>
      <c r="GE5" s="525"/>
      <c r="GF5" s="525"/>
      <c r="GG5" s="526"/>
      <c r="GH5" s="524"/>
      <c r="GI5" s="525"/>
      <c r="GJ5" s="525"/>
      <c r="GK5" s="525"/>
      <c r="GL5" s="525"/>
      <c r="GM5" s="525"/>
      <c r="GN5" s="525"/>
      <c r="GO5" s="525"/>
      <c r="GP5" s="525"/>
      <c r="GQ5" s="525"/>
      <c r="GR5" s="526"/>
      <c r="GS5" s="527"/>
      <c r="GT5" s="528"/>
      <c r="GU5" s="528"/>
      <c r="GV5" s="528"/>
      <c r="GW5" s="528"/>
      <c r="GX5" s="528"/>
      <c r="GY5" s="528"/>
      <c r="GZ5" s="528"/>
      <c r="HA5" s="528"/>
      <c r="HB5" s="528"/>
      <c r="HC5" s="529"/>
      <c r="HD5" s="530" t="s">
        <v>97</v>
      </c>
      <c r="HE5" s="531"/>
      <c r="HF5" s="531"/>
      <c r="HG5" s="531"/>
      <c r="HH5" s="531"/>
      <c r="HI5" s="531"/>
      <c r="HJ5" s="531"/>
      <c r="HK5" s="531"/>
      <c r="HL5" s="531"/>
      <c r="HM5" s="531"/>
      <c r="HN5" s="532"/>
      <c r="HO5" s="530" t="s">
        <v>98</v>
      </c>
      <c r="HP5" s="531"/>
      <c r="HQ5" s="531"/>
      <c r="HR5" s="531"/>
      <c r="HS5" s="531"/>
      <c r="HT5" s="531"/>
      <c r="HU5" s="531"/>
      <c r="HV5" s="531"/>
      <c r="HW5" s="531"/>
      <c r="HX5" s="531"/>
      <c r="HY5" s="532"/>
      <c r="HZ5" s="530" t="s">
        <v>99</v>
      </c>
      <c r="IA5" s="531"/>
      <c r="IB5" s="531"/>
      <c r="IC5" s="531"/>
      <c r="ID5" s="531"/>
      <c r="IE5" s="531"/>
      <c r="IF5" s="531"/>
      <c r="IG5" s="531"/>
      <c r="IH5" s="531"/>
      <c r="II5" s="531"/>
      <c r="IJ5" s="532"/>
      <c r="IK5" s="530" t="s">
        <v>100</v>
      </c>
      <c r="IL5" s="531"/>
      <c r="IM5" s="531"/>
      <c r="IN5" s="531"/>
      <c r="IO5" s="531"/>
      <c r="IP5" s="531"/>
      <c r="IQ5" s="531"/>
      <c r="IR5" s="531"/>
      <c r="IS5" s="531"/>
      <c r="IT5" s="531"/>
      <c r="IU5" s="532"/>
      <c r="IV5" s="530" t="s">
        <v>101</v>
      </c>
      <c r="IW5" s="531"/>
      <c r="IX5" s="531"/>
      <c r="IY5" s="531"/>
      <c r="IZ5" s="531"/>
      <c r="JA5" s="531"/>
      <c r="JB5" s="531"/>
      <c r="JC5" s="531"/>
      <c r="JD5" s="531"/>
      <c r="JE5" s="531"/>
      <c r="JF5" s="532"/>
      <c r="JG5" s="530" t="s">
        <v>102</v>
      </c>
      <c r="JH5" s="531"/>
      <c r="JI5" s="531"/>
      <c r="JJ5" s="531"/>
      <c r="JK5" s="531"/>
      <c r="JL5" s="531"/>
      <c r="JM5" s="531"/>
      <c r="JN5" s="531"/>
      <c r="JO5" s="531"/>
      <c r="JP5" s="531"/>
      <c r="JQ5" s="532"/>
      <c r="JR5" s="524"/>
      <c r="JS5" s="525"/>
      <c r="JT5" s="525"/>
      <c r="JU5" s="525"/>
      <c r="JV5" s="525"/>
      <c r="JW5" s="525"/>
      <c r="JX5" s="525"/>
      <c r="JY5" s="525"/>
      <c r="JZ5" s="525"/>
      <c r="KA5" s="525"/>
      <c r="KB5" s="526"/>
      <c r="KC5" s="524"/>
      <c r="KD5" s="525"/>
      <c r="KE5" s="525"/>
      <c r="KF5" s="525"/>
      <c r="KG5" s="525"/>
      <c r="KH5" s="525"/>
      <c r="KI5" s="525"/>
      <c r="KJ5" s="525"/>
      <c r="KK5" s="525"/>
      <c r="KL5" s="525"/>
      <c r="KM5" s="526"/>
    </row>
    <row r="6" spans="2:299" ht="30" customHeight="1" thickBot="1" x14ac:dyDescent="0.25">
      <c r="B6" s="317" t="s">
        <v>42</v>
      </c>
      <c r="C6" s="51" t="s">
        <v>43</v>
      </c>
      <c r="D6" s="47" t="s">
        <v>44</v>
      </c>
      <c r="E6" s="48" t="s">
        <v>45</v>
      </c>
      <c r="F6" s="52" t="s">
        <v>46</v>
      </c>
      <c r="G6" s="47" t="s">
        <v>47</v>
      </c>
      <c r="H6" s="47" t="s">
        <v>48</v>
      </c>
      <c r="I6" s="47" t="s">
        <v>49</v>
      </c>
      <c r="J6" s="47" t="s">
        <v>50</v>
      </c>
      <c r="K6" s="47" t="s">
        <v>51</v>
      </c>
      <c r="L6" s="48" t="s">
        <v>45</v>
      </c>
      <c r="M6" s="53"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53"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53"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125" t="s">
        <v>4</v>
      </c>
      <c r="C7" s="314">
        <v>4340</v>
      </c>
      <c r="D7" s="78">
        <v>4022</v>
      </c>
      <c r="E7" s="79">
        <v>8362</v>
      </c>
      <c r="F7" s="240"/>
      <c r="G7" s="78">
        <v>5920</v>
      </c>
      <c r="H7" s="78">
        <v>5208</v>
      </c>
      <c r="I7" s="78">
        <v>3549</v>
      </c>
      <c r="J7" s="78">
        <v>2829</v>
      </c>
      <c r="K7" s="78">
        <v>1684</v>
      </c>
      <c r="L7" s="80">
        <v>19190</v>
      </c>
      <c r="M7" s="81">
        <v>27552</v>
      </c>
      <c r="N7" s="66">
        <v>60</v>
      </c>
      <c r="O7" s="67">
        <v>60</v>
      </c>
      <c r="P7" s="68">
        <v>120</v>
      </c>
      <c r="Q7" s="243"/>
      <c r="R7" s="67">
        <v>87</v>
      </c>
      <c r="S7" s="67">
        <v>122</v>
      </c>
      <c r="T7" s="67">
        <v>60</v>
      </c>
      <c r="U7" s="67">
        <v>40</v>
      </c>
      <c r="V7" s="67">
        <v>36</v>
      </c>
      <c r="W7" s="68">
        <v>345</v>
      </c>
      <c r="X7" s="69">
        <v>465</v>
      </c>
      <c r="Y7" s="66">
        <v>181</v>
      </c>
      <c r="Z7" s="67">
        <v>183</v>
      </c>
      <c r="AA7" s="68">
        <v>364</v>
      </c>
      <c r="AB7" s="243"/>
      <c r="AC7" s="67">
        <v>231</v>
      </c>
      <c r="AD7" s="67">
        <v>236</v>
      </c>
      <c r="AE7" s="67">
        <v>143</v>
      </c>
      <c r="AF7" s="67">
        <v>126</v>
      </c>
      <c r="AG7" s="67">
        <v>111</v>
      </c>
      <c r="AH7" s="68">
        <v>847</v>
      </c>
      <c r="AI7" s="69">
        <v>1211</v>
      </c>
      <c r="AJ7" s="66">
        <v>335</v>
      </c>
      <c r="AK7" s="67">
        <v>332</v>
      </c>
      <c r="AL7" s="68">
        <v>667</v>
      </c>
      <c r="AM7" s="243"/>
      <c r="AN7" s="67">
        <v>451</v>
      </c>
      <c r="AO7" s="67">
        <v>393</v>
      </c>
      <c r="AP7" s="67">
        <v>275</v>
      </c>
      <c r="AQ7" s="67">
        <v>204</v>
      </c>
      <c r="AR7" s="67">
        <v>161</v>
      </c>
      <c r="AS7" s="68">
        <v>1484</v>
      </c>
      <c r="AT7" s="69">
        <v>2151</v>
      </c>
      <c r="AU7" s="66">
        <v>872</v>
      </c>
      <c r="AV7" s="67">
        <v>764</v>
      </c>
      <c r="AW7" s="68">
        <v>1636</v>
      </c>
      <c r="AX7" s="243"/>
      <c r="AY7" s="67">
        <v>1146</v>
      </c>
      <c r="AZ7" s="67">
        <v>922</v>
      </c>
      <c r="BA7" s="67">
        <v>585</v>
      </c>
      <c r="BB7" s="67">
        <v>438</v>
      </c>
      <c r="BC7" s="67">
        <v>334</v>
      </c>
      <c r="BD7" s="68">
        <v>3425</v>
      </c>
      <c r="BE7" s="69">
        <v>5061</v>
      </c>
      <c r="BF7" s="66">
        <v>1596</v>
      </c>
      <c r="BG7" s="67">
        <v>1393</v>
      </c>
      <c r="BH7" s="68">
        <v>2989</v>
      </c>
      <c r="BI7" s="243"/>
      <c r="BJ7" s="67">
        <v>1993</v>
      </c>
      <c r="BK7" s="67">
        <v>1605</v>
      </c>
      <c r="BL7" s="67">
        <v>1066</v>
      </c>
      <c r="BM7" s="67">
        <v>874</v>
      </c>
      <c r="BN7" s="67">
        <v>498</v>
      </c>
      <c r="BO7" s="68">
        <v>6036</v>
      </c>
      <c r="BP7" s="69">
        <v>9025</v>
      </c>
      <c r="BQ7" s="66">
        <v>1296</v>
      </c>
      <c r="BR7" s="67">
        <v>1290</v>
      </c>
      <c r="BS7" s="68">
        <v>2586</v>
      </c>
      <c r="BT7" s="243"/>
      <c r="BU7" s="67">
        <v>2012</v>
      </c>
      <c r="BV7" s="67">
        <v>1930</v>
      </c>
      <c r="BW7" s="67">
        <v>1420</v>
      </c>
      <c r="BX7" s="67">
        <v>1147</v>
      </c>
      <c r="BY7" s="67">
        <v>544</v>
      </c>
      <c r="BZ7" s="68">
        <v>7053</v>
      </c>
      <c r="CA7" s="69">
        <v>9639</v>
      </c>
      <c r="CB7" s="66">
        <v>0</v>
      </c>
      <c r="CC7" s="67">
        <v>0</v>
      </c>
      <c r="CD7" s="68">
        <v>0</v>
      </c>
      <c r="CE7" s="243"/>
      <c r="CF7" s="67">
        <v>0</v>
      </c>
      <c r="CG7" s="67">
        <v>0</v>
      </c>
      <c r="CH7" s="67">
        <v>0</v>
      </c>
      <c r="CI7" s="67">
        <v>0</v>
      </c>
      <c r="CJ7" s="67">
        <v>0</v>
      </c>
      <c r="CK7" s="68">
        <v>0</v>
      </c>
      <c r="CL7" s="69">
        <v>0</v>
      </c>
      <c r="CM7" s="66">
        <v>4340</v>
      </c>
      <c r="CN7" s="67">
        <v>4022</v>
      </c>
      <c r="CO7" s="68">
        <v>8362</v>
      </c>
      <c r="CP7" s="243"/>
      <c r="CQ7" s="67">
        <v>5920</v>
      </c>
      <c r="CR7" s="67">
        <v>5208</v>
      </c>
      <c r="CS7" s="67">
        <v>3549</v>
      </c>
      <c r="CT7" s="67">
        <v>2829</v>
      </c>
      <c r="CU7" s="67">
        <v>1684</v>
      </c>
      <c r="CV7" s="68">
        <v>19190</v>
      </c>
      <c r="CW7" s="69">
        <v>27552</v>
      </c>
      <c r="CX7" s="122">
        <v>627</v>
      </c>
      <c r="CY7" s="78">
        <v>649</v>
      </c>
      <c r="CZ7" s="79">
        <v>1276</v>
      </c>
      <c r="DA7" s="240"/>
      <c r="DB7" s="78">
        <v>791</v>
      </c>
      <c r="DC7" s="78">
        <v>753</v>
      </c>
      <c r="DD7" s="78">
        <v>499</v>
      </c>
      <c r="DE7" s="78">
        <v>523</v>
      </c>
      <c r="DF7" s="78">
        <v>334</v>
      </c>
      <c r="DG7" s="80">
        <v>2900</v>
      </c>
      <c r="DH7" s="81">
        <v>4176</v>
      </c>
      <c r="DI7" s="66">
        <v>16</v>
      </c>
      <c r="DJ7" s="67">
        <v>12</v>
      </c>
      <c r="DK7" s="68">
        <v>28</v>
      </c>
      <c r="DL7" s="243"/>
      <c r="DM7" s="67">
        <v>8</v>
      </c>
      <c r="DN7" s="67">
        <v>11</v>
      </c>
      <c r="DO7" s="67">
        <v>6</v>
      </c>
      <c r="DP7" s="67">
        <v>6</v>
      </c>
      <c r="DQ7" s="67">
        <v>4</v>
      </c>
      <c r="DR7" s="68">
        <v>35</v>
      </c>
      <c r="DS7" s="69">
        <v>63</v>
      </c>
      <c r="DT7" s="66">
        <v>31</v>
      </c>
      <c r="DU7" s="67">
        <v>50</v>
      </c>
      <c r="DV7" s="68">
        <v>81</v>
      </c>
      <c r="DW7" s="243"/>
      <c r="DX7" s="67">
        <v>36</v>
      </c>
      <c r="DY7" s="67">
        <v>29</v>
      </c>
      <c r="DZ7" s="67">
        <v>13</v>
      </c>
      <c r="EA7" s="67">
        <v>21</v>
      </c>
      <c r="EB7" s="67">
        <v>10</v>
      </c>
      <c r="EC7" s="68">
        <v>109</v>
      </c>
      <c r="ED7" s="69">
        <v>190</v>
      </c>
      <c r="EE7" s="66">
        <v>81</v>
      </c>
      <c r="EF7" s="67">
        <v>66</v>
      </c>
      <c r="EG7" s="68">
        <v>147</v>
      </c>
      <c r="EH7" s="243"/>
      <c r="EI7" s="67">
        <v>73</v>
      </c>
      <c r="EJ7" s="67">
        <v>68</v>
      </c>
      <c r="EK7" s="67">
        <v>38</v>
      </c>
      <c r="EL7" s="67">
        <v>20</v>
      </c>
      <c r="EM7" s="67">
        <v>16</v>
      </c>
      <c r="EN7" s="68">
        <v>215</v>
      </c>
      <c r="EO7" s="69">
        <v>362</v>
      </c>
      <c r="EP7" s="66">
        <v>183</v>
      </c>
      <c r="EQ7" s="67">
        <v>144</v>
      </c>
      <c r="ER7" s="68">
        <v>327</v>
      </c>
      <c r="ES7" s="243"/>
      <c r="ET7" s="67">
        <v>158</v>
      </c>
      <c r="EU7" s="67">
        <v>109</v>
      </c>
      <c r="EV7" s="67">
        <v>63</v>
      </c>
      <c r="EW7" s="67">
        <v>57</v>
      </c>
      <c r="EX7" s="67">
        <v>39</v>
      </c>
      <c r="EY7" s="68">
        <v>426</v>
      </c>
      <c r="EZ7" s="69">
        <v>753</v>
      </c>
      <c r="FA7" s="66">
        <v>177</v>
      </c>
      <c r="FB7" s="67">
        <v>216</v>
      </c>
      <c r="FC7" s="68">
        <v>393</v>
      </c>
      <c r="FD7" s="243"/>
      <c r="FE7" s="67">
        <v>234</v>
      </c>
      <c r="FF7" s="67">
        <v>215</v>
      </c>
      <c r="FG7" s="67">
        <v>135</v>
      </c>
      <c r="FH7" s="67">
        <v>126</v>
      </c>
      <c r="FI7" s="67">
        <v>95</v>
      </c>
      <c r="FJ7" s="68">
        <v>805</v>
      </c>
      <c r="FK7" s="69">
        <v>1198</v>
      </c>
      <c r="FL7" s="66">
        <v>139</v>
      </c>
      <c r="FM7" s="67">
        <v>161</v>
      </c>
      <c r="FN7" s="68">
        <v>300</v>
      </c>
      <c r="FO7" s="243"/>
      <c r="FP7" s="67">
        <v>282</v>
      </c>
      <c r="FQ7" s="67">
        <v>321</v>
      </c>
      <c r="FR7" s="67">
        <v>244</v>
      </c>
      <c r="FS7" s="67">
        <v>293</v>
      </c>
      <c r="FT7" s="67">
        <v>170</v>
      </c>
      <c r="FU7" s="68">
        <v>1310</v>
      </c>
      <c r="FV7" s="69">
        <v>1610</v>
      </c>
      <c r="FW7" s="66">
        <v>0</v>
      </c>
      <c r="FX7" s="67">
        <v>0</v>
      </c>
      <c r="FY7" s="68">
        <v>0</v>
      </c>
      <c r="FZ7" s="243"/>
      <c r="GA7" s="67">
        <v>0</v>
      </c>
      <c r="GB7" s="67">
        <v>0</v>
      </c>
      <c r="GC7" s="67">
        <v>0</v>
      </c>
      <c r="GD7" s="67">
        <v>0</v>
      </c>
      <c r="GE7" s="67">
        <v>0</v>
      </c>
      <c r="GF7" s="68">
        <v>0</v>
      </c>
      <c r="GG7" s="69">
        <v>0</v>
      </c>
      <c r="GH7" s="66">
        <v>627</v>
      </c>
      <c r="GI7" s="67">
        <v>649</v>
      </c>
      <c r="GJ7" s="68">
        <v>1276</v>
      </c>
      <c r="GK7" s="243"/>
      <c r="GL7" s="67">
        <v>791</v>
      </c>
      <c r="GM7" s="67">
        <v>753</v>
      </c>
      <c r="GN7" s="67">
        <v>499</v>
      </c>
      <c r="GO7" s="67">
        <v>523</v>
      </c>
      <c r="GP7" s="67">
        <v>334</v>
      </c>
      <c r="GQ7" s="68">
        <v>2900</v>
      </c>
      <c r="GR7" s="69">
        <v>4176</v>
      </c>
      <c r="GS7" s="122">
        <v>4967</v>
      </c>
      <c r="GT7" s="78">
        <v>4671</v>
      </c>
      <c r="GU7" s="79">
        <v>9638</v>
      </c>
      <c r="GV7" s="240"/>
      <c r="GW7" s="78">
        <v>6711</v>
      </c>
      <c r="GX7" s="78">
        <v>5961</v>
      </c>
      <c r="GY7" s="78">
        <v>4048</v>
      </c>
      <c r="GZ7" s="78">
        <v>3352</v>
      </c>
      <c r="HA7" s="78">
        <v>2018</v>
      </c>
      <c r="HB7" s="80">
        <v>22090</v>
      </c>
      <c r="HC7" s="81">
        <v>31728</v>
      </c>
      <c r="HD7" s="66">
        <v>76</v>
      </c>
      <c r="HE7" s="67">
        <v>72</v>
      </c>
      <c r="HF7" s="68">
        <v>148</v>
      </c>
      <c r="HG7" s="243"/>
      <c r="HH7" s="67">
        <v>95</v>
      </c>
      <c r="HI7" s="67">
        <v>133</v>
      </c>
      <c r="HJ7" s="67">
        <v>66</v>
      </c>
      <c r="HK7" s="67">
        <v>46</v>
      </c>
      <c r="HL7" s="67">
        <v>40</v>
      </c>
      <c r="HM7" s="68">
        <v>380</v>
      </c>
      <c r="HN7" s="69">
        <v>528</v>
      </c>
      <c r="HO7" s="66">
        <v>212</v>
      </c>
      <c r="HP7" s="67">
        <v>233</v>
      </c>
      <c r="HQ7" s="68">
        <v>445</v>
      </c>
      <c r="HR7" s="243"/>
      <c r="HS7" s="67">
        <v>267</v>
      </c>
      <c r="HT7" s="67">
        <v>265</v>
      </c>
      <c r="HU7" s="67">
        <v>156</v>
      </c>
      <c r="HV7" s="67">
        <v>147</v>
      </c>
      <c r="HW7" s="67">
        <v>121</v>
      </c>
      <c r="HX7" s="68">
        <v>956</v>
      </c>
      <c r="HY7" s="69">
        <v>1401</v>
      </c>
      <c r="HZ7" s="66">
        <v>416</v>
      </c>
      <c r="IA7" s="67">
        <v>398</v>
      </c>
      <c r="IB7" s="68">
        <v>814</v>
      </c>
      <c r="IC7" s="243"/>
      <c r="ID7" s="67">
        <v>524</v>
      </c>
      <c r="IE7" s="67">
        <v>461</v>
      </c>
      <c r="IF7" s="67">
        <v>313</v>
      </c>
      <c r="IG7" s="67">
        <v>224</v>
      </c>
      <c r="IH7" s="67">
        <v>177</v>
      </c>
      <c r="II7" s="68">
        <v>1699</v>
      </c>
      <c r="IJ7" s="69">
        <v>2513</v>
      </c>
      <c r="IK7" s="66">
        <v>1055</v>
      </c>
      <c r="IL7" s="67">
        <v>908</v>
      </c>
      <c r="IM7" s="68">
        <v>1963</v>
      </c>
      <c r="IN7" s="243"/>
      <c r="IO7" s="67">
        <v>1304</v>
      </c>
      <c r="IP7" s="67">
        <v>1031</v>
      </c>
      <c r="IQ7" s="67">
        <v>648</v>
      </c>
      <c r="IR7" s="67">
        <v>495</v>
      </c>
      <c r="IS7" s="67">
        <v>373</v>
      </c>
      <c r="IT7" s="68">
        <v>3851</v>
      </c>
      <c r="IU7" s="69">
        <v>5814</v>
      </c>
      <c r="IV7" s="66">
        <v>1773</v>
      </c>
      <c r="IW7" s="67">
        <v>1609</v>
      </c>
      <c r="IX7" s="68">
        <v>3382</v>
      </c>
      <c r="IY7" s="243"/>
      <c r="IZ7" s="67">
        <v>2227</v>
      </c>
      <c r="JA7" s="67">
        <v>1820</v>
      </c>
      <c r="JB7" s="67">
        <v>1201</v>
      </c>
      <c r="JC7" s="67">
        <v>1000</v>
      </c>
      <c r="JD7" s="67">
        <v>593</v>
      </c>
      <c r="JE7" s="68">
        <v>6841</v>
      </c>
      <c r="JF7" s="69">
        <v>10223</v>
      </c>
      <c r="JG7" s="66">
        <v>1435</v>
      </c>
      <c r="JH7" s="67">
        <v>1451</v>
      </c>
      <c r="JI7" s="68">
        <v>2886</v>
      </c>
      <c r="JJ7" s="243"/>
      <c r="JK7" s="67">
        <v>2294</v>
      </c>
      <c r="JL7" s="67">
        <v>2251</v>
      </c>
      <c r="JM7" s="67">
        <v>1664</v>
      </c>
      <c r="JN7" s="67">
        <v>1440</v>
      </c>
      <c r="JO7" s="67">
        <v>714</v>
      </c>
      <c r="JP7" s="68">
        <v>8363</v>
      </c>
      <c r="JQ7" s="69">
        <v>11249</v>
      </c>
      <c r="JR7" s="66">
        <v>0</v>
      </c>
      <c r="JS7" s="67">
        <v>0</v>
      </c>
      <c r="JT7" s="68">
        <v>0</v>
      </c>
      <c r="JU7" s="243"/>
      <c r="JV7" s="67">
        <v>0</v>
      </c>
      <c r="JW7" s="67">
        <v>0</v>
      </c>
      <c r="JX7" s="67">
        <v>0</v>
      </c>
      <c r="JY7" s="67">
        <v>0</v>
      </c>
      <c r="JZ7" s="67">
        <v>0</v>
      </c>
      <c r="KA7" s="68">
        <v>0</v>
      </c>
      <c r="KB7" s="69">
        <v>0</v>
      </c>
      <c r="KC7" s="66">
        <v>4967</v>
      </c>
      <c r="KD7" s="67">
        <v>4671</v>
      </c>
      <c r="KE7" s="68">
        <v>9638</v>
      </c>
      <c r="KF7" s="243"/>
      <c r="KG7" s="67">
        <v>6711</v>
      </c>
      <c r="KH7" s="67">
        <v>5961</v>
      </c>
      <c r="KI7" s="67">
        <v>4048</v>
      </c>
      <c r="KJ7" s="67">
        <v>3352</v>
      </c>
      <c r="KK7" s="67">
        <v>2018</v>
      </c>
      <c r="KL7" s="68">
        <v>22090</v>
      </c>
      <c r="KM7" s="69">
        <v>31728</v>
      </c>
    </row>
    <row r="8" spans="2:299" ht="21" customHeight="1" x14ac:dyDescent="0.2">
      <c r="B8" s="126" t="s">
        <v>5</v>
      </c>
      <c r="C8" s="315">
        <v>1879</v>
      </c>
      <c r="D8" s="82">
        <v>2029</v>
      </c>
      <c r="E8" s="83">
        <v>3908</v>
      </c>
      <c r="F8" s="241"/>
      <c r="G8" s="82">
        <v>2168</v>
      </c>
      <c r="H8" s="82">
        <v>2459</v>
      </c>
      <c r="I8" s="82">
        <v>1611</v>
      </c>
      <c r="J8" s="82">
        <v>1215</v>
      </c>
      <c r="K8" s="82">
        <v>750</v>
      </c>
      <c r="L8" s="84">
        <v>8203</v>
      </c>
      <c r="M8" s="85">
        <v>12111</v>
      </c>
      <c r="N8" s="70">
        <v>20</v>
      </c>
      <c r="O8" s="71">
        <v>25</v>
      </c>
      <c r="P8" s="72">
        <v>45</v>
      </c>
      <c r="Q8" s="244"/>
      <c r="R8" s="71">
        <v>31</v>
      </c>
      <c r="S8" s="71">
        <v>59</v>
      </c>
      <c r="T8" s="71">
        <v>25</v>
      </c>
      <c r="U8" s="71">
        <v>19</v>
      </c>
      <c r="V8" s="71">
        <v>15</v>
      </c>
      <c r="W8" s="72">
        <v>149</v>
      </c>
      <c r="X8" s="73">
        <v>194</v>
      </c>
      <c r="Y8" s="70">
        <v>72</v>
      </c>
      <c r="Z8" s="71">
        <v>91</v>
      </c>
      <c r="AA8" s="72">
        <v>163</v>
      </c>
      <c r="AB8" s="244"/>
      <c r="AC8" s="71">
        <v>72</v>
      </c>
      <c r="AD8" s="71">
        <v>111</v>
      </c>
      <c r="AE8" s="71">
        <v>65</v>
      </c>
      <c r="AF8" s="71">
        <v>43</v>
      </c>
      <c r="AG8" s="71">
        <v>50</v>
      </c>
      <c r="AH8" s="72">
        <v>341</v>
      </c>
      <c r="AI8" s="73">
        <v>504</v>
      </c>
      <c r="AJ8" s="70">
        <v>128</v>
      </c>
      <c r="AK8" s="71">
        <v>169</v>
      </c>
      <c r="AL8" s="72">
        <v>297</v>
      </c>
      <c r="AM8" s="244"/>
      <c r="AN8" s="71">
        <v>149</v>
      </c>
      <c r="AO8" s="71">
        <v>164</v>
      </c>
      <c r="AP8" s="71">
        <v>112</v>
      </c>
      <c r="AQ8" s="71">
        <v>79</v>
      </c>
      <c r="AR8" s="71">
        <v>61</v>
      </c>
      <c r="AS8" s="72">
        <v>565</v>
      </c>
      <c r="AT8" s="73">
        <v>862</v>
      </c>
      <c r="AU8" s="70">
        <v>379</v>
      </c>
      <c r="AV8" s="71">
        <v>375</v>
      </c>
      <c r="AW8" s="72">
        <v>754</v>
      </c>
      <c r="AX8" s="244"/>
      <c r="AY8" s="71">
        <v>407</v>
      </c>
      <c r="AZ8" s="71">
        <v>388</v>
      </c>
      <c r="BA8" s="71">
        <v>254</v>
      </c>
      <c r="BB8" s="71">
        <v>177</v>
      </c>
      <c r="BC8" s="71">
        <v>144</v>
      </c>
      <c r="BD8" s="72">
        <v>1370</v>
      </c>
      <c r="BE8" s="73">
        <v>2124</v>
      </c>
      <c r="BF8" s="70">
        <v>705</v>
      </c>
      <c r="BG8" s="71">
        <v>714</v>
      </c>
      <c r="BH8" s="72">
        <v>1419</v>
      </c>
      <c r="BI8" s="244"/>
      <c r="BJ8" s="71">
        <v>788</v>
      </c>
      <c r="BK8" s="71">
        <v>773</v>
      </c>
      <c r="BL8" s="71">
        <v>489</v>
      </c>
      <c r="BM8" s="71">
        <v>387</v>
      </c>
      <c r="BN8" s="71">
        <v>227</v>
      </c>
      <c r="BO8" s="72">
        <v>2664</v>
      </c>
      <c r="BP8" s="73">
        <v>4083</v>
      </c>
      <c r="BQ8" s="70">
        <v>575</v>
      </c>
      <c r="BR8" s="71">
        <v>655</v>
      </c>
      <c r="BS8" s="72">
        <v>1230</v>
      </c>
      <c r="BT8" s="244"/>
      <c r="BU8" s="71">
        <v>721</v>
      </c>
      <c r="BV8" s="71">
        <v>964</v>
      </c>
      <c r="BW8" s="71">
        <v>666</v>
      </c>
      <c r="BX8" s="71">
        <v>510</v>
      </c>
      <c r="BY8" s="71">
        <v>253</v>
      </c>
      <c r="BZ8" s="72">
        <v>3114</v>
      </c>
      <c r="CA8" s="73">
        <v>4344</v>
      </c>
      <c r="CB8" s="70">
        <v>0</v>
      </c>
      <c r="CC8" s="71">
        <v>0</v>
      </c>
      <c r="CD8" s="72">
        <v>0</v>
      </c>
      <c r="CE8" s="244"/>
      <c r="CF8" s="71">
        <v>0</v>
      </c>
      <c r="CG8" s="71">
        <v>0</v>
      </c>
      <c r="CH8" s="71">
        <v>0</v>
      </c>
      <c r="CI8" s="71">
        <v>0</v>
      </c>
      <c r="CJ8" s="71">
        <v>0</v>
      </c>
      <c r="CK8" s="72">
        <v>0</v>
      </c>
      <c r="CL8" s="73">
        <v>0</v>
      </c>
      <c r="CM8" s="70">
        <v>1879</v>
      </c>
      <c r="CN8" s="71">
        <v>2029</v>
      </c>
      <c r="CO8" s="72">
        <v>3908</v>
      </c>
      <c r="CP8" s="244"/>
      <c r="CQ8" s="71">
        <v>2168</v>
      </c>
      <c r="CR8" s="71">
        <v>2459</v>
      </c>
      <c r="CS8" s="71">
        <v>1611</v>
      </c>
      <c r="CT8" s="71">
        <v>1215</v>
      </c>
      <c r="CU8" s="71">
        <v>750</v>
      </c>
      <c r="CV8" s="72">
        <v>8203</v>
      </c>
      <c r="CW8" s="73">
        <v>12111</v>
      </c>
      <c r="CX8" s="123">
        <v>260</v>
      </c>
      <c r="CY8" s="82">
        <v>317</v>
      </c>
      <c r="CZ8" s="83">
        <v>577</v>
      </c>
      <c r="DA8" s="241"/>
      <c r="DB8" s="82">
        <v>292</v>
      </c>
      <c r="DC8" s="82">
        <v>358</v>
      </c>
      <c r="DD8" s="82">
        <v>219</v>
      </c>
      <c r="DE8" s="82">
        <v>235</v>
      </c>
      <c r="DF8" s="82">
        <v>145</v>
      </c>
      <c r="DG8" s="84">
        <v>1249</v>
      </c>
      <c r="DH8" s="85">
        <v>1826</v>
      </c>
      <c r="DI8" s="70">
        <v>8</v>
      </c>
      <c r="DJ8" s="71">
        <v>7</v>
      </c>
      <c r="DK8" s="72">
        <v>15</v>
      </c>
      <c r="DL8" s="244"/>
      <c r="DM8" s="71">
        <v>3</v>
      </c>
      <c r="DN8" s="71">
        <v>7</v>
      </c>
      <c r="DO8" s="71">
        <v>3</v>
      </c>
      <c r="DP8" s="71">
        <v>3</v>
      </c>
      <c r="DQ8" s="71">
        <v>2</v>
      </c>
      <c r="DR8" s="72">
        <v>18</v>
      </c>
      <c r="DS8" s="73">
        <v>33</v>
      </c>
      <c r="DT8" s="70">
        <v>14</v>
      </c>
      <c r="DU8" s="71">
        <v>28</v>
      </c>
      <c r="DV8" s="72">
        <v>42</v>
      </c>
      <c r="DW8" s="244"/>
      <c r="DX8" s="71">
        <v>10</v>
      </c>
      <c r="DY8" s="71">
        <v>11</v>
      </c>
      <c r="DZ8" s="71">
        <v>2</v>
      </c>
      <c r="EA8" s="71">
        <v>8</v>
      </c>
      <c r="EB8" s="71">
        <v>6</v>
      </c>
      <c r="EC8" s="72">
        <v>37</v>
      </c>
      <c r="ED8" s="73">
        <v>79</v>
      </c>
      <c r="EE8" s="70">
        <v>28</v>
      </c>
      <c r="EF8" s="71">
        <v>36</v>
      </c>
      <c r="EG8" s="72">
        <v>64</v>
      </c>
      <c r="EH8" s="244"/>
      <c r="EI8" s="71">
        <v>29</v>
      </c>
      <c r="EJ8" s="71">
        <v>37</v>
      </c>
      <c r="EK8" s="71">
        <v>14</v>
      </c>
      <c r="EL8" s="71">
        <v>9</v>
      </c>
      <c r="EM8" s="71">
        <v>11</v>
      </c>
      <c r="EN8" s="72">
        <v>100</v>
      </c>
      <c r="EO8" s="73">
        <v>164</v>
      </c>
      <c r="EP8" s="70">
        <v>86</v>
      </c>
      <c r="EQ8" s="71">
        <v>70</v>
      </c>
      <c r="ER8" s="72">
        <v>156</v>
      </c>
      <c r="ES8" s="244"/>
      <c r="ET8" s="71">
        <v>56</v>
      </c>
      <c r="EU8" s="71">
        <v>52</v>
      </c>
      <c r="EV8" s="71">
        <v>28</v>
      </c>
      <c r="EW8" s="71">
        <v>31</v>
      </c>
      <c r="EX8" s="71">
        <v>18</v>
      </c>
      <c r="EY8" s="72">
        <v>185</v>
      </c>
      <c r="EZ8" s="73">
        <v>341</v>
      </c>
      <c r="FA8" s="70">
        <v>66</v>
      </c>
      <c r="FB8" s="71">
        <v>97</v>
      </c>
      <c r="FC8" s="72">
        <v>163</v>
      </c>
      <c r="FD8" s="244"/>
      <c r="FE8" s="71">
        <v>91</v>
      </c>
      <c r="FF8" s="71">
        <v>90</v>
      </c>
      <c r="FG8" s="71">
        <v>58</v>
      </c>
      <c r="FH8" s="71">
        <v>54</v>
      </c>
      <c r="FI8" s="71">
        <v>35</v>
      </c>
      <c r="FJ8" s="72">
        <v>328</v>
      </c>
      <c r="FK8" s="73">
        <v>491</v>
      </c>
      <c r="FL8" s="70">
        <v>58</v>
      </c>
      <c r="FM8" s="71">
        <v>79</v>
      </c>
      <c r="FN8" s="72">
        <v>137</v>
      </c>
      <c r="FO8" s="244"/>
      <c r="FP8" s="71">
        <v>103</v>
      </c>
      <c r="FQ8" s="71">
        <v>161</v>
      </c>
      <c r="FR8" s="71">
        <v>114</v>
      </c>
      <c r="FS8" s="71">
        <v>130</v>
      </c>
      <c r="FT8" s="71">
        <v>73</v>
      </c>
      <c r="FU8" s="72">
        <v>581</v>
      </c>
      <c r="FV8" s="73">
        <v>718</v>
      </c>
      <c r="FW8" s="70">
        <v>0</v>
      </c>
      <c r="FX8" s="71">
        <v>0</v>
      </c>
      <c r="FY8" s="72">
        <v>0</v>
      </c>
      <c r="FZ8" s="244"/>
      <c r="GA8" s="71">
        <v>0</v>
      </c>
      <c r="GB8" s="71">
        <v>0</v>
      </c>
      <c r="GC8" s="71">
        <v>0</v>
      </c>
      <c r="GD8" s="71">
        <v>0</v>
      </c>
      <c r="GE8" s="71">
        <v>0</v>
      </c>
      <c r="GF8" s="72">
        <v>0</v>
      </c>
      <c r="GG8" s="73">
        <v>0</v>
      </c>
      <c r="GH8" s="70">
        <v>260</v>
      </c>
      <c r="GI8" s="71">
        <v>317</v>
      </c>
      <c r="GJ8" s="72">
        <v>577</v>
      </c>
      <c r="GK8" s="244"/>
      <c r="GL8" s="71">
        <v>292</v>
      </c>
      <c r="GM8" s="71">
        <v>358</v>
      </c>
      <c r="GN8" s="71">
        <v>219</v>
      </c>
      <c r="GO8" s="71">
        <v>235</v>
      </c>
      <c r="GP8" s="71">
        <v>145</v>
      </c>
      <c r="GQ8" s="72">
        <v>1249</v>
      </c>
      <c r="GR8" s="73">
        <v>1826</v>
      </c>
      <c r="GS8" s="123">
        <v>2139</v>
      </c>
      <c r="GT8" s="82">
        <v>2346</v>
      </c>
      <c r="GU8" s="83">
        <v>4485</v>
      </c>
      <c r="GV8" s="241"/>
      <c r="GW8" s="82">
        <v>2460</v>
      </c>
      <c r="GX8" s="82">
        <v>2817</v>
      </c>
      <c r="GY8" s="82">
        <v>1830</v>
      </c>
      <c r="GZ8" s="82">
        <v>1450</v>
      </c>
      <c r="HA8" s="82">
        <v>895</v>
      </c>
      <c r="HB8" s="84">
        <v>9452</v>
      </c>
      <c r="HC8" s="85">
        <v>13937</v>
      </c>
      <c r="HD8" s="70">
        <v>28</v>
      </c>
      <c r="HE8" s="71">
        <v>32</v>
      </c>
      <c r="HF8" s="72">
        <v>60</v>
      </c>
      <c r="HG8" s="244"/>
      <c r="HH8" s="71">
        <v>34</v>
      </c>
      <c r="HI8" s="71">
        <v>66</v>
      </c>
      <c r="HJ8" s="71">
        <v>28</v>
      </c>
      <c r="HK8" s="71">
        <v>22</v>
      </c>
      <c r="HL8" s="71">
        <v>17</v>
      </c>
      <c r="HM8" s="72">
        <v>167</v>
      </c>
      <c r="HN8" s="73">
        <v>227</v>
      </c>
      <c r="HO8" s="70">
        <v>86</v>
      </c>
      <c r="HP8" s="71">
        <v>119</v>
      </c>
      <c r="HQ8" s="72">
        <v>205</v>
      </c>
      <c r="HR8" s="244"/>
      <c r="HS8" s="71">
        <v>82</v>
      </c>
      <c r="HT8" s="71">
        <v>122</v>
      </c>
      <c r="HU8" s="71">
        <v>67</v>
      </c>
      <c r="HV8" s="71">
        <v>51</v>
      </c>
      <c r="HW8" s="71">
        <v>56</v>
      </c>
      <c r="HX8" s="72">
        <v>378</v>
      </c>
      <c r="HY8" s="73">
        <v>583</v>
      </c>
      <c r="HZ8" s="70">
        <v>156</v>
      </c>
      <c r="IA8" s="71">
        <v>205</v>
      </c>
      <c r="IB8" s="72">
        <v>361</v>
      </c>
      <c r="IC8" s="244"/>
      <c r="ID8" s="71">
        <v>178</v>
      </c>
      <c r="IE8" s="71">
        <v>201</v>
      </c>
      <c r="IF8" s="71">
        <v>126</v>
      </c>
      <c r="IG8" s="71">
        <v>88</v>
      </c>
      <c r="IH8" s="71">
        <v>72</v>
      </c>
      <c r="II8" s="72">
        <v>665</v>
      </c>
      <c r="IJ8" s="73">
        <v>1026</v>
      </c>
      <c r="IK8" s="70">
        <v>465</v>
      </c>
      <c r="IL8" s="71">
        <v>445</v>
      </c>
      <c r="IM8" s="72">
        <v>910</v>
      </c>
      <c r="IN8" s="244"/>
      <c r="IO8" s="71">
        <v>463</v>
      </c>
      <c r="IP8" s="71">
        <v>440</v>
      </c>
      <c r="IQ8" s="71">
        <v>282</v>
      </c>
      <c r="IR8" s="71">
        <v>208</v>
      </c>
      <c r="IS8" s="71">
        <v>162</v>
      </c>
      <c r="IT8" s="72">
        <v>1555</v>
      </c>
      <c r="IU8" s="73">
        <v>2465</v>
      </c>
      <c r="IV8" s="70">
        <v>771</v>
      </c>
      <c r="IW8" s="71">
        <v>811</v>
      </c>
      <c r="IX8" s="72">
        <v>1582</v>
      </c>
      <c r="IY8" s="244"/>
      <c r="IZ8" s="71">
        <v>879</v>
      </c>
      <c r="JA8" s="71">
        <v>863</v>
      </c>
      <c r="JB8" s="71">
        <v>547</v>
      </c>
      <c r="JC8" s="71">
        <v>441</v>
      </c>
      <c r="JD8" s="71">
        <v>262</v>
      </c>
      <c r="JE8" s="72">
        <v>2992</v>
      </c>
      <c r="JF8" s="73">
        <v>4574</v>
      </c>
      <c r="JG8" s="70">
        <v>633</v>
      </c>
      <c r="JH8" s="71">
        <v>734</v>
      </c>
      <c r="JI8" s="72">
        <v>1367</v>
      </c>
      <c r="JJ8" s="244"/>
      <c r="JK8" s="71">
        <v>824</v>
      </c>
      <c r="JL8" s="71">
        <v>1125</v>
      </c>
      <c r="JM8" s="71">
        <v>780</v>
      </c>
      <c r="JN8" s="71">
        <v>640</v>
      </c>
      <c r="JO8" s="71">
        <v>326</v>
      </c>
      <c r="JP8" s="72">
        <v>3695</v>
      </c>
      <c r="JQ8" s="73">
        <v>5062</v>
      </c>
      <c r="JR8" s="70">
        <v>0</v>
      </c>
      <c r="JS8" s="71">
        <v>0</v>
      </c>
      <c r="JT8" s="72">
        <v>0</v>
      </c>
      <c r="JU8" s="244"/>
      <c r="JV8" s="71">
        <v>0</v>
      </c>
      <c r="JW8" s="71">
        <v>0</v>
      </c>
      <c r="JX8" s="71">
        <v>0</v>
      </c>
      <c r="JY8" s="71">
        <v>0</v>
      </c>
      <c r="JZ8" s="71">
        <v>0</v>
      </c>
      <c r="KA8" s="72">
        <v>0</v>
      </c>
      <c r="KB8" s="73">
        <v>0</v>
      </c>
      <c r="KC8" s="70">
        <v>2139</v>
      </c>
      <c r="KD8" s="71">
        <v>2346</v>
      </c>
      <c r="KE8" s="72">
        <v>4485</v>
      </c>
      <c r="KF8" s="244"/>
      <c r="KG8" s="71">
        <v>2460</v>
      </c>
      <c r="KH8" s="71">
        <v>2817</v>
      </c>
      <c r="KI8" s="71">
        <v>1830</v>
      </c>
      <c r="KJ8" s="71">
        <v>1450</v>
      </c>
      <c r="KK8" s="71">
        <v>895</v>
      </c>
      <c r="KL8" s="72">
        <v>9452</v>
      </c>
      <c r="KM8" s="73">
        <v>13937</v>
      </c>
    </row>
    <row r="9" spans="2:299" ht="21" customHeight="1" x14ac:dyDescent="0.2">
      <c r="B9" s="126" t="s">
        <v>6</v>
      </c>
      <c r="C9" s="315">
        <v>506</v>
      </c>
      <c r="D9" s="82">
        <v>359</v>
      </c>
      <c r="E9" s="83">
        <v>865</v>
      </c>
      <c r="F9" s="241"/>
      <c r="G9" s="82">
        <v>815</v>
      </c>
      <c r="H9" s="82">
        <v>542</v>
      </c>
      <c r="I9" s="82">
        <v>394</v>
      </c>
      <c r="J9" s="82">
        <v>363</v>
      </c>
      <c r="K9" s="82">
        <v>250</v>
      </c>
      <c r="L9" s="84">
        <v>2364</v>
      </c>
      <c r="M9" s="85">
        <v>3229</v>
      </c>
      <c r="N9" s="70">
        <v>8</v>
      </c>
      <c r="O9" s="71">
        <v>6</v>
      </c>
      <c r="P9" s="72">
        <v>14</v>
      </c>
      <c r="Q9" s="244"/>
      <c r="R9" s="71">
        <v>14</v>
      </c>
      <c r="S9" s="71">
        <v>13</v>
      </c>
      <c r="T9" s="71">
        <v>5</v>
      </c>
      <c r="U9" s="71">
        <v>3</v>
      </c>
      <c r="V9" s="71">
        <v>8</v>
      </c>
      <c r="W9" s="72">
        <v>43</v>
      </c>
      <c r="X9" s="73">
        <v>57</v>
      </c>
      <c r="Y9" s="70">
        <v>17</v>
      </c>
      <c r="Z9" s="71">
        <v>9</v>
      </c>
      <c r="AA9" s="72">
        <v>26</v>
      </c>
      <c r="AB9" s="244"/>
      <c r="AC9" s="71">
        <v>40</v>
      </c>
      <c r="AD9" s="71">
        <v>27</v>
      </c>
      <c r="AE9" s="71">
        <v>14</v>
      </c>
      <c r="AF9" s="71">
        <v>23</v>
      </c>
      <c r="AG9" s="71">
        <v>16</v>
      </c>
      <c r="AH9" s="72">
        <v>120</v>
      </c>
      <c r="AI9" s="73">
        <v>146</v>
      </c>
      <c r="AJ9" s="70">
        <v>40</v>
      </c>
      <c r="AK9" s="71">
        <v>30</v>
      </c>
      <c r="AL9" s="72">
        <v>70</v>
      </c>
      <c r="AM9" s="244"/>
      <c r="AN9" s="71">
        <v>62</v>
      </c>
      <c r="AO9" s="71">
        <v>40</v>
      </c>
      <c r="AP9" s="71">
        <v>25</v>
      </c>
      <c r="AQ9" s="71">
        <v>27</v>
      </c>
      <c r="AR9" s="71">
        <v>28</v>
      </c>
      <c r="AS9" s="72">
        <v>182</v>
      </c>
      <c r="AT9" s="73">
        <v>252</v>
      </c>
      <c r="AU9" s="70">
        <v>98</v>
      </c>
      <c r="AV9" s="71">
        <v>50</v>
      </c>
      <c r="AW9" s="72">
        <v>148</v>
      </c>
      <c r="AX9" s="244"/>
      <c r="AY9" s="71">
        <v>149</v>
      </c>
      <c r="AZ9" s="71">
        <v>89</v>
      </c>
      <c r="BA9" s="71">
        <v>78</v>
      </c>
      <c r="BB9" s="71">
        <v>47</v>
      </c>
      <c r="BC9" s="71">
        <v>40</v>
      </c>
      <c r="BD9" s="72">
        <v>403</v>
      </c>
      <c r="BE9" s="73">
        <v>551</v>
      </c>
      <c r="BF9" s="70">
        <v>184</v>
      </c>
      <c r="BG9" s="71">
        <v>122</v>
      </c>
      <c r="BH9" s="72">
        <v>306</v>
      </c>
      <c r="BI9" s="244"/>
      <c r="BJ9" s="71">
        <v>252</v>
      </c>
      <c r="BK9" s="71">
        <v>162</v>
      </c>
      <c r="BL9" s="71">
        <v>119</v>
      </c>
      <c r="BM9" s="71">
        <v>104</v>
      </c>
      <c r="BN9" s="71">
        <v>82</v>
      </c>
      <c r="BO9" s="72">
        <v>719</v>
      </c>
      <c r="BP9" s="73">
        <v>1025</v>
      </c>
      <c r="BQ9" s="70">
        <v>159</v>
      </c>
      <c r="BR9" s="71">
        <v>142</v>
      </c>
      <c r="BS9" s="72">
        <v>301</v>
      </c>
      <c r="BT9" s="244"/>
      <c r="BU9" s="71">
        <v>298</v>
      </c>
      <c r="BV9" s="71">
        <v>211</v>
      </c>
      <c r="BW9" s="71">
        <v>153</v>
      </c>
      <c r="BX9" s="71">
        <v>159</v>
      </c>
      <c r="BY9" s="71">
        <v>76</v>
      </c>
      <c r="BZ9" s="72">
        <v>897</v>
      </c>
      <c r="CA9" s="73">
        <v>1198</v>
      </c>
      <c r="CB9" s="70">
        <v>0</v>
      </c>
      <c r="CC9" s="71">
        <v>0</v>
      </c>
      <c r="CD9" s="72">
        <v>0</v>
      </c>
      <c r="CE9" s="244"/>
      <c r="CF9" s="71">
        <v>0</v>
      </c>
      <c r="CG9" s="71">
        <v>0</v>
      </c>
      <c r="CH9" s="71">
        <v>0</v>
      </c>
      <c r="CI9" s="71">
        <v>0</v>
      </c>
      <c r="CJ9" s="71">
        <v>0</v>
      </c>
      <c r="CK9" s="72">
        <v>0</v>
      </c>
      <c r="CL9" s="73">
        <v>0</v>
      </c>
      <c r="CM9" s="70">
        <v>506</v>
      </c>
      <c r="CN9" s="71">
        <v>359</v>
      </c>
      <c r="CO9" s="72">
        <v>865</v>
      </c>
      <c r="CP9" s="244"/>
      <c r="CQ9" s="71">
        <v>815</v>
      </c>
      <c r="CR9" s="71">
        <v>542</v>
      </c>
      <c r="CS9" s="71">
        <v>394</v>
      </c>
      <c r="CT9" s="71">
        <v>363</v>
      </c>
      <c r="CU9" s="71">
        <v>250</v>
      </c>
      <c r="CV9" s="72">
        <v>2364</v>
      </c>
      <c r="CW9" s="73">
        <v>3229</v>
      </c>
      <c r="CX9" s="123">
        <v>107</v>
      </c>
      <c r="CY9" s="82">
        <v>87</v>
      </c>
      <c r="CZ9" s="83">
        <v>194</v>
      </c>
      <c r="DA9" s="241"/>
      <c r="DB9" s="82">
        <v>129</v>
      </c>
      <c r="DC9" s="82">
        <v>103</v>
      </c>
      <c r="DD9" s="82">
        <v>74</v>
      </c>
      <c r="DE9" s="82">
        <v>75</v>
      </c>
      <c r="DF9" s="82">
        <v>50</v>
      </c>
      <c r="DG9" s="84">
        <v>431</v>
      </c>
      <c r="DH9" s="85">
        <v>625</v>
      </c>
      <c r="DI9" s="70">
        <v>3</v>
      </c>
      <c r="DJ9" s="71">
        <v>0</v>
      </c>
      <c r="DK9" s="72">
        <v>3</v>
      </c>
      <c r="DL9" s="244"/>
      <c r="DM9" s="71">
        <v>2</v>
      </c>
      <c r="DN9" s="71">
        <v>1</v>
      </c>
      <c r="DO9" s="71">
        <v>0</v>
      </c>
      <c r="DP9" s="71">
        <v>2</v>
      </c>
      <c r="DQ9" s="71">
        <v>1</v>
      </c>
      <c r="DR9" s="72">
        <v>6</v>
      </c>
      <c r="DS9" s="73">
        <v>9</v>
      </c>
      <c r="DT9" s="70">
        <v>3</v>
      </c>
      <c r="DU9" s="71">
        <v>5</v>
      </c>
      <c r="DV9" s="72">
        <v>8</v>
      </c>
      <c r="DW9" s="244"/>
      <c r="DX9" s="71">
        <v>5</v>
      </c>
      <c r="DY9" s="71">
        <v>3</v>
      </c>
      <c r="DZ9" s="71">
        <v>1</v>
      </c>
      <c r="EA9" s="71">
        <v>3</v>
      </c>
      <c r="EB9" s="71">
        <v>1</v>
      </c>
      <c r="EC9" s="72">
        <v>13</v>
      </c>
      <c r="ED9" s="73">
        <v>21</v>
      </c>
      <c r="EE9" s="70">
        <v>20</v>
      </c>
      <c r="EF9" s="71">
        <v>6</v>
      </c>
      <c r="EG9" s="72">
        <v>26</v>
      </c>
      <c r="EH9" s="244"/>
      <c r="EI9" s="71">
        <v>12</v>
      </c>
      <c r="EJ9" s="71">
        <v>4</v>
      </c>
      <c r="EK9" s="71">
        <v>6</v>
      </c>
      <c r="EL9" s="71">
        <v>4</v>
      </c>
      <c r="EM9" s="71">
        <v>1</v>
      </c>
      <c r="EN9" s="72">
        <v>27</v>
      </c>
      <c r="EO9" s="73">
        <v>53</v>
      </c>
      <c r="EP9" s="70">
        <v>30</v>
      </c>
      <c r="EQ9" s="71">
        <v>23</v>
      </c>
      <c r="ER9" s="72">
        <v>53</v>
      </c>
      <c r="ES9" s="244"/>
      <c r="ET9" s="71">
        <v>24</v>
      </c>
      <c r="EU9" s="71">
        <v>15</v>
      </c>
      <c r="EV9" s="71">
        <v>14</v>
      </c>
      <c r="EW9" s="71">
        <v>4</v>
      </c>
      <c r="EX9" s="71">
        <v>7</v>
      </c>
      <c r="EY9" s="72">
        <v>64</v>
      </c>
      <c r="EZ9" s="73">
        <v>117</v>
      </c>
      <c r="FA9" s="70">
        <v>30</v>
      </c>
      <c r="FB9" s="71">
        <v>36</v>
      </c>
      <c r="FC9" s="72">
        <v>66</v>
      </c>
      <c r="FD9" s="244"/>
      <c r="FE9" s="71">
        <v>42</v>
      </c>
      <c r="FF9" s="71">
        <v>39</v>
      </c>
      <c r="FG9" s="71">
        <v>26</v>
      </c>
      <c r="FH9" s="71">
        <v>22</v>
      </c>
      <c r="FI9" s="71">
        <v>14</v>
      </c>
      <c r="FJ9" s="72">
        <v>143</v>
      </c>
      <c r="FK9" s="73">
        <v>209</v>
      </c>
      <c r="FL9" s="70">
        <v>21</v>
      </c>
      <c r="FM9" s="71">
        <v>17</v>
      </c>
      <c r="FN9" s="72">
        <v>38</v>
      </c>
      <c r="FO9" s="244"/>
      <c r="FP9" s="71">
        <v>44</v>
      </c>
      <c r="FQ9" s="71">
        <v>41</v>
      </c>
      <c r="FR9" s="71">
        <v>27</v>
      </c>
      <c r="FS9" s="71">
        <v>40</v>
      </c>
      <c r="FT9" s="71">
        <v>26</v>
      </c>
      <c r="FU9" s="72">
        <v>178</v>
      </c>
      <c r="FV9" s="73">
        <v>216</v>
      </c>
      <c r="FW9" s="70">
        <v>0</v>
      </c>
      <c r="FX9" s="71">
        <v>0</v>
      </c>
      <c r="FY9" s="72">
        <v>0</v>
      </c>
      <c r="FZ9" s="244"/>
      <c r="GA9" s="71">
        <v>0</v>
      </c>
      <c r="GB9" s="71">
        <v>0</v>
      </c>
      <c r="GC9" s="71">
        <v>0</v>
      </c>
      <c r="GD9" s="71">
        <v>0</v>
      </c>
      <c r="GE9" s="71">
        <v>0</v>
      </c>
      <c r="GF9" s="72">
        <v>0</v>
      </c>
      <c r="GG9" s="73">
        <v>0</v>
      </c>
      <c r="GH9" s="70">
        <v>107</v>
      </c>
      <c r="GI9" s="71">
        <v>87</v>
      </c>
      <c r="GJ9" s="72">
        <v>194</v>
      </c>
      <c r="GK9" s="244"/>
      <c r="GL9" s="71">
        <v>129</v>
      </c>
      <c r="GM9" s="71">
        <v>103</v>
      </c>
      <c r="GN9" s="71">
        <v>74</v>
      </c>
      <c r="GO9" s="71">
        <v>75</v>
      </c>
      <c r="GP9" s="71">
        <v>50</v>
      </c>
      <c r="GQ9" s="72">
        <v>431</v>
      </c>
      <c r="GR9" s="73">
        <v>625</v>
      </c>
      <c r="GS9" s="123">
        <v>613</v>
      </c>
      <c r="GT9" s="82">
        <v>446</v>
      </c>
      <c r="GU9" s="83">
        <v>1059</v>
      </c>
      <c r="GV9" s="241"/>
      <c r="GW9" s="82">
        <v>944</v>
      </c>
      <c r="GX9" s="82">
        <v>645</v>
      </c>
      <c r="GY9" s="82">
        <v>468</v>
      </c>
      <c r="GZ9" s="82">
        <v>438</v>
      </c>
      <c r="HA9" s="82">
        <v>300</v>
      </c>
      <c r="HB9" s="84">
        <v>2795</v>
      </c>
      <c r="HC9" s="85">
        <v>3854</v>
      </c>
      <c r="HD9" s="70">
        <v>11</v>
      </c>
      <c r="HE9" s="71">
        <v>6</v>
      </c>
      <c r="HF9" s="72">
        <v>17</v>
      </c>
      <c r="HG9" s="244"/>
      <c r="HH9" s="71">
        <v>16</v>
      </c>
      <c r="HI9" s="71">
        <v>14</v>
      </c>
      <c r="HJ9" s="71">
        <v>5</v>
      </c>
      <c r="HK9" s="71">
        <v>5</v>
      </c>
      <c r="HL9" s="71">
        <v>9</v>
      </c>
      <c r="HM9" s="72">
        <v>49</v>
      </c>
      <c r="HN9" s="73">
        <v>66</v>
      </c>
      <c r="HO9" s="70">
        <v>20</v>
      </c>
      <c r="HP9" s="71">
        <v>14</v>
      </c>
      <c r="HQ9" s="72">
        <v>34</v>
      </c>
      <c r="HR9" s="244"/>
      <c r="HS9" s="71">
        <v>45</v>
      </c>
      <c r="HT9" s="71">
        <v>30</v>
      </c>
      <c r="HU9" s="71">
        <v>15</v>
      </c>
      <c r="HV9" s="71">
        <v>26</v>
      </c>
      <c r="HW9" s="71">
        <v>17</v>
      </c>
      <c r="HX9" s="72">
        <v>133</v>
      </c>
      <c r="HY9" s="73">
        <v>167</v>
      </c>
      <c r="HZ9" s="70">
        <v>60</v>
      </c>
      <c r="IA9" s="71">
        <v>36</v>
      </c>
      <c r="IB9" s="72">
        <v>96</v>
      </c>
      <c r="IC9" s="244"/>
      <c r="ID9" s="71">
        <v>74</v>
      </c>
      <c r="IE9" s="71">
        <v>44</v>
      </c>
      <c r="IF9" s="71">
        <v>31</v>
      </c>
      <c r="IG9" s="71">
        <v>31</v>
      </c>
      <c r="IH9" s="71">
        <v>29</v>
      </c>
      <c r="II9" s="72">
        <v>209</v>
      </c>
      <c r="IJ9" s="73">
        <v>305</v>
      </c>
      <c r="IK9" s="70">
        <v>128</v>
      </c>
      <c r="IL9" s="71">
        <v>73</v>
      </c>
      <c r="IM9" s="72">
        <v>201</v>
      </c>
      <c r="IN9" s="244"/>
      <c r="IO9" s="71">
        <v>173</v>
      </c>
      <c r="IP9" s="71">
        <v>104</v>
      </c>
      <c r="IQ9" s="71">
        <v>92</v>
      </c>
      <c r="IR9" s="71">
        <v>51</v>
      </c>
      <c r="IS9" s="71">
        <v>47</v>
      </c>
      <c r="IT9" s="72">
        <v>467</v>
      </c>
      <c r="IU9" s="73">
        <v>668</v>
      </c>
      <c r="IV9" s="70">
        <v>214</v>
      </c>
      <c r="IW9" s="71">
        <v>158</v>
      </c>
      <c r="IX9" s="72">
        <v>372</v>
      </c>
      <c r="IY9" s="244"/>
      <c r="IZ9" s="71">
        <v>294</v>
      </c>
      <c r="JA9" s="71">
        <v>201</v>
      </c>
      <c r="JB9" s="71">
        <v>145</v>
      </c>
      <c r="JC9" s="71">
        <v>126</v>
      </c>
      <c r="JD9" s="71">
        <v>96</v>
      </c>
      <c r="JE9" s="72">
        <v>862</v>
      </c>
      <c r="JF9" s="73">
        <v>1234</v>
      </c>
      <c r="JG9" s="70">
        <v>180</v>
      </c>
      <c r="JH9" s="71">
        <v>159</v>
      </c>
      <c r="JI9" s="72">
        <v>339</v>
      </c>
      <c r="JJ9" s="244"/>
      <c r="JK9" s="71">
        <v>342</v>
      </c>
      <c r="JL9" s="71">
        <v>252</v>
      </c>
      <c r="JM9" s="71">
        <v>180</v>
      </c>
      <c r="JN9" s="71">
        <v>199</v>
      </c>
      <c r="JO9" s="71">
        <v>102</v>
      </c>
      <c r="JP9" s="72">
        <v>1075</v>
      </c>
      <c r="JQ9" s="73">
        <v>1414</v>
      </c>
      <c r="JR9" s="70">
        <v>0</v>
      </c>
      <c r="JS9" s="71">
        <v>0</v>
      </c>
      <c r="JT9" s="72">
        <v>0</v>
      </c>
      <c r="JU9" s="244"/>
      <c r="JV9" s="71">
        <v>0</v>
      </c>
      <c r="JW9" s="71">
        <v>0</v>
      </c>
      <c r="JX9" s="71">
        <v>0</v>
      </c>
      <c r="JY9" s="71">
        <v>0</v>
      </c>
      <c r="JZ9" s="71">
        <v>0</v>
      </c>
      <c r="KA9" s="72">
        <v>0</v>
      </c>
      <c r="KB9" s="73">
        <v>0</v>
      </c>
      <c r="KC9" s="70">
        <v>613</v>
      </c>
      <c r="KD9" s="71">
        <v>446</v>
      </c>
      <c r="KE9" s="72">
        <v>1059</v>
      </c>
      <c r="KF9" s="244"/>
      <c r="KG9" s="71">
        <v>944</v>
      </c>
      <c r="KH9" s="71">
        <v>645</v>
      </c>
      <c r="KI9" s="71">
        <v>468</v>
      </c>
      <c r="KJ9" s="71">
        <v>438</v>
      </c>
      <c r="KK9" s="71">
        <v>300</v>
      </c>
      <c r="KL9" s="72">
        <v>2795</v>
      </c>
      <c r="KM9" s="73">
        <v>3854</v>
      </c>
    </row>
    <row r="10" spans="2:299" ht="21" customHeight="1" x14ac:dyDescent="0.2">
      <c r="B10" s="126" t="s">
        <v>14</v>
      </c>
      <c r="C10" s="315">
        <v>264</v>
      </c>
      <c r="D10" s="82">
        <v>324</v>
      </c>
      <c r="E10" s="83">
        <v>588</v>
      </c>
      <c r="F10" s="241"/>
      <c r="G10" s="82">
        <v>401</v>
      </c>
      <c r="H10" s="82">
        <v>415</v>
      </c>
      <c r="I10" s="82">
        <v>287</v>
      </c>
      <c r="J10" s="82">
        <v>204</v>
      </c>
      <c r="K10" s="82">
        <v>124</v>
      </c>
      <c r="L10" s="84">
        <v>1431</v>
      </c>
      <c r="M10" s="85">
        <v>2019</v>
      </c>
      <c r="N10" s="70">
        <v>6</v>
      </c>
      <c r="O10" s="71">
        <v>7</v>
      </c>
      <c r="P10" s="72">
        <v>13</v>
      </c>
      <c r="Q10" s="244"/>
      <c r="R10" s="71">
        <v>3</v>
      </c>
      <c r="S10" s="71">
        <v>11</v>
      </c>
      <c r="T10" s="71">
        <v>5</v>
      </c>
      <c r="U10" s="71">
        <v>4</v>
      </c>
      <c r="V10" s="71">
        <v>3</v>
      </c>
      <c r="W10" s="72">
        <v>26</v>
      </c>
      <c r="X10" s="73">
        <v>39</v>
      </c>
      <c r="Y10" s="70">
        <v>17</v>
      </c>
      <c r="Z10" s="71">
        <v>16</v>
      </c>
      <c r="AA10" s="72">
        <v>33</v>
      </c>
      <c r="AB10" s="244"/>
      <c r="AC10" s="71">
        <v>13</v>
      </c>
      <c r="AD10" s="71">
        <v>17</v>
      </c>
      <c r="AE10" s="71">
        <v>12</v>
      </c>
      <c r="AF10" s="71">
        <v>13</v>
      </c>
      <c r="AG10" s="71">
        <v>12</v>
      </c>
      <c r="AH10" s="72">
        <v>67</v>
      </c>
      <c r="AI10" s="73">
        <v>100</v>
      </c>
      <c r="AJ10" s="70">
        <v>29</v>
      </c>
      <c r="AK10" s="71">
        <v>33</v>
      </c>
      <c r="AL10" s="72">
        <v>62</v>
      </c>
      <c r="AM10" s="244"/>
      <c r="AN10" s="71">
        <v>34</v>
      </c>
      <c r="AO10" s="71">
        <v>41</v>
      </c>
      <c r="AP10" s="71">
        <v>21</v>
      </c>
      <c r="AQ10" s="71">
        <v>21</v>
      </c>
      <c r="AR10" s="71">
        <v>14</v>
      </c>
      <c r="AS10" s="72">
        <v>131</v>
      </c>
      <c r="AT10" s="73">
        <v>193</v>
      </c>
      <c r="AU10" s="70">
        <v>54</v>
      </c>
      <c r="AV10" s="71">
        <v>77</v>
      </c>
      <c r="AW10" s="72">
        <v>131</v>
      </c>
      <c r="AX10" s="244"/>
      <c r="AY10" s="71">
        <v>89</v>
      </c>
      <c r="AZ10" s="71">
        <v>94</v>
      </c>
      <c r="BA10" s="71">
        <v>56</v>
      </c>
      <c r="BB10" s="71">
        <v>36</v>
      </c>
      <c r="BC10" s="71">
        <v>17</v>
      </c>
      <c r="BD10" s="72">
        <v>292</v>
      </c>
      <c r="BE10" s="73">
        <v>423</v>
      </c>
      <c r="BF10" s="70">
        <v>88</v>
      </c>
      <c r="BG10" s="71">
        <v>97</v>
      </c>
      <c r="BH10" s="72">
        <v>185</v>
      </c>
      <c r="BI10" s="244"/>
      <c r="BJ10" s="71">
        <v>127</v>
      </c>
      <c r="BK10" s="71">
        <v>125</v>
      </c>
      <c r="BL10" s="71">
        <v>90</v>
      </c>
      <c r="BM10" s="71">
        <v>53</v>
      </c>
      <c r="BN10" s="71">
        <v>34</v>
      </c>
      <c r="BO10" s="72">
        <v>429</v>
      </c>
      <c r="BP10" s="73">
        <v>614</v>
      </c>
      <c r="BQ10" s="70">
        <v>70</v>
      </c>
      <c r="BR10" s="71">
        <v>94</v>
      </c>
      <c r="BS10" s="72">
        <v>164</v>
      </c>
      <c r="BT10" s="244"/>
      <c r="BU10" s="71">
        <v>135</v>
      </c>
      <c r="BV10" s="71">
        <v>127</v>
      </c>
      <c r="BW10" s="71">
        <v>103</v>
      </c>
      <c r="BX10" s="71">
        <v>77</v>
      </c>
      <c r="BY10" s="71">
        <v>44</v>
      </c>
      <c r="BZ10" s="72">
        <v>486</v>
      </c>
      <c r="CA10" s="73">
        <v>650</v>
      </c>
      <c r="CB10" s="70">
        <v>0</v>
      </c>
      <c r="CC10" s="71">
        <v>0</v>
      </c>
      <c r="CD10" s="72">
        <v>0</v>
      </c>
      <c r="CE10" s="244"/>
      <c r="CF10" s="71">
        <v>0</v>
      </c>
      <c r="CG10" s="71">
        <v>0</v>
      </c>
      <c r="CH10" s="71">
        <v>0</v>
      </c>
      <c r="CI10" s="71">
        <v>0</v>
      </c>
      <c r="CJ10" s="71">
        <v>0</v>
      </c>
      <c r="CK10" s="72">
        <v>0</v>
      </c>
      <c r="CL10" s="73">
        <v>0</v>
      </c>
      <c r="CM10" s="70">
        <v>264</v>
      </c>
      <c r="CN10" s="71">
        <v>324</v>
      </c>
      <c r="CO10" s="72">
        <v>588</v>
      </c>
      <c r="CP10" s="244"/>
      <c r="CQ10" s="71">
        <v>401</v>
      </c>
      <c r="CR10" s="71">
        <v>415</v>
      </c>
      <c r="CS10" s="71">
        <v>287</v>
      </c>
      <c r="CT10" s="71">
        <v>204</v>
      </c>
      <c r="CU10" s="71">
        <v>124</v>
      </c>
      <c r="CV10" s="72">
        <v>1431</v>
      </c>
      <c r="CW10" s="73">
        <v>2019</v>
      </c>
      <c r="CX10" s="123">
        <v>32</v>
      </c>
      <c r="CY10" s="82">
        <v>48</v>
      </c>
      <c r="CZ10" s="83">
        <v>80</v>
      </c>
      <c r="DA10" s="241"/>
      <c r="DB10" s="82">
        <v>37</v>
      </c>
      <c r="DC10" s="82">
        <v>47</v>
      </c>
      <c r="DD10" s="82">
        <v>26</v>
      </c>
      <c r="DE10" s="82">
        <v>35</v>
      </c>
      <c r="DF10" s="82">
        <v>16</v>
      </c>
      <c r="DG10" s="84">
        <v>161</v>
      </c>
      <c r="DH10" s="85">
        <v>241</v>
      </c>
      <c r="DI10" s="70">
        <v>1</v>
      </c>
      <c r="DJ10" s="71">
        <v>2</v>
      </c>
      <c r="DK10" s="72">
        <v>3</v>
      </c>
      <c r="DL10" s="244"/>
      <c r="DM10" s="71">
        <v>0</v>
      </c>
      <c r="DN10" s="71">
        <v>0</v>
      </c>
      <c r="DO10" s="71">
        <v>0</v>
      </c>
      <c r="DP10" s="71">
        <v>0</v>
      </c>
      <c r="DQ10" s="71">
        <v>0</v>
      </c>
      <c r="DR10" s="72">
        <v>0</v>
      </c>
      <c r="DS10" s="73">
        <v>3</v>
      </c>
      <c r="DT10" s="70">
        <v>1</v>
      </c>
      <c r="DU10" s="71">
        <v>3</v>
      </c>
      <c r="DV10" s="72">
        <v>4</v>
      </c>
      <c r="DW10" s="244"/>
      <c r="DX10" s="71">
        <v>4</v>
      </c>
      <c r="DY10" s="71">
        <v>3</v>
      </c>
      <c r="DZ10" s="71">
        <v>1</v>
      </c>
      <c r="EA10" s="71">
        <v>1</v>
      </c>
      <c r="EB10" s="71">
        <v>2</v>
      </c>
      <c r="EC10" s="72">
        <v>11</v>
      </c>
      <c r="ED10" s="73">
        <v>15</v>
      </c>
      <c r="EE10" s="70">
        <v>10</v>
      </c>
      <c r="EF10" s="71">
        <v>7</v>
      </c>
      <c r="EG10" s="72">
        <v>17</v>
      </c>
      <c r="EH10" s="244"/>
      <c r="EI10" s="71">
        <v>5</v>
      </c>
      <c r="EJ10" s="71">
        <v>6</v>
      </c>
      <c r="EK10" s="71">
        <v>2</v>
      </c>
      <c r="EL10" s="71">
        <v>2</v>
      </c>
      <c r="EM10" s="71">
        <v>0</v>
      </c>
      <c r="EN10" s="72">
        <v>15</v>
      </c>
      <c r="EO10" s="73">
        <v>32</v>
      </c>
      <c r="EP10" s="70">
        <v>7</v>
      </c>
      <c r="EQ10" s="71">
        <v>10</v>
      </c>
      <c r="ER10" s="72">
        <v>17</v>
      </c>
      <c r="ES10" s="244"/>
      <c r="ET10" s="71">
        <v>9</v>
      </c>
      <c r="EU10" s="71">
        <v>6</v>
      </c>
      <c r="EV10" s="71">
        <v>4</v>
      </c>
      <c r="EW10" s="71">
        <v>4</v>
      </c>
      <c r="EX10" s="71">
        <v>1</v>
      </c>
      <c r="EY10" s="72">
        <v>24</v>
      </c>
      <c r="EZ10" s="73">
        <v>41</v>
      </c>
      <c r="FA10" s="70">
        <v>10</v>
      </c>
      <c r="FB10" s="71">
        <v>11</v>
      </c>
      <c r="FC10" s="72">
        <v>21</v>
      </c>
      <c r="FD10" s="244"/>
      <c r="FE10" s="71">
        <v>10</v>
      </c>
      <c r="FF10" s="71">
        <v>17</v>
      </c>
      <c r="FG10" s="71">
        <v>5</v>
      </c>
      <c r="FH10" s="71">
        <v>9</v>
      </c>
      <c r="FI10" s="71">
        <v>5</v>
      </c>
      <c r="FJ10" s="72">
        <v>46</v>
      </c>
      <c r="FK10" s="73">
        <v>67</v>
      </c>
      <c r="FL10" s="70">
        <v>3</v>
      </c>
      <c r="FM10" s="71">
        <v>15</v>
      </c>
      <c r="FN10" s="72">
        <v>18</v>
      </c>
      <c r="FO10" s="244"/>
      <c r="FP10" s="71">
        <v>9</v>
      </c>
      <c r="FQ10" s="71">
        <v>15</v>
      </c>
      <c r="FR10" s="71">
        <v>14</v>
      </c>
      <c r="FS10" s="71">
        <v>19</v>
      </c>
      <c r="FT10" s="71">
        <v>8</v>
      </c>
      <c r="FU10" s="72">
        <v>65</v>
      </c>
      <c r="FV10" s="73">
        <v>83</v>
      </c>
      <c r="FW10" s="70">
        <v>0</v>
      </c>
      <c r="FX10" s="71">
        <v>0</v>
      </c>
      <c r="FY10" s="72">
        <v>0</v>
      </c>
      <c r="FZ10" s="244"/>
      <c r="GA10" s="71">
        <v>0</v>
      </c>
      <c r="GB10" s="71">
        <v>0</v>
      </c>
      <c r="GC10" s="71">
        <v>0</v>
      </c>
      <c r="GD10" s="71">
        <v>0</v>
      </c>
      <c r="GE10" s="71">
        <v>0</v>
      </c>
      <c r="GF10" s="72">
        <v>0</v>
      </c>
      <c r="GG10" s="73">
        <v>0</v>
      </c>
      <c r="GH10" s="70">
        <v>32</v>
      </c>
      <c r="GI10" s="71">
        <v>48</v>
      </c>
      <c r="GJ10" s="72">
        <v>80</v>
      </c>
      <c r="GK10" s="244"/>
      <c r="GL10" s="71">
        <v>37</v>
      </c>
      <c r="GM10" s="71">
        <v>47</v>
      </c>
      <c r="GN10" s="71">
        <v>26</v>
      </c>
      <c r="GO10" s="71">
        <v>35</v>
      </c>
      <c r="GP10" s="71">
        <v>16</v>
      </c>
      <c r="GQ10" s="72">
        <v>161</v>
      </c>
      <c r="GR10" s="73">
        <v>241</v>
      </c>
      <c r="GS10" s="123">
        <v>296</v>
      </c>
      <c r="GT10" s="82">
        <v>372</v>
      </c>
      <c r="GU10" s="83">
        <v>668</v>
      </c>
      <c r="GV10" s="241"/>
      <c r="GW10" s="82">
        <v>438</v>
      </c>
      <c r="GX10" s="82">
        <v>462</v>
      </c>
      <c r="GY10" s="82">
        <v>313</v>
      </c>
      <c r="GZ10" s="82">
        <v>239</v>
      </c>
      <c r="HA10" s="82">
        <v>140</v>
      </c>
      <c r="HB10" s="84">
        <v>1592</v>
      </c>
      <c r="HC10" s="85">
        <v>2260</v>
      </c>
      <c r="HD10" s="70">
        <v>7</v>
      </c>
      <c r="HE10" s="71">
        <v>9</v>
      </c>
      <c r="HF10" s="72">
        <v>16</v>
      </c>
      <c r="HG10" s="244"/>
      <c r="HH10" s="71">
        <v>3</v>
      </c>
      <c r="HI10" s="71">
        <v>11</v>
      </c>
      <c r="HJ10" s="71">
        <v>5</v>
      </c>
      <c r="HK10" s="71">
        <v>4</v>
      </c>
      <c r="HL10" s="71">
        <v>3</v>
      </c>
      <c r="HM10" s="72">
        <v>26</v>
      </c>
      <c r="HN10" s="73">
        <v>42</v>
      </c>
      <c r="HO10" s="70">
        <v>18</v>
      </c>
      <c r="HP10" s="71">
        <v>19</v>
      </c>
      <c r="HQ10" s="72">
        <v>37</v>
      </c>
      <c r="HR10" s="244"/>
      <c r="HS10" s="71">
        <v>17</v>
      </c>
      <c r="HT10" s="71">
        <v>20</v>
      </c>
      <c r="HU10" s="71">
        <v>13</v>
      </c>
      <c r="HV10" s="71">
        <v>14</v>
      </c>
      <c r="HW10" s="71">
        <v>14</v>
      </c>
      <c r="HX10" s="72">
        <v>78</v>
      </c>
      <c r="HY10" s="73">
        <v>115</v>
      </c>
      <c r="HZ10" s="70">
        <v>39</v>
      </c>
      <c r="IA10" s="71">
        <v>40</v>
      </c>
      <c r="IB10" s="72">
        <v>79</v>
      </c>
      <c r="IC10" s="244"/>
      <c r="ID10" s="71">
        <v>39</v>
      </c>
      <c r="IE10" s="71">
        <v>47</v>
      </c>
      <c r="IF10" s="71">
        <v>23</v>
      </c>
      <c r="IG10" s="71">
        <v>23</v>
      </c>
      <c r="IH10" s="71">
        <v>14</v>
      </c>
      <c r="II10" s="72">
        <v>146</v>
      </c>
      <c r="IJ10" s="73">
        <v>225</v>
      </c>
      <c r="IK10" s="70">
        <v>61</v>
      </c>
      <c r="IL10" s="71">
        <v>87</v>
      </c>
      <c r="IM10" s="72">
        <v>148</v>
      </c>
      <c r="IN10" s="244"/>
      <c r="IO10" s="71">
        <v>98</v>
      </c>
      <c r="IP10" s="71">
        <v>100</v>
      </c>
      <c r="IQ10" s="71">
        <v>60</v>
      </c>
      <c r="IR10" s="71">
        <v>40</v>
      </c>
      <c r="IS10" s="71">
        <v>18</v>
      </c>
      <c r="IT10" s="72">
        <v>316</v>
      </c>
      <c r="IU10" s="73">
        <v>464</v>
      </c>
      <c r="IV10" s="70">
        <v>98</v>
      </c>
      <c r="IW10" s="71">
        <v>108</v>
      </c>
      <c r="IX10" s="72">
        <v>206</v>
      </c>
      <c r="IY10" s="244"/>
      <c r="IZ10" s="71">
        <v>137</v>
      </c>
      <c r="JA10" s="71">
        <v>142</v>
      </c>
      <c r="JB10" s="71">
        <v>95</v>
      </c>
      <c r="JC10" s="71">
        <v>62</v>
      </c>
      <c r="JD10" s="71">
        <v>39</v>
      </c>
      <c r="JE10" s="72">
        <v>475</v>
      </c>
      <c r="JF10" s="73">
        <v>681</v>
      </c>
      <c r="JG10" s="70">
        <v>73</v>
      </c>
      <c r="JH10" s="71">
        <v>109</v>
      </c>
      <c r="JI10" s="72">
        <v>182</v>
      </c>
      <c r="JJ10" s="244"/>
      <c r="JK10" s="71">
        <v>144</v>
      </c>
      <c r="JL10" s="71">
        <v>142</v>
      </c>
      <c r="JM10" s="71">
        <v>117</v>
      </c>
      <c r="JN10" s="71">
        <v>96</v>
      </c>
      <c r="JO10" s="71">
        <v>52</v>
      </c>
      <c r="JP10" s="72">
        <v>551</v>
      </c>
      <c r="JQ10" s="73">
        <v>733</v>
      </c>
      <c r="JR10" s="70">
        <v>0</v>
      </c>
      <c r="JS10" s="71">
        <v>0</v>
      </c>
      <c r="JT10" s="72">
        <v>0</v>
      </c>
      <c r="JU10" s="244"/>
      <c r="JV10" s="71">
        <v>0</v>
      </c>
      <c r="JW10" s="71">
        <v>0</v>
      </c>
      <c r="JX10" s="71">
        <v>0</v>
      </c>
      <c r="JY10" s="71">
        <v>0</v>
      </c>
      <c r="JZ10" s="71">
        <v>0</v>
      </c>
      <c r="KA10" s="72">
        <v>0</v>
      </c>
      <c r="KB10" s="73">
        <v>0</v>
      </c>
      <c r="KC10" s="70">
        <v>296</v>
      </c>
      <c r="KD10" s="71">
        <v>372</v>
      </c>
      <c r="KE10" s="72">
        <v>668</v>
      </c>
      <c r="KF10" s="244"/>
      <c r="KG10" s="71">
        <v>438</v>
      </c>
      <c r="KH10" s="71">
        <v>462</v>
      </c>
      <c r="KI10" s="71">
        <v>313</v>
      </c>
      <c r="KJ10" s="71">
        <v>239</v>
      </c>
      <c r="KK10" s="71">
        <v>140</v>
      </c>
      <c r="KL10" s="72">
        <v>1592</v>
      </c>
      <c r="KM10" s="73">
        <v>2260</v>
      </c>
    </row>
    <row r="11" spans="2:299" ht="21" customHeight="1" x14ac:dyDescent="0.2">
      <c r="B11" s="126" t="s">
        <v>7</v>
      </c>
      <c r="C11" s="315">
        <v>248</v>
      </c>
      <c r="D11" s="82">
        <v>160</v>
      </c>
      <c r="E11" s="83">
        <v>408</v>
      </c>
      <c r="F11" s="241"/>
      <c r="G11" s="82">
        <v>534</v>
      </c>
      <c r="H11" s="82">
        <v>344</v>
      </c>
      <c r="I11" s="82">
        <v>197</v>
      </c>
      <c r="J11" s="82">
        <v>177</v>
      </c>
      <c r="K11" s="82">
        <v>84</v>
      </c>
      <c r="L11" s="84">
        <v>1336</v>
      </c>
      <c r="M11" s="85">
        <v>1744</v>
      </c>
      <c r="N11" s="70">
        <v>4</v>
      </c>
      <c r="O11" s="71">
        <v>1</v>
      </c>
      <c r="P11" s="72">
        <v>5</v>
      </c>
      <c r="Q11" s="244"/>
      <c r="R11" s="71">
        <v>5</v>
      </c>
      <c r="S11" s="71">
        <v>9</v>
      </c>
      <c r="T11" s="71">
        <v>4</v>
      </c>
      <c r="U11" s="71">
        <v>2</v>
      </c>
      <c r="V11" s="71">
        <v>1</v>
      </c>
      <c r="W11" s="72">
        <v>21</v>
      </c>
      <c r="X11" s="73">
        <v>26</v>
      </c>
      <c r="Y11" s="70">
        <v>11</v>
      </c>
      <c r="Z11" s="71">
        <v>6</v>
      </c>
      <c r="AA11" s="72">
        <v>17</v>
      </c>
      <c r="AB11" s="244"/>
      <c r="AC11" s="71">
        <v>24</v>
      </c>
      <c r="AD11" s="71">
        <v>14</v>
      </c>
      <c r="AE11" s="71">
        <v>11</v>
      </c>
      <c r="AF11" s="71">
        <v>4</v>
      </c>
      <c r="AG11" s="71">
        <v>2</v>
      </c>
      <c r="AH11" s="72">
        <v>55</v>
      </c>
      <c r="AI11" s="73">
        <v>72</v>
      </c>
      <c r="AJ11" s="70">
        <v>11</v>
      </c>
      <c r="AK11" s="71">
        <v>12</v>
      </c>
      <c r="AL11" s="72">
        <v>23</v>
      </c>
      <c r="AM11" s="244"/>
      <c r="AN11" s="71">
        <v>45</v>
      </c>
      <c r="AO11" s="71">
        <v>36</v>
      </c>
      <c r="AP11" s="71">
        <v>23</v>
      </c>
      <c r="AQ11" s="71">
        <v>9</v>
      </c>
      <c r="AR11" s="71">
        <v>10</v>
      </c>
      <c r="AS11" s="72">
        <v>123</v>
      </c>
      <c r="AT11" s="73">
        <v>146</v>
      </c>
      <c r="AU11" s="70">
        <v>42</v>
      </c>
      <c r="AV11" s="71">
        <v>28</v>
      </c>
      <c r="AW11" s="72">
        <v>70</v>
      </c>
      <c r="AX11" s="244"/>
      <c r="AY11" s="71">
        <v>104</v>
      </c>
      <c r="AZ11" s="71">
        <v>67</v>
      </c>
      <c r="BA11" s="71">
        <v>33</v>
      </c>
      <c r="BB11" s="71">
        <v>33</v>
      </c>
      <c r="BC11" s="71">
        <v>24</v>
      </c>
      <c r="BD11" s="72">
        <v>261</v>
      </c>
      <c r="BE11" s="73">
        <v>331</v>
      </c>
      <c r="BF11" s="70">
        <v>108</v>
      </c>
      <c r="BG11" s="71">
        <v>66</v>
      </c>
      <c r="BH11" s="72">
        <v>174</v>
      </c>
      <c r="BI11" s="244"/>
      <c r="BJ11" s="71">
        <v>170</v>
      </c>
      <c r="BK11" s="71">
        <v>105</v>
      </c>
      <c r="BL11" s="71">
        <v>60</v>
      </c>
      <c r="BM11" s="71">
        <v>56</v>
      </c>
      <c r="BN11" s="71">
        <v>24</v>
      </c>
      <c r="BO11" s="72">
        <v>415</v>
      </c>
      <c r="BP11" s="73">
        <v>589</v>
      </c>
      <c r="BQ11" s="70">
        <v>72</v>
      </c>
      <c r="BR11" s="71">
        <v>47</v>
      </c>
      <c r="BS11" s="72">
        <v>119</v>
      </c>
      <c r="BT11" s="244"/>
      <c r="BU11" s="71">
        <v>186</v>
      </c>
      <c r="BV11" s="71">
        <v>113</v>
      </c>
      <c r="BW11" s="71">
        <v>66</v>
      </c>
      <c r="BX11" s="71">
        <v>73</v>
      </c>
      <c r="BY11" s="71">
        <v>23</v>
      </c>
      <c r="BZ11" s="72">
        <v>461</v>
      </c>
      <c r="CA11" s="73">
        <v>580</v>
      </c>
      <c r="CB11" s="70">
        <v>0</v>
      </c>
      <c r="CC11" s="71">
        <v>0</v>
      </c>
      <c r="CD11" s="72">
        <v>0</v>
      </c>
      <c r="CE11" s="244"/>
      <c r="CF11" s="71">
        <v>0</v>
      </c>
      <c r="CG11" s="71">
        <v>0</v>
      </c>
      <c r="CH11" s="71">
        <v>0</v>
      </c>
      <c r="CI11" s="71">
        <v>0</v>
      </c>
      <c r="CJ11" s="71">
        <v>0</v>
      </c>
      <c r="CK11" s="72">
        <v>0</v>
      </c>
      <c r="CL11" s="73">
        <v>0</v>
      </c>
      <c r="CM11" s="70">
        <v>248</v>
      </c>
      <c r="CN11" s="71">
        <v>160</v>
      </c>
      <c r="CO11" s="72">
        <v>408</v>
      </c>
      <c r="CP11" s="244"/>
      <c r="CQ11" s="71">
        <v>534</v>
      </c>
      <c r="CR11" s="71">
        <v>344</v>
      </c>
      <c r="CS11" s="71">
        <v>197</v>
      </c>
      <c r="CT11" s="71">
        <v>177</v>
      </c>
      <c r="CU11" s="71">
        <v>84</v>
      </c>
      <c r="CV11" s="72">
        <v>1336</v>
      </c>
      <c r="CW11" s="73">
        <v>1744</v>
      </c>
      <c r="CX11" s="123">
        <v>37</v>
      </c>
      <c r="CY11" s="82">
        <v>24</v>
      </c>
      <c r="CZ11" s="83">
        <v>61</v>
      </c>
      <c r="DA11" s="241"/>
      <c r="DB11" s="82">
        <v>76</v>
      </c>
      <c r="DC11" s="82">
        <v>37</v>
      </c>
      <c r="DD11" s="82">
        <v>27</v>
      </c>
      <c r="DE11" s="82">
        <v>28</v>
      </c>
      <c r="DF11" s="82">
        <v>16</v>
      </c>
      <c r="DG11" s="84">
        <v>184</v>
      </c>
      <c r="DH11" s="85">
        <v>245</v>
      </c>
      <c r="DI11" s="70">
        <v>0</v>
      </c>
      <c r="DJ11" s="71">
        <v>0</v>
      </c>
      <c r="DK11" s="72">
        <v>0</v>
      </c>
      <c r="DL11" s="244"/>
      <c r="DM11" s="71">
        <v>1</v>
      </c>
      <c r="DN11" s="71">
        <v>0</v>
      </c>
      <c r="DO11" s="71">
        <v>0</v>
      </c>
      <c r="DP11" s="71">
        <v>0</v>
      </c>
      <c r="DQ11" s="71">
        <v>0</v>
      </c>
      <c r="DR11" s="72">
        <v>1</v>
      </c>
      <c r="DS11" s="73">
        <v>1</v>
      </c>
      <c r="DT11" s="70">
        <v>6</v>
      </c>
      <c r="DU11" s="71">
        <v>2</v>
      </c>
      <c r="DV11" s="72">
        <v>8</v>
      </c>
      <c r="DW11" s="244"/>
      <c r="DX11" s="71">
        <v>3</v>
      </c>
      <c r="DY11" s="71">
        <v>2</v>
      </c>
      <c r="DZ11" s="71">
        <v>1</v>
      </c>
      <c r="EA11" s="71">
        <v>4</v>
      </c>
      <c r="EB11" s="71">
        <v>1</v>
      </c>
      <c r="EC11" s="72">
        <v>11</v>
      </c>
      <c r="ED11" s="73">
        <v>19</v>
      </c>
      <c r="EE11" s="70">
        <v>3</v>
      </c>
      <c r="EF11" s="71">
        <v>1</v>
      </c>
      <c r="EG11" s="72">
        <v>4</v>
      </c>
      <c r="EH11" s="244"/>
      <c r="EI11" s="71">
        <v>7</v>
      </c>
      <c r="EJ11" s="71">
        <v>4</v>
      </c>
      <c r="EK11" s="71">
        <v>1</v>
      </c>
      <c r="EL11" s="71">
        <v>1</v>
      </c>
      <c r="EM11" s="71">
        <v>1</v>
      </c>
      <c r="EN11" s="72">
        <v>14</v>
      </c>
      <c r="EO11" s="73">
        <v>18</v>
      </c>
      <c r="EP11" s="70">
        <v>11</v>
      </c>
      <c r="EQ11" s="71">
        <v>4</v>
      </c>
      <c r="ER11" s="72">
        <v>15</v>
      </c>
      <c r="ES11" s="244"/>
      <c r="ET11" s="71">
        <v>19</v>
      </c>
      <c r="EU11" s="71">
        <v>2</v>
      </c>
      <c r="EV11" s="71">
        <v>1</v>
      </c>
      <c r="EW11" s="71">
        <v>5</v>
      </c>
      <c r="EX11" s="71">
        <v>2</v>
      </c>
      <c r="EY11" s="72">
        <v>29</v>
      </c>
      <c r="EZ11" s="73">
        <v>44</v>
      </c>
      <c r="FA11" s="70">
        <v>10</v>
      </c>
      <c r="FB11" s="71">
        <v>10</v>
      </c>
      <c r="FC11" s="72">
        <v>20</v>
      </c>
      <c r="FD11" s="244"/>
      <c r="FE11" s="71">
        <v>20</v>
      </c>
      <c r="FF11" s="71">
        <v>9</v>
      </c>
      <c r="FG11" s="71">
        <v>9</v>
      </c>
      <c r="FH11" s="71">
        <v>8</v>
      </c>
      <c r="FI11" s="71">
        <v>5</v>
      </c>
      <c r="FJ11" s="72">
        <v>51</v>
      </c>
      <c r="FK11" s="73">
        <v>71</v>
      </c>
      <c r="FL11" s="70">
        <v>7</v>
      </c>
      <c r="FM11" s="71">
        <v>7</v>
      </c>
      <c r="FN11" s="72">
        <v>14</v>
      </c>
      <c r="FO11" s="244"/>
      <c r="FP11" s="71">
        <v>26</v>
      </c>
      <c r="FQ11" s="71">
        <v>20</v>
      </c>
      <c r="FR11" s="71">
        <v>15</v>
      </c>
      <c r="FS11" s="71">
        <v>10</v>
      </c>
      <c r="FT11" s="71">
        <v>7</v>
      </c>
      <c r="FU11" s="72">
        <v>78</v>
      </c>
      <c r="FV11" s="73">
        <v>92</v>
      </c>
      <c r="FW11" s="70">
        <v>0</v>
      </c>
      <c r="FX11" s="71">
        <v>0</v>
      </c>
      <c r="FY11" s="72">
        <v>0</v>
      </c>
      <c r="FZ11" s="244"/>
      <c r="GA11" s="71">
        <v>0</v>
      </c>
      <c r="GB11" s="71">
        <v>0</v>
      </c>
      <c r="GC11" s="71">
        <v>0</v>
      </c>
      <c r="GD11" s="71">
        <v>0</v>
      </c>
      <c r="GE11" s="71">
        <v>0</v>
      </c>
      <c r="GF11" s="72">
        <v>0</v>
      </c>
      <c r="GG11" s="73">
        <v>0</v>
      </c>
      <c r="GH11" s="70">
        <v>37</v>
      </c>
      <c r="GI11" s="71">
        <v>24</v>
      </c>
      <c r="GJ11" s="72">
        <v>61</v>
      </c>
      <c r="GK11" s="244"/>
      <c r="GL11" s="71">
        <v>76</v>
      </c>
      <c r="GM11" s="71">
        <v>37</v>
      </c>
      <c r="GN11" s="71">
        <v>27</v>
      </c>
      <c r="GO11" s="71">
        <v>28</v>
      </c>
      <c r="GP11" s="71">
        <v>16</v>
      </c>
      <c r="GQ11" s="72">
        <v>184</v>
      </c>
      <c r="GR11" s="73">
        <v>245</v>
      </c>
      <c r="GS11" s="123">
        <v>285</v>
      </c>
      <c r="GT11" s="82">
        <v>184</v>
      </c>
      <c r="GU11" s="83">
        <v>469</v>
      </c>
      <c r="GV11" s="241"/>
      <c r="GW11" s="82">
        <v>610</v>
      </c>
      <c r="GX11" s="82">
        <v>381</v>
      </c>
      <c r="GY11" s="82">
        <v>224</v>
      </c>
      <c r="GZ11" s="82">
        <v>205</v>
      </c>
      <c r="HA11" s="82">
        <v>100</v>
      </c>
      <c r="HB11" s="84">
        <v>1520</v>
      </c>
      <c r="HC11" s="85">
        <v>1989</v>
      </c>
      <c r="HD11" s="70">
        <v>4</v>
      </c>
      <c r="HE11" s="71">
        <v>1</v>
      </c>
      <c r="HF11" s="72">
        <v>5</v>
      </c>
      <c r="HG11" s="244"/>
      <c r="HH11" s="71">
        <v>6</v>
      </c>
      <c r="HI11" s="71">
        <v>9</v>
      </c>
      <c r="HJ11" s="71">
        <v>4</v>
      </c>
      <c r="HK11" s="71">
        <v>2</v>
      </c>
      <c r="HL11" s="71">
        <v>1</v>
      </c>
      <c r="HM11" s="72">
        <v>22</v>
      </c>
      <c r="HN11" s="73">
        <v>27</v>
      </c>
      <c r="HO11" s="70">
        <v>17</v>
      </c>
      <c r="HP11" s="71">
        <v>8</v>
      </c>
      <c r="HQ11" s="72">
        <v>25</v>
      </c>
      <c r="HR11" s="244"/>
      <c r="HS11" s="71">
        <v>27</v>
      </c>
      <c r="HT11" s="71">
        <v>16</v>
      </c>
      <c r="HU11" s="71">
        <v>12</v>
      </c>
      <c r="HV11" s="71">
        <v>8</v>
      </c>
      <c r="HW11" s="71">
        <v>3</v>
      </c>
      <c r="HX11" s="72">
        <v>66</v>
      </c>
      <c r="HY11" s="73">
        <v>91</v>
      </c>
      <c r="HZ11" s="70">
        <v>14</v>
      </c>
      <c r="IA11" s="71">
        <v>13</v>
      </c>
      <c r="IB11" s="72">
        <v>27</v>
      </c>
      <c r="IC11" s="244"/>
      <c r="ID11" s="71">
        <v>52</v>
      </c>
      <c r="IE11" s="71">
        <v>40</v>
      </c>
      <c r="IF11" s="71">
        <v>24</v>
      </c>
      <c r="IG11" s="71">
        <v>10</v>
      </c>
      <c r="IH11" s="71">
        <v>11</v>
      </c>
      <c r="II11" s="72">
        <v>137</v>
      </c>
      <c r="IJ11" s="73">
        <v>164</v>
      </c>
      <c r="IK11" s="70">
        <v>53</v>
      </c>
      <c r="IL11" s="71">
        <v>32</v>
      </c>
      <c r="IM11" s="72">
        <v>85</v>
      </c>
      <c r="IN11" s="244"/>
      <c r="IO11" s="71">
        <v>123</v>
      </c>
      <c r="IP11" s="71">
        <v>69</v>
      </c>
      <c r="IQ11" s="71">
        <v>34</v>
      </c>
      <c r="IR11" s="71">
        <v>38</v>
      </c>
      <c r="IS11" s="71">
        <v>26</v>
      </c>
      <c r="IT11" s="72">
        <v>290</v>
      </c>
      <c r="IU11" s="73">
        <v>375</v>
      </c>
      <c r="IV11" s="70">
        <v>118</v>
      </c>
      <c r="IW11" s="71">
        <v>76</v>
      </c>
      <c r="IX11" s="72">
        <v>194</v>
      </c>
      <c r="IY11" s="244"/>
      <c r="IZ11" s="71">
        <v>190</v>
      </c>
      <c r="JA11" s="71">
        <v>114</v>
      </c>
      <c r="JB11" s="71">
        <v>69</v>
      </c>
      <c r="JC11" s="71">
        <v>64</v>
      </c>
      <c r="JD11" s="71">
        <v>29</v>
      </c>
      <c r="JE11" s="72">
        <v>466</v>
      </c>
      <c r="JF11" s="73">
        <v>660</v>
      </c>
      <c r="JG11" s="70">
        <v>79</v>
      </c>
      <c r="JH11" s="71">
        <v>54</v>
      </c>
      <c r="JI11" s="72">
        <v>133</v>
      </c>
      <c r="JJ11" s="244"/>
      <c r="JK11" s="71">
        <v>212</v>
      </c>
      <c r="JL11" s="71">
        <v>133</v>
      </c>
      <c r="JM11" s="71">
        <v>81</v>
      </c>
      <c r="JN11" s="71">
        <v>83</v>
      </c>
      <c r="JO11" s="71">
        <v>30</v>
      </c>
      <c r="JP11" s="72">
        <v>539</v>
      </c>
      <c r="JQ11" s="73">
        <v>672</v>
      </c>
      <c r="JR11" s="70">
        <v>0</v>
      </c>
      <c r="JS11" s="71">
        <v>0</v>
      </c>
      <c r="JT11" s="72">
        <v>0</v>
      </c>
      <c r="JU11" s="244"/>
      <c r="JV11" s="71">
        <v>0</v>
      </c>
      <c r="JW11" s="71">
        <v>0</v>
      </c>
      <c r="JX11" s="71">
        <v>0</v>
      </c>
      <c r="JY11" s="71">
        <v>0</v>
      </c>
      <c r="JZ11" s="71">
        <v>0</v>
      </c>
      <c r="KA11" s="72">
        <v>0</v>
      </c>
      <c r="KB11" s="73">
        <v>0</v>
      </c>
      <c r="KC11" s="70">
        <v>285</v>
      </c>
      <c r="KD11" s="71">
        <v>184</v>
      </c>
      <c r="KE11" s="72">
        <v>469</v>
      </c>
      <c r="KF11" s="244"/>
      <c r="KG11" s="71">
        <v>610</v>
      </c>
      <c r="KH11" s="71">
        <v>381</v>
      </c>
      <c r="KI11" s="71">
        <v>224</v>
      </c>
      <c r="KJ11" s="71">
        <v>205</v>
      </c>
      <c r="KK11" s="71">
        <v>100</v>
      </c>
      <c r="KL11" s="72">
        <v>1520</v>
      </c>
      <c r="KM11" s="73">
        <v>1989</v>
      </c>
    </row>
    <row r="12" spans="2:299" ht="21" customHeight="1" x14ac:dyDescent="0.2">
      <c r="B12" s="126" t="s">
        <v>8</v>
      </c>
      <c r="C12" s="315">
        <v>107</v>
      </c>
      <c r="D12" s="82">
        <v>57</v>
      </c>
      <c r="E12" s="83">
        <v>164</v>
      </c>
      <c r="F12" s="241"/>
      <c r="G12" s="82">
        <v>148</v>
      </c>
      <c r="H12" s="82">
        <v>112</v>
      </c>
      <c r="I12" s="82">
        <v>93</v>
      </c>
      <c r="J12" s="82">
        <v>57</v>
      </c>
      <c r="K12" s="82">
        <v>38</v>
      </c>
      <c r="L12" s="84">
        <v>448</v>
      </c>
      <c r="M12" s="85">
        <v>612</v>
      </c>
      <c r="N12" s="70">
        <v>4</v>
      </c>
      <c r="O12" s="71">
        <v>3</v>
      </c>
      <c r="P12" s="72">
        <v>7</v>
      </c>
      <c r="Q12" s="244"/>
      <c r="R12" s="71">
        <v>6</v>
      </c>
      <c r="S12" s="71">
        <v>3</v>
      </c>
      <c r="T12" s="71">
        <v>1</v>
      </c>
      <c r="U12" s="71">
        <v>1</v>
      </c>
      <c r="V12" s="71">
        <v>0</v>
      </c>
      <c r="W12" s="72">
        <v>11</v>
      </c>
      <c r="X12" s="73">
        <v>18</v>
      </c>
      <c r="Y12" s="70">
        <v>2</v>
      </c>
      <c r="Z12" s="71">
        <v>3</v>
      </c>
      <c r="AA12" s="72">
        <v>5</v>
      </c>
      <c r="AB12" s="244"/>
      <c r="AC12" s="71">
        <v>8</v>
      </c>
      <c r="AD12" s="71">
        <v>10</v>
      </c>
      <c r="AE12" s="71">
        <v>0</v>
      </c>
      <c r="AF12" s="71">
        <v>5</v>
      </c>
      <c r="AG12" s="71">
        <v>0</v>
      </c>
      <c r="AH12" s="72">
        <v>23</v>
      </c>
      <c r="AI12" s="73">
        <v>28</v>
      </c>
      <c r="AJ12" s="70">
        <v>8</v>
      </c>
      <c r="AK12" s="71">
        <v>4</v>
      </c>
      <c r="AL12" s="72">
        <v>12</v>
      </c>
      <c r="AM12" s="244"/>
      <c r="AN12" s="71">
        <v>15</v>
      </c>
      <c r="AO12" s="71">
        <v>10</v>
      </c>
      <c r="AP12" s="71">
        <v>6</v>
      </c>
      <c r="AQ12" s="71">
        <v>5</v>
      </c>
      <c r="AR12" s="71">
        <v>8</v>
      </c>
      <c r="AS12" s="72">
        <v>44</v>
      </c>
      <c r="AT12" s="73">
        <v>56</v>
      </c>
      <c r="AU12" s="70">
        <v>26</v>
      </c>
      <c r="AV12" s="71">
        <v>7</v>
      </c>
      <c r="AW12" s="72">
        <v>33</v>
      </c>
      <c r="AX12" s="244"/>
      <c r="AY12" s="71">
        <v>27</v>
      </c>
      <c r="AZ12" s="71">
        <v>18</v>
      </c>
      <c r="BA12" s="71">
        <v>17</v>
      </c>
      <c r="BB12" s="71">
        <v>10</v>
      </c>
      <c r="BC12" s="71">
        <v>7</v>
      </c>
      <c r="BD12" s="72">
        <v>79</v>
      </c>
      <c r="BE12" s="73">
        <v>112</v>
      </c>
      <c r="BF12" s="70">
        <v>31</v>
      </c>
      <c r="BG12" s="71">
        <v>20</v>
      </c>
      <c r="BH12" s="72">
        <v>51</v>
      </c>
      <c r="BI12" s="244"/>
      <c r="BJ12" s="71">
        <v>42</v>
      </c>
      <c r="BK12" s="71">
        <v>20</v>
      </c>
      <c r="BL12" s="71">
        <v>24</v>
      </c>
      <c r="BM12" s="71">
        <v>9</v>
      </c>
      <c r="BN12" s="71">
        <v>9</v>
      </c>
      <c r="BO12" s="72">
        <v>104</v>
      </c>
      <c r="BP12" s="73">
        <v>155</v>
      </c>
      <c r="BQ12" s="70">
        <v>36</v>
      </c>
      <c r="BR12" s="71">
        <v>20</v>
      </c>
      <c r="BS12" s="72">
        <v>56</v>
      </c>
      <c r="BT12" s="244"/>
      <c r="BU12" s="71">
        <v>50</v>
      </c>
      <c r="BV12" s="71">
        <v>51</v>
      </c>
      <c r="BW12" s="71">
        <v>45</v>
      </c>
      <c r="BX12" s="71">
        <v>27</v>
      </c>
      <c r="BY12" s="71">
        <v>14</v>
      </c>
      <c r="BZ12" s="72">
        <v>187</v>
      </c>
      <c r="CA12" s="73">
        <v>243</v>
      </c>
      <c r="CB12" s="70">
        <v>0</v>
      </c>
      <c r="CC12" s="71">
        <v>0</v>
      </c>
      <c r="CD12" s="72">
        <v>0</v>
      </c>
      <c r="CE12" s="244"/>
      <c r="CF12" s="71">
        <v>0</v>
      </c>
      <c r="CG12" s="71">
        <v>0</v>
      </c>
      <c r="CH12" s="71">
        <v>0</v>
      </c>
      <c r="CI12" s="71">
        <v>0</v>
      </c>
      <c r="CJ12" s="71">
        <v>0</v>
      </c>
      <c r="CK12" s="72">
        <v>0</v>
      </c>
      <c r="CL12" s="73">
        <v>0</v>
      </c>
      <c r="CM12" s="70">
        <v>107</v>
      </c>
      <c r="CN12" s="71">
        <v>57</v>
      </c>
      <c r="CO12" s="72">
        <v>164</v>
      </c>
      <c r="CP12" s="244"/>
      <c r="CQ12" s="71">
        <v>148</v>
      </c>
      <c r="CR12" s="71">
        <v>112</v>
      </c>
      <c r="CS12" s="71">
        <v>93</v>
      </c>
      <c r="CT12" s="71">
        <v>57</v>
      </c>
      <c r="CU12" s="71">
        <v>38</v>
      </c>
      <c r="CV12" s="72">
        <v>448</v>
      </c>
      <c r="CW12" s="73">
        <v>612</v>
      </c>
      <c r="CX12" s="123">
        <v>15</v>
      </c>
      <c r="CY12" s="82">
        <v>7</v>
      </c>
      <c r="CZ12" s="83">
        <v>22</v>
      </c>
      <c r="DA12" s="241"/>
      <c r="DB12" s="82">
        <v>20</v>
      </c>
      <c r="DC12" s="82">
        <v>28</v>
      </c>
      <c r="DD12" s="82">
        <v>11</v>
      </c>
      <c r="DE12" s="82">
        <v>12</v>
      </c>
      <c r="DF12" s="82">
        <v>5</v>
      </c>
      <c r="DG12" s="84">
        <v>76</v>
      </c>
      <c r="DH12" s="85">
        <v>98</v>
      </c>
      <c r="DI12" s="70">
        <v>2</v>
      </c>
      <c r="DJ12" s="71">
        <v>0</v>
      </c>
      <c r="DK12" s="72">
        <v>2</v>
      </c>
      <c r="DL12" s="244"/>
      <c r="DM12" s="71">
        <v>0</v>
      </c>
      <c r="DN12" s="71">
        <v>0</v>
      </c>
      <c r="DO12" s="71">
        <v>0</v>
      </c>
      <c r="DP12" s="71">
        <v>0</v>
      </c>
      <c r="DQ12" s="71">
        <v>0</v>
      </c>
      <c r="DR12" s="72">
        <v>0</v>
      </c>
      <c r="DS12" s="73">
        <v>2</v>
      </c>
      <c r="DT12" s="70">
        <v>0</v>
      </c>
      <c r="DU12" s="71">
        <v>0</v>
      </c>
      <c r="DV12" s="72">
        <v>0</v>
      </c>
      <c r="DW12" s="244"/>
      <c r="DX12" s="71">
        <v>1</v>
      </c>
      <c r="DY12" s="71">
        <v>1</v>
      </c>
      <c r="DZ12" s="71">
        <v>1</v>
      </c>
      <c r="EA12" s="71">
        <v>1</v>
      </c>
      <c r="EB12" s="71">
        <v>0</v>
      </c>
      <c r="EC12" s="72">
        <v>4</v>
      </c>
      <c r="ED12" s="73">
        <v>4</v>
      </c>
      <c r="EE12" s="70">
        <v>2</v>
      </c>
      <c r="EF12" s="71">
        <v>3</v>
      </c>
      <c r="EG12" s="72">
        <v>5</v>
      </c>
      <c r="EH12" s="244"/>
      <c r="EI12" s="71">
        <v>0</v>
      </c>
      <c r="EJ12" s="71">
        <v>2</v>
      </c>
      <c r="EK12" s="71">
        <v>1</v>
      </c>
      <c r="EL12" s="71">
        <v>1</v>
      </c>
      <c r="EM12" s="71">
        <v>0</v>
      </c>
      <c r="EN12" s="72">
        <v>4</v>
      </c>
      <c r="EO12" s="73">
        <v>9</v>
      </c>
      <c r="EP12" s="70">
        <v>3</v>
      </c>
      <c r="EQ12" s="71">
        <v>1</v>
      </c>
      <c r="ER12" s="72">
        <v>4</v>
      </c>
      <c r="ES12" s="244"/>
      <c r="ET12" s="71">
        <v>3</v>
      </c>
      <c r="EU12" s="71">
        <v>5</v>
      </c>
      <c r="EV12" s="71">
        <v>2</v>
      </c>
      <c r="EW12" s="71">
        <v>1</v>
      </c>
      <c r="EX12" s="71">
        <v>1</v>
      </c>
      <c r="EY12" s="72">
        <v>12</v>
      </c>
      <c r="EZ12" s="73">
        <v>16</v>
      </c>
      <c r="FA12" s="70">
        <v>3</v>
      </c>
      <c r="FB12" s="71">
        <v>0</v>
      </c>
      <c r="FC12" s="72">
        <v>3</v>
      </c>
      <c r="FD12" s="244"/>
      <c r="FE12" s="71">
        <v>6</v>
      </c>
      <c r="FF12" s="71">
        <v>8</v>
      </c>
      <c r="FG12" s="71">
        <v>3</v>
      </c>
      <c r="FH12" s="71">
        <v>1</v>
      </c>
      <c r="FI12" s="71">
        <v>2</v>
      </c>
      <c r="FJ12" s="72">
        <v>20</v>
      </c>
      <c r="FK12" s="73">
        <v>23</v>
      </c>
      <c r="FL12" s="70">
        <v>5</v>
      </c>
      <c r="FM12" s="71">
        <v>3</v>
      </c>
      <c r="FN12" s="72">
        <v>8</v>
      </c>
      <c r="FO12" s="244"/>
      <c r="FP12" s="71">
        <v>10</v>
      </c>
      <c r="FQ12" s="71">
        <v>12</v>
      </c>
      <c r="FR12" s="71">
        <v>4</v>
      </c>
      <c r="FS12" s="71">
        <v>8</v>
      </c>
      <c r="FT12" s="71">
        <v>2</v>
      </c>
      <c r="FU12" s="72">
        <v>36</v>
      </c>
      <c r="FV12" s="73">
        <v>44</v>
      </c>
      <c r="FW12" s="70">
        <v>0</v>
      </c>
      <c r="FX12" s="71">
        <v>0</v>
      </c>
      <c r="FY12" s="72">
        <v>0</v>
      </c>
      <c r="FZ12" s="244"/>
      <c r="GA12" s="71">
        <v>0</v>
      </c>
      <c r="GB12" s="71">
        <v>0</v>
      </c>
      <c r="GC12" s="71">
        <v>0</v>
      </c>
      <c r="GD12" s="71">
        <v>0</v>
      </c>
      <c r="GE12" s="71">
        <v>0</v>
      </c>
      <c r="GF12" s="72">
        <v>0</v>
      </c>
      <c r="GG12" s="73">
        <v>0</v>
      </c>
      <c r="GH12" s="70">
        <v>15</v>
      </c>
      <c r="GI12" s="71">
        <v>7</v>
      </c>
      <c r="GJ12" s="72">
        <v>22</v>
      </c>
      <c r="GK12" s="244"/>
      <c r="GL12" s="71">
        <v>20</v>
      </c>
      <c r="GM12" s="71">
        <v>28</v>
      </c>
      <c r="GN12" s="71">
        <v>11</v>
      </c>
      <c r="GO12" s="71">
        <v>12</v>
      </c>
      <c r="GP12" s="71">
        <v>5</v>
      </c>
      <c r="GQ12" s="72">
        <v>76</v>
      </c>
      <c r="GR12" s="73">
        <v>98</v>
      </c>
      <c r="GS12" s="123">
        <v>122</v>
      </c>
      <c r="GT12" s="82">
        <v>64</v>
      </c>
      <c r="GU12" s="83">
        <v>186</v>
      </c>
      <c r="GV12" s="241"/>
      <c r="GW12" s="82">
        <v>168</v>
      </c>
      <c r="GX12" s="82">
        <v>140</v>
      </c>
      <c r="GY12" s="82">
        <v>104</v>
      </c>
      <c r="GZ12" s="82">
        <v>69</v>
      </c>
      <c r="HA12" s="82">
        <v>43</v>
      </c>
      <c r="HB12" s="84">
        <v>524</v>
      </c>
      <c r="HC12" s="85">
        <v>710</v>
      </c>
      <c r="HD12" s="70">
        <v>6</v>
      </c>
      <c r="HE12" s="71">
        <v>3</v>
      </c>
      <c r="HF12" s="72">
        <v>9</v>
      </c>
      <c r="HG12" s="244"/>
      <c r="HH12" s="71">
        <v>6</v>
      </c>
      <c r="HI12" s="71">
        <v>3</v>
      </c>
      <c r="HJ12" s="71">
        <v>1</v>
      </c>
      <c r="HK12" s="71">
        <v>1</v>
      </c>
      <c r="HL12" s="71">
        <v>0</v>
      </c>
      <c r="HM12" s="72">
        <v>11</v>
      </c>
      <c r="HN12" s="73">
        <v>20</v>
      </c>
      <c r="HO12" s="70">
        <v>2</v>
      </c>
      <c r="HP12" s="71">
        <v>3</v>
      </c>
      <c r="HQ12" s="72">
        <v>5</v>
      </c>
      <c r="HR12" s="244"/>
      <c r="HS12" s="71">
        <v>9</v>
      </c>
      <c r="HT12" s="71">
        <v>11</v>
      </c>
      <c r="HU12" s="71">
        <v>1</v>
      </c>
      <c r="HV12" s="71">
        <v>6</v>
      </c>
      <c r="HW12" s="71">
        <v>0</v>
      </c>
      <c r="HX12" s="72">
        <v>27</v>
      </c>
      <c r="HY12" s="73">
        <v>32</v>
      </c>
      <c r="HZ12" s="70">
        <v>10</v>
      </c>
      <c r="IA12" s="71">
        <v>7</v>
      </c>
      <c r="IB12" s="72">
        <v>17</v>
      </c>
      <c r="IC12" s="244"/>
      <c r="ID12" s="71">
        <v>15</v>
      </c>
      <c r="IE12" s="71">
        <v>12</v>
      </c>
      <c r="IF12" s="71">
        <v>7</v>
      </c>
      <c r="IG12" s="71">
        <v>6</v>
      </c>
      <c r="IH12" s="71">
        <v>8</v>
      </c>
      <c r="II12" s="72">
        <v>48</v>
      </c>
      <c r="IJ12" s="73">
        <v>65</v>
      </c>
      <c r="IK12" s="70">
        <v>29</v>
      </c>
      <c r="IL12" s="71">
        <v>8</v>
      </c>
      <c r="IM12" s="72">
        <v>37</v>
      </c>
      <c r="IN12" s="244"/>
      <c r="IO12" s="71">
        <v>30</v>
      </c>
      <c r="IP12" s="71">
        <v>23</v>
      </c>
      <c r="IQ12" s="71">
        <v>19</v>
      </c>
      <c r="IR12" s="71">
        <v>11</v>
      </c>
      <c r="IS12" s="71">
        <v>8</v>
      </c>
      <c r="IT12" s="72">
        <v>91</v>
      </c>
      <c r="IU12" s="73">
        <v>128</v>
      </c>
      <c r="IV12" s="70">
        <v>34</v>
      </c>
      <c r="IW12" s="71">
        <v>20</v>
      </c>
      <c r="IX12" s="72">
        <v>54</v>
      </c>
      <c r="IY12" s="244"/>
      <c r="IZ12" s="71">
        <v>48</v>
      </c>
      <c r="JA12" s="71">
        <v>28</v>
      </c>
      <c r="JB12" s="71">
        <v>27</v>
      </c>
      <c r="JC12" s="71">
        <v>10</v>
      </c>
      <c r="JD12" s="71">
        <v>11</v>
      </c>
      <c r="JE12" s="72">
        <v>124</v>
      </c>
      <c r="JF12" s="73">
        <v>178</v>
      </c>
      <c r="JG12" s="70">
        <v>41</v>
      </c>
      <c r="JH12" s="71">
        <v>23</v>
      </c>
      <c r="JI12" s="72">
        <v>64</v>
      </c>
      <c r="JJ12" s="244"/>
      <c r="JK12" s="71">
        <v>60</v>
      </c>
      <c r="JL12" s="71">
        <v>63</v>
      </c>
      <c r="JM12" s="71">
        <v>49</v>
      </c>
      <c r="JN12" s="71">
        <v>35</v>
      </c>
      <c r="JO12" s="71">
        <v>16</v>
      </c>
      <c r="JP12" s="72">
        <v>223</v>
      </c>
      <c r="JQ12" s="73">
        <v>287</v>
      </c>
      <c r="JR12" s="70">
        <v>0</v>
      </c>
      <c r="JS12" s="71">
        <v>0</v>
      </c>
      <c r="JT12" s="72">
        <v>0</v>
      </c>
      <c r="JU12" s="244"/>
      <c r="JV12" s="71">
        <v>0</v>
      </c>
      <c r="JW12" s="71">
        <v>0</v>
      </c>
      <c r="JX12" s="71">
        <v>0</v>
      </c>
      <c r="JY12" s="71">
        <v>0</v>
      </c>
      <c r="JZ12" s="71">
        <v>0</v>
      </c>
      <c r="KA12" s="72">
        <v>0</v>
      </c>
      <c r="KB12" s="73">
        <v>0</v>
      </c>
      <c r="KC12" s="70">
        <v>122</v>
      </c>
      <c r="KD12" s="71">
        <v>64</v>
      </c>
      <c r="KE12" s="72">
        <v>186</v>
      </c>
      <c r="KF12" s="244"/>
      <c r="KG12" s="71">
        <v>168</v>
      </c>
      <c r="KH12" s="71">
        <v>140</v>
      </c>
      <c r="KI12" s="71">
        <v>104</v>
      </c>
      <c r="KJ12" s="71">
        <v>69</v>
      </c>
      <c r="KK12" s="71">
        <v>43</v>
      </c>
      <c r="KL12" s="72">
        <v>524</v>
      </c>
      <c r="KM12" s="73">
        <v>710</v>
      </c>
    </row>
    <row r="13" spans="2:299" ht="21" customHeight="1" x14ac:dyDescent="0.2">
      <c r="B13" s="126" t="s">
        <v>9</v>
      </c>
      <c r="C13" s="315">
        <v>182</v>
      </c>
      <c r="D13" s="82">
        <v>113</v>
      </c>
      <c r="E13" s="83">
        <v>295</v>
      </c>
      <c r="F13" s="241"/>
      <c r="G13" s="82">
        <v>214</v>
      </c>
      <c r="H13" s="82">
        <v>149</v>
      </c>
      <c r="I13" s="82">
        <v>122</v>
      </c>
      <c r="J13" s="82">
        <v>99</v>
      </c>
      <c r="K13" s="82">
        <v>54</v>
      </c>
      <c r="L13" s="84">
        <v>638</v>
      </c>
      <c r="M13" s="85">
        <v>933</v>
      </c>
      <c r="N13" s="70">
        <v>2</v>
      </c>
      <c r="O13" s="71">
        <v>1</v>
      </c>
      <c r="P13" s="72">
        <v>3</v>
      </c>
      <c r="Q13" s="244"/>
      <c r="R13" s="71">
        <v>0</v>
      </c>
      <c r="S13" s="71">
        <v>2</v>
      </c>
      <c r="T13" s="71">
        <v>1</v>
      </c>
      <c r="U13" s="71">
        <v>0</v>
      </c>
      <c r="V13" s="71">
        <v>0</v>
      </c>
      <c r="W13" s="72">
        <v>3</v>
      </c>
      <c r="X13" s="73">
        <v>6</v>
      </c>
      <c r="Y13" s="70">
        <v>8</v>
      </c>
      <c r="Z13" s="71">
        <v>4</v>
      </c>
      <c r="AA13" s="72">
        <v>12</v>
      </c>
      <c r="AB13" s="244"/>
      <c r="AC13" s="71">
        <v>4</v>
      </c>
      <c r="AD13" s="71">
        <v>5</v>
      </c>
      <c r="AE13" s="71">
        <v>1</v>
      </c>
      <c r="AF13" s="71">
        <v>2</v>
      </c>
      <c r="AG13" s="71">
        <v>2</v>
      </c>
      <c r="AH13" s="72">
        <v>14</v>
      </c>
      <c r="AI13" s="73">
        <v>26</v>
      </c>
      <c r="AJ13" s="70">
        <v>15</v>
      </c>
      <c r="AK13" s="71">
        <v>6</v>
      </c>
      <c r="AL13" s="72">
        <v>21</v>
      </c>
      <c r="AM13" s="244"/>
      <c r="AN13" s="71">
        <v>13</v>
      </c>
      <c r="AO13" s="71">
        <v>8</v>
      </c>
      <c r="AP13" s="71">
        <v>10</v>
      </c>
      <c r="AQ13" s="71">
        <v>5</v>
      </c>
      <c r="AR13" s="71">
        <v>8</v>
      </c>
      <c r="AS13" s="72">
        <v>44</v>
      </c>
      <c r="AT13" s="73">
        <v>65</v>
      </c>
      <c r="AU13" s="70">
        <v>33</v>
      </c>
      <c r="AV13" s="71">
        <v>23</v>
      </c>
      <c r="AW13" s="72">
        <v>56</v>
      </c>
      <c r="AX13" s="244"/>
      <c r="AY13" s="71">
        <v>27</v>
      </c>
      <c r="AZ13" s="71">
        <v>22</v>
      </c>
      <c r="BA13" s="71">
        <v>9</v>
      </c>
      <c r="BB13" s="71">
        <v>12</v>
      </c>
      <c r="BC13" s="71">
        <v>7</v>
      </c>
      <c r="BD13" s="72">
        <v>77</v>
      </c>
      <c r="BE13" s="73">
        <v>133</v>
      </c>
      <c r="BF13" s="70">
        <v>67</v>
      </c>
      <c r="BG13" s="71">
        <v>37</v>
      </c>
      <c r="BH13" s="72">
        <v>104</v>
      </c>
      <c r="BI13" s="244"/>
      <c r="BJ13" s="71">
        <v>86</v>
      </c>
      <c r="BK13" s="71">
        <v>49</v>
      </c>
      <c r="BL13" s="71">
        <v>40</v>
      </c>
      <c r="BM13" s="71">
        <v>35</v>
      </c>
      <c r="BN13" s="71">
        <v>10</v>
      </c>
      <c r="BO13" s="72">
        <v>220</v>
      </c>
      <c r="BP13" s="73">
        <v>324</v>
      </c>
      <c r="BQ13" s="70">
        <v>57</v>
      </c>
      <c r="BR13" s="71">
        <v>42</v>
      </c>
      <c r="BS13" s="72">
        <v>99</v>
      </c>
      <c r="BT13" s="244"/>
      <c r="BU13" s="71">
        <v>84</v>
      </c>
      <c r="BV13" s="71">
        <v>63</v>
      </c>
      <c r="BW13" s="71">
        <v>61</v>
      </c>
      <c r="BX13" s="71">
        <v>45</v>
      </c>
      <c r="BY13" s="71">
        <v>27</v>
      </c>
      <c r="BZ13" s="72">
        <v>280</v>
      </c>
      <c r="CA13" s="73">
        <v>379</v>
      </c>
      <c r="CB13" s="70">
        <v>0</v>
      </c>
      <c r="CC13" s="71">
        <v>0</v>
      </c>
      <c r="CD13" s="72">
        <v>0</v>
      </c>
      <c r="CE13" s="244"/>
      <c r="CF13" s="71">
        <v>0</v>
      </c>
      <c r="CG13" s="71">
        <v>0</v>
      </c>
      <c r="CH13" s="71">
        <v>0</v>
      </c>
      <c r="CI13" s="71">
        <v>0</v>
      </c>
      <c r="CJ13" s="71">
        <v>0</v>
      </c>
      <c r="CK13" s="72">
        <v>0</v>
      </c>
      <c r="CL13" s="73">
        <v>0</v>
      </c>
      <c r="CM13" s="70">
        <v>182</v>
      </c>
      <c r="CN13" s="71">
        <v>113</v>
      </c>
      <c r="CO13" s="72">
        <v>295</v>
      </c>
      <c r="CP13" s="244"/>
      <c r="CQ13" s="71">
        <v>214</v>
      </c>
      <c r="CR13" s="71">
        <v>149</v>
      </c>
      <c r="CS13" s="71">
        <v>122</v>
      </c>
      <c r="CT13" s="71">
        <v>99</v>
      </c>
      <c r="CU13" s="71">
        <v>54</v>
      </c>
      <c r="CV13" s="72">
        <v>638</v>
      </c>
      <c r="CW13" s="73">
        <v>933</v>
      </c>
      <c r="CX13" s="123">
        <v>31</v>
      </c>
      <c r="CY13" s="82">
        <v>21</v>
      </c>
      <c r="CZ13" s="83">
        <v>52</v>
      </c>
      <c r="DA13" s="241"/>
      <c r="DB13" s="82">
        <v>31</v>
      </c>
      <c r="DC13" s="82">
        <v>17</v>
      </c>
      <c r="DD13" s="82">
        <v>22</v>
      </c>
      <c r="DE13" s="82">
        <v>15</v>
      </c>
      <c r="DF13" s="82">
        <v>12</v>
      </c>
      <c r="DG13" s="84">
        <v>97</v>
      </c>
      <c r="DH13" s="85">
        <v>149</v>
      </c>
      <c r="DI13" s="70">
        <v>2</v>
      </c>
      <c r="DJ13" s="71">
        <v>0</v>
      </c>
      <c r="DK13" s="72">
        <v>2</v>
      </c>
      <c r="DL13" s="244"/>
      <c r="DM13" s="71">
        <v>0</v>
      </c>
      <c r="DN13" s="71">
        <v>0</v>
      </c>
      <c r="DO13" s="71">
        <v>1</v>
      </c>
      <c r="DP13" s="71">
        <v>0</v>
      </c>
      <c r="DQ13" s="71">
        <v>0</v>
      </c>
      <c r="DR13" s="72">
        <v>1</v>
      </c>
      <c r="DS13" s="73">
        <v>3</v>
      </c>
      <c r="DT13" s="70">
        <v>2</v>
      </c>
      <c r="DU13" s="71">
        <v>4</v>
      </c>
      <c r="DV13" s="72">
        <v>6</v>
      </c>
      <c r="DW13" s="244"/>
      <c r="DX13" s="71">
        <v>0</v>
      </c>
      <c r="DY13" s="71">
        <v>1</v>
      </c>
      <c r="DZ13" s="71">
        <v>1</v>
      </c>
      <c r="EA13" s="71">
        <v>0</v>
      </c>
      <c r="EB13" s="71">
        <v>0</v>
      </c>
      <c r="EC13" s="72">
        <v>2</v>
      </c>
      <c r="ED13" s="73">
        <v>8</v>
      </c>
      <c r="EE13" s="70">
        <v>5</v>
      </c>
      <c r="EF13" s="71">
        <v>0</v>
      </c>
      <c r="EG13" s="72">
        <v>5</v>
      </c>
      <c r="EH13" s="244"/>
      <c r="EI13" s="71">
        <v>4</v>
      </c>
      <c r="EJ13" s="71">
        <v>0</v>
      </c>
      <c r="EK13" s="71">
        <v>3</v>
      </c>
      <c r="EL13" s="71">
        <v>1</v>
      </c>
      <c r="EM13" s="71">
        <v>1</v>
      </c>
      <c r="EN13" s="72">
        <v>9</v>
      </c>
      <c r="EO13" s="73">
        <v>14</v>
      </c>
      <c r="EP13" s="70">
        <v>8</v>
      </c>
      <c r="EQ13" s="71">
        <v>5</v>
      </c>
      <c r="ER13" s="72">
        <v>13</v>
      </c>
      <c r="ES13" s="244"/>
      <c r="ET13" s="71">
        <v>8</v>
      </c>
      <c r="EU13" s="71">
        <v>2</v>
      </c>
      <c r="EV13" s="71">
        <v>0</v>
      </c>
      <c r="EW13" s="71">
        <v>1</v>
      </c>
      <c r="EX13" s="71">
        <v>1</v>
      </c>
      <c r="EY13" s="72">
        <v>12</v>
      </c>
      <c r="EZ13" s="73">
        <v>25</v>
      </c>
      <c r="FA13" s="70">
        <v>7</v>
      </c>
      <c r="FB13" s="71">
        <v>9</v>
      </c>
      <c r="FC13" s="72">
        <v>16</v>
      </c>
      <c r="FD13" s="244"/>
      <c r="FE13" s="71">
        <v>7</v>
      </c>
      <c r="FF13" s="71">
        <v>5</v>
      </c>
      <c r="FG13" s="71">
        <v>4</v>
      </c>
      <c r="FH13" s="71">
        <v>4</v>
      </c>
      <c r="FI13" s="71">
        <v>7</v>
      </c>
      <c r="FJ13" s="72">
        <v>27</v>
      </c>
      <c r="FK13" s="73">
        <v>43</v>
      </c>
      <c r="FL13" s="70">
        <v>7</v>
      </c>
      <c r="FM13" s="71">
        <v>3</v>
      </c>
      <c r="FN13" s="72">
        <v>10</v>
      </c>
      <c r="FO13" s="244"/>
      <c r="FP13" s="71">
        <v>12</v>
      </c>
      <c r="FQ13" s="71">
        <v>9</v>
      </c>
      <c r="FR13" s="71">
        <v>13</v>
      </c>
      <c r="FS13" s="71">
        <v>9</v>
      </c>
      <c r="FT13" s="71">
        <v>3</v>
      </c>
      <c r="FU13" s="72">
        <v>46</v>
      </c>
      <c r="FV13" s="73">
        <v>56</v>
      </c>
      <c r="FW13" s="70">
        <v>0</v>
      </c>
      <c r="FX13" s="71">
        <v>0</v>
      </c>
      <c r="FY13" s="72">
        <v>0</v>
      </c>
      <c r="FZ13" s="244"/>
      <c r="GA13" s="71">
        <v>0</v>
      </c>
      <c r="GB13" s="71">
        <v>0</v>
      </c>
      <c r="GC13" s="71">
        <v>0</v>
      </c>
      <c r="GD13" s="71">
        <v>0</v>
      </c>
      <c r="GE13" s="71">
        <v>0</v>
      </c>
      <c r="GF13" s="72">
        <v>0</v>
      </c>
      <c r="GG13" s="73">
        <v>0</v>
      </c>
      <c r="GH13" s="70">
        <v>31</v>
      </c>
      <c r="GI13" s="71">
        <v>21</v>
      </c>
      <c r="GJ13" s="72">
        <v>52</v>
      </c>
      <c r="GK13" s="244"/>
      <c r="GL13" s="71">
        <v>31</v>
      </c>
      <c r="GM13" s="71">
        <v>17</v>
      </c>
      <c r="GN13" s="71">
        <v>22</v>
      </c>
      <c r="GO13" s="71">
        <v>15</v>
      </c>
      <c r="GP13" s="71">
        <v>12</v>
      </c>
      <c r="GQ13" s="72">
        <v>97</v>
      </c>
      <c r="GR13" s="73">
        <v>149</v>
      </c>
      <c r="GS13" s="123">
        <v>213</v>
      </c>
      <c r="GT13" s="82">
        <v>134</v>
      </c>
      <c r="GU13" s="83">
        <v>347</v>
      </c>
      <c r="GV13" s="241"/>
      <c r="GW13" s="82">
        <v>245</v>
      </c>
      <c r="GX13" s="82">
        <v>166</v>
      </c>
      <c r="GY13" s="82">
        <v>144</v>
      </c>
      <c r="GZ13" s="82">
        <v>114</v>
      </c>
      <c r="HA13" s="82">
        <v>66</v>
      </c>
      <c r="HB13" s="84">
        <v>735</v>
      </c>
      <c r="HC13" s="85">
        <v>1082</v>
      </c>
      <c r="HD13" s="70">
        <v>4</v>
      </c>
      <c r="HE13" s="71">
        <v>1</v>
      </c>
      <c r="HF13" s="72">
        <v>5</v>
      </c>
      <c r="HG13" s="244"/>
      <c r="HH13" s="71">
        <v>0</v>
      </c>
      <c r="HI13" s="71">
        <v>2</v>
      </c>
      <c r="HJ13" s="71">
        <v>2</v>
      </c>
      <c r="HK13" s="71">
        <v>0</v>
      </c>
      <c r="HL13" s="71">
        <v>0</v>
      </c>
      <c r="HM13" s="72">
        <v>4</v>
      </c>
      <c r="HN13" s="73">
        <v>9</v>
      </c>
      <c r="HO13" s="70">
        <v>10</v>
      </c>
      <c r="HP13" s="71">
        <v>8</v>
      </c>
      <c r="HQ13" s="72">
        <v>18</v>
      </c>
      <c r="HR13" s="244"/>
      <c r="HS13" s="71">
        <v>4</v>
      </c>
      <c r="HT13" s="71">
        <v>6</v>
      </c>
      <c r="HU13" s="71">
        <v>2</v>
      </c>
      <c r="HV13" s="71">
        <v>2</v>
      </c>
      <c r="HW13" s="71">
        <v>2</v>
      </c>
      <c r="HX13" s="72">
        <v>16</v>
      </c>
      <c r="HY13" s="73">
        <v>34</v>
      </c>
      <c r="HZ13" s="70">
        <v>20</v>
      </c>
      <c r="IA13" s="71">
        <v>6</v>
      </c>
      <c r="IB13" s="72">
        <v>26</v>
      </c>
      <c r="IC13" s="244"/>
      <c r="ID13" s="71">
        <v>17</v>
      </c>
      <c r="IE13" s="71">
        <v>8</v>
      </c>
      <c r="IF13" s="71">
        <v>13</v>
      </c>
      <c r="IG13" s="71">
        <v>6</v>
      </c>
      <c r="IH13" s="71">
        <v>9</v>
      </c>
      <c r="II13" s="72">
        <v>53</v>
      </c>
      <c r="IJ13" s="73">
        <v>79</v>
      </c>
      <c r="IK13" s="70">
        <v>41</v>
      </c>
      <c r="IL13" s="71">
        <v>28</v>
      </c>
      <c r="IM13" s="72">
        <v>69</v>
      </c>
      <c r="IN13" s="244"/>
      <c r="IO13" s="71">
        <v>35</v>
      </c>
      <c r="IP13" s="71">
        <v>24</v>
      </c>
      <c r="IQ13" s="71">
        <v>9</v>
      </c>
      <c r="IR13" s="71">
        <v>13</v>
      </c>
      <c r="IS13" s="71">
        <v>8</v>
      </c>
      <c r="IT13" s="72">
        <v>89</v>
      </c>
      <c r="IU13" s="73">
        <v>158</v>
      </c>
      <c r="IV13" s="70">
        <v>74</v>
      </c>
      <c r="IW13" s="71">
        <v>46</v>
      </c>
      <c r="IX13" s="72">
        <v>120</v>
      </c>
      <c r="IY13" s="244"/>
      <c r="IZ13" s="71">
        <v>93</v>
      </c>
      <c r="JA13" s="71">
        <v>54</v>
      </c>
      <c r="JB13" s="71">
        <v>44</v>
      </c>
      <c r="JC13" s="71">
        <v>39</v>
      </c>
      <c r="JD13" s="71">
        <v>17</v>
      </c>
      <c r="JE13" s="72">
        <v>247</v>
      </c>
      <c r="JF13" s="73">
        <v>367</v>
      </c>
      <c r="JG13" s="70">
        <v>64</v>
      </c>
      <c r="JH13" s="71">
        <v>45</v>
      </c>
      <c r="JI13" s="72">
        <v>109</v>
      </c>
      <c r="JJ13" s="244"/>
      <c r="JK13" s="71">
        <v>96</v>
      </c>
      <c r="JL13" s="71">
        <v>72</v>
      </c>
      <c r="JM13" s="71">
        <v>74</v>
      </c>
      <c r="JN13" s="71">
        <v>54</v>
      </c>
      <c r="JO13" s="71">
        <v>30</v>
      </c>
      <c r="JP13" s="72">
        <v>326</v>
      </c>
      <c r="JQ13" s="73">
        <v>435</v>
      </c>
      <c r="JR13" s="70">
        <v>0</v>
      </c>
      <c r="JS13" s="71">
        <v>0</v>
      </c>
      <c r="JT13" s="72">
        <v>0</v>
      </c>
      <c r="JU13" s="244"/>
      <c r="JV13" s="71">
        <v>0</v>
      </c>
      <c r="JW13" s="71">
        <v>0</v>
      </c>
      <c r="JX13" s="71">
        <v>0</v>
      </c>
      <c r="JY13" s="71">
        <v>0</v>
      </c>
      <c r="JZ13" s="71">
        <v>0</v>
      </c>
      <c r="KA13" s="72">
        <v>0</v>
      </c>
      <c r="KB13" s="73">
        <v>0</v>
      </c>
      <c r="KC13" s="70">
        <v>213</v>
      </c>
      <c r="KD13" s="71">
        <v>134</v>
      </c>
      <c r="KE13" s="72">
        <v>347</v>
      </c>
      <c r="KF13" s="244"/>
      <c r="KG13" s="71">
        <v>245</v>
      </c>
      <c r="KH13" s="71">
        <v>166</v>
      </c>
      <c r="KI13" s="71">
        <v>144</v>
      </c>
      <c r="KJ13" s="71">
        <v>114</v>
      </c>
      <c r="KK13" s="71">
        <v>66</v>
      </c>
      <c r="KL13" s="72">
        <v>735</v>
      </c>
      <c r="KM13" s="73">
        <v>1082</v>
      </c>
    </row>
    <row r="14" spans="2:299" ht="21" customHeight="1" x14ac:dyDescent="0.2">
      <c r="B14" s="126" t="s">
        <v>10</v>
      </c>
      <c r="C14" s="315">
        <v>348</v>
      </c>
      <c r="D14" s="82">
        <v>203</v>
      </c>
      <c r="E14" s="83">
        <v>551</v>
      </c>
      <c r="F14" s="241"/>
      <c r="G14" s="82">
        <v>338</v>
      </c>
      <c r="H14" s="82">
        <v>198</v>
      </c>
      <c r="I14" s="82">
        <v>142</v>
      </c>
      <c r="J14" s="82">
        <v>142</v>
      </c>
      <c r="K14" s="82">
        <v>77</v>
      </c>
      <c r="L14" s="84">
        <v>897</v>
      </c>
      <c r="M14" s="85">
        <v>1448</v>
      </c>
      <c r="N14" s="70">
        <v>2</v>
      </c>
      <c r="O14" s="71">
        <v>3</v>
      </c>
      <c r="P14" s="72">
        <v>5</v>
      </c>
      <c r="Q14" s="244"/>
      <c r="R14" s="71">
        <v>4</v>
      </c>
      <c r="S14" s="71">
        <v>6</v>
      </c>
      <c r="T14" s="71">
        <v>2</v>
      </c>
      <c r="U14" s="71">
        <v>1</v>
      </c>
      <c r="V14" s="71">
        <v>1</v>
      </c>
      <c r="W14" s="72">
        <v>14</v>
      </c>
      <c r="X14" s="73">
        <v>19</v>
      </c>
      <c r="Y14" s="70">
        <v>9</v>
      </c>
      <c r="Z14" s="71">
        <v>8</v>
      </c>
      <c r="AA14" s="72">
        <v>17</v>
      </c>
      <c r="AB14" s="244"/>
      <c r="AC14" s="71">
        <v>18</v>
      </c>
      <c r="AD14" s="71">
        <v>7</v>
      </c>
      <c r="AE14" s="71">
        <v>3</v>
      </c>
      <c r="AF14" s="71">
        <v>9</v>
      </c>
      <c r="AG14" s="71">
        <v>5</v>
      </c>
      <c r="AH14" s="72">
        <v>42</v>
      </c>
      <c r="AI14" s="73">
        <v>59</v>
      </c>
      <c r="AJ14" s="70">
        <v>24</v>
      </c>
      <c r="AK14" s="71">
        <v>11</v>
      </c>
      <c r="AL14" s="72">
        <v>35</v>
      </c>
      <c r="AM14" s="244"/>
      <c r="AN14" s="71">
        <v>21</v>
      </c>
      <c r="AO14" s="71">
        <v>12</v>
      </c>
      <c r="AP14" s="71">
        <v>11</v>
      </c>
      <c r="AQ14" s="71">
        <v>10</v>
      </c>
      <c r="AR14" s="71">
        <v>6</v>
      </c>
      <c r="AS14" s="72">
        <v>60</v>
      </c>
      <c r="AT14" s="73">
        <v>95</v>
      </c>
      <c r="AU14" s="70">
        <v>77</v>
      </c>
      <c r="AV14" s="71">
        <v>52</v>
      </c>
      <c r="AW14" s="72">
        <v>129</v>
      </c>
      <c r="AX14" s="244"/>
      <c r="AY14" s="71">
        <v>69</v>
      </c>
      <c r="AZ14" s="71">
        <v>28</v>
      </c>
      <c r="BA14" s="71">
        <v>16</v>
      </c>
      <c r="BB14" s="71">
        <v>22</v>
      </c>
      <c r="BC14" s="71">
        <v>14</v>
      </c>
      <c r="BD14" s="72">
        <v>149</v>
      </c>
      <c r="BE14" s="73">
        <v>278</v>
      </c>
      <c r="BF14" s="70">
        <v>142</v>
      </c>
      <c r="BG14" s="71">
        <v>67</v>
      </c>
      <c r="BH14" s="72">
        <v>209</v>
      </c>
      <c r="BI14" s="244"/>
      <c r="BJ14" s="71">
        <v>112</v>
      </c>
      <c r="BK14" s="71">
        <v>63</v>
      </c>
      <c r="BL14" s="71">
        <v>40</v>
      </c>
      <c r="BM14" s="71">
        <v>48</v>
      </c>
      <c r="BN14" s="71">
        <v>24</v>
      </c>
      <c r="BO14" s="72">
        <v>287</v>
      </c>
      <c r="BP14" s="73">
        <v>496</v>
      </c>
      <c r="BQ14" s="70">
        <v>94</v>
      </c>
      <c r="BR14" s="71">
        <v>62</v>
      </c>
      <c r="BS14" s="72">
        <v>156</v>
      </c>
      <c r="BT14" s="244"/>
      <c r="BU14" s="71">
        <v>114</v>
      </c>
      <c r="BV14" s="71">
        <v>82</v>
      </c>
      <c r="BW14" s="71">
        <v>70</v>
      </c>
      <c r="BX14" s="71">
        <v>52</v>
      </c>
      <c r="BY14" s="71">
        <v>27</v>
      </c>
      <c r="BZ14" s="72">
        <v>345</v>
      </c>
      <c r="CA14" s="73">
        <v>501</v>
      </c>
      <c r="CB14" s="70">
        <v>0</v>
      </c>
      <c r="CC14" s="71">
        <v>0</v>
      </c>
      <c r="CD14" s="72">
        <v>0</v>
      </c>
      <c r="CE14" s="244"/>
      <c r="CF14" s="71">
        <v>0</v>
      </c>
      <c r="CG14" s="71">
        <v>0</v>
      </c>
      <c r="CH14" s="71">
        <v>0</v>
      </c>
      <c r="CI14" s="71">
        <v>0</v>
      </c>
      <c r="CJ14" s="71">
        <v>0</v>
      </c>
      <c r="CK14" s="72">
        <v>0</v>
      </c>
      <c r="CL14" s="73">
        <v>0</v>
      </c>
      <c r="CM14" s="70">
        <v>348</v>
      </c>
      <c r="CN14" s="71">
        <v>203</v>
      </c>
      <c r="CO14" s="72">
        <v>551</v>
      </c>
      <c r="CP14" s="244"/>
      <c r="CQ14" s="71">
        <v>338</v>
      </c>
      <c r="CR14" s="71">
        <v>198</v>
      </c>
      <c r="CS14" s="71">
        <v>142</v>
      </c>
      <c r="CT14" s="71">
        <v>142</v>
      </c>
      <c r="CU14" s="71">
        <v>77</v>
      </c>
      <c r="CV14" s="72">
        <v>897</v>
      </c>
      <c r="CW14" s="73">
        <v>1448</v>
      </c>
      <c r="CX14" s="123">
        <v>44</v>
      </c>
      <c r="CY14" s="82">
        <v>38</v>
      </c>
      <c r="CZ14" s="83">
        <v>82</v>
      </c>
      <c r="DA14" s="241"/>
      <c r="DB14" s="82">
        <v>49</v>
      </c>
      <c r="DC14" s="82">
        <v>21</v>
      </c>
      <c r="DD14" s="82">
        <v>22</v>
      </c>
      <c r="DE14" s="82">
        <v>17</v>
      </c>
      <c r="DF14" s="82">
        <v>19</v>
      </c>
      <c r="DG14" s="84">
        <v>128</v>
      </c>
      <c r="DH14" s="85">
        <v>210</v>
      </c>
      <c r="DI14" s="70">
        <v>0</v>
      </c>
      <c r="DJ14" s="71">
        <v>2</v>
      </c>
      <c r="DK14" s="72">
        <v>2</v>
      </c>
      <c r="DL14" s="244"/>
      <c r="DM14" s="71">
        <v>1</v>
      </c>
      <c r="DN14" s="71">
        <v>0</v>
      </c>
      <c r="DO14" s="71">
        <v>0</v>
      </c>
      <c r="DP14" s="71">
        <v>0</v>
      </c>
      <c r="DQ14" s="71">
        <v>0</v>
      </c>
      <c r="DR14" s="72">
        <v>1</v>
      </c>
      <c r="DS14" s="73">
        <v>3</v>
      </c>
      <c r="DT14" s="70">
        <v>2</v>
      </c>
      <c r="DU14" s="71">
        <v>0</v>
      </c>
      <c r="DV14" s="72">
        <v>2</v>
      </c>
      <c r="DW14" s="244"/>
      <c r="DX14" s="71">
        <v>2</v>
      </c>
      <c r="DY14" s="71">
        <v>1</v>
      </c>
      <c r="DZ14" s="71">
        <v>0</v>
      </c>
      <c r="EA14" s="71">
        <v>0</v>
      </c>
      <c r="EB14" s="71">
        <v>0</v>
      </c>
      <c r="EC14" s="72">
        <v>3</v>
      </c>
      <c r="ED14" s="73">
        <v>5</v>
      </c>
      <c r="EE14" s="70">
        <v>4</v>
      </c>
      <c r="EF14" s="71">
        <v>2</v>
      </c>
      <c r="EG14" s="72">
        <v>6</v>
      </c>
      <c r="EH14" s="244"/>
      <c r="EI14" s="71">
        <v>3</v>
      </c>
      <c r="EJ14" s="71">
        <v>2</v>
      </c>
      <c r="EK14" s="71">
        <v>1</v>
      </c>
      <c r="EL14" s="71">
        <v>1</v>
      </c>
      <c r="EM14" s="71">
        <v>1</v>
      </c>
      <c r="EN14" s="72">
        <v>8</v>
      </c>
      <c r="EO14" s="73">
        <v>14</v>
      </c>
      <c r="EP14" s="70">
        <v>9</v>
      </c>
      <c r="EQ14" s="71">
        <v>7</v>
      </c>
      <c r="ER14" s="72">
        <v>16</v>
      </c>
      <c r="ES14" s="244"/>
      <c r="ET14" s="71">
        <v>9</v>
      </c>
      <c r="EU14" s="71">
        <v>4</v>
      </c>
      <c r="EV14" s="71">
        <v>4</v>
      </c>
      <c r="EW14" s="71">
        <v>4</v>
      </c>
      <c r="EX14" s="71">
        <v>2</v>
      </c>
      <c r="EY14" s="72">
        <v>23</v>
      </c>
      <c r="EZ14" s="73">
        <v>39</v>
      </c>
      <c r="FA14" s="70">
        <v>20</v>
      </c>
      <c r="FB14" s="71">
        <v>17</v>
      </c>
      <c r="FC14" s="72">
        <v>37</v>
      </c>
      <c r="FD14" s="244"/>
      <c r="FE14" s="71">
        <v>13</v>
      </c>
      <c r="FF14" s="71">
        <v>5</v>
      </c>
      <c r="FG14" s="71">
        <v>6</v>
      </c>
      <c r="FH14" s="71">
        <v>3</v>
      </c>
      <c r="FI14" s="71">
        <v>5</v>
      </c>
      <c r="FJ14" s="72">
        <v>32</v>
      </c>
      <c r="FK14" s="73">
        <v>69</v>
      </c>
      <c r="FL14" s="70">
        <v>9</v>
      </c>
      <c r="FM14" s="71">
        <v>10</v>
      </c>
      <c r="FN14" s="72">
        <v>19</v>
      </c>
      <c r="FO14" s="244"/>
      <c r="FP14" s="71">
        <v>21</v>
      </c>
      <c r="FQ14" s="71">
        <v>9</v>
      </c>
      <c r="FR14" s="71">
        <v>11</v>
      </c>
      <c r="FS14" s="71">
        <v>9</v>
      </c>
      <c r="FT14" s="71">
        <v>11</v>
      </c>
      <c r="FU14" s="72">
        <v>61</v>
      </c>
      <c r="FV14" s="73">
        <v>80</v>
      </c>
      <c r="FW14" s="70">
        <v>0</v>
      </c>
      <c r="FX14" s="71">
        <v>0</v>
      </c>
      <c r="FY14" s="72">
        <v>0</v>
      </c>
      <c r="FZ14" s="244"/>
      <c r="GA14" s="71">
        <v>0</v>
      </c>
      <c r="GB14" s="71">
        <v>0</v>
      </c>
      <c r="GC14" s="71">
        <v>0</v>
      </c>
      <c r="GD14" s="71">
        <v>0</v>
      </c>
      <c r="GE14" s="71">
        <v>0</v>
      </c>
      <c r="GF14" s="72">
        <v>0</v>
      </c>
      <c r="GG14" s="73">
        <v>0</v>
      </c>
      <c r="GH14" s="70">
        <v>44</v>
      </c>
      <c r="GI14" s="71">
        <v>38</v>
      </c>
      <c r="GJ14" s="72">
        <v>82</v>
      </c>
      <c r="GK14" s="244"/>
      <c r="GL14" s="71">
        <v>49</v>
      </c>
      <c r="GM14" s="71">
        <v>21</v>
      </c>
      <c r="GN14" s="71">
        <v>22</v>
      </c>
      <c r="GO14" s="71">
        <v>17</v>
      </c>
      <c r="GP14" s="71">
        <v>19</v>
      </c>
      <c r="GQ14" s="72">
        <v>128</v>
      </c>
      <c r="GR14" s="73">
        <v>210</v>
      </c>
      <c r="GS14" s="123">
        <v>392</v>
      </c>
      <c r="GT14" s="82">
        <v>241</v>
      </c>
      <c r="GU14" s="83">
        <v>633</v>
      </c>
      <c r="GV14" s="241"/>
      <c r="GW14" s="82">
        <v>387</v>
      </c>
      <c r="GX14" s="82">
        <v>219</v>
      </c>
      <c r="GY14" s="82">
        <v>164</v>
      </c>
      <c r="GZ14" s="82">
        <v>159</v>
      </c>
      <c r="HA14" s="82">
        <v>96</v>
      </c>
      <c r="HB14" s="84">
        <v>1025</v>
      </c>
      <c r="HC14" s="85">
        <v>1658</v>
      </c>
      <c r="HD14" s="70">
        <v>2</v>
      </c>
      <c r="HE14" s="71">
        <v>5</v>
      </c>
      <c r="HF14" s="72">
        <v>7</v>
      </c>
      <c r="HG14" s="244"/>
      <c r="HH14" s="71">
        <v>5</v>
      </c>
      <c r="HI14" s="71">
        <v>6</v>
      </c>
      <c r="HJ14" s="71">
        <v>2</v>
      </c>
      <c r="HK14" s="71">
        <v>1</v>
      </c>
      <c r="HL14" s="71">
        <v>1</v>
      </c>
      <c r="HM14" s="72">
        <v>15</v>
      </c>
      <c r="HN14" s="73">
        <v>22</v>
      </c>
      <c r="HO14" s="70">
        <v>11</v>
      </c>
      <c r="HP14" s="71">
        <v>8</v>
      </c>
      <c r="HQ14" s="72">
        <v>19</v>
      </c>
      <c r="HR14" s="244"/>
      <c r="HS14" s="71">
        <v>20</v>
      </c>
      <c r="HT14" s="71">
        <v>8</v>
      </c>
      <c r="HU14" s="71">
        <v>3</v>
      </c>
      <c r="HV14" s="71">
        <v>9</v>
      </c>
      <c r="HW14" s="71">
        <v>5</v>
      </c>
      <c r="HX14" s="72">
        <v>45</v>
      </c>
      <c r="HY14" s="73">
        <v>64</v>
      </c>
      <c r="HZ14" s="70">
        <v>28</v>
      </c>
      <c r="IA14" s="71">
        <v>13</v>
      </c>
      <c r="IB14" s="72">
        <v>41</v>
      </c>
      <c r="IC14" s="244"/>
      <c r="ID14" s="71">
        <v>24</v>
      </c>
      <c r="IE14" s="71">
        <v>14</v>
      </c>
      <c r="IF14" s="71">
        <v>12</v>
      </c>
      <c r="IG14" s="71">
        <v>11</v>
      </c>
      <c r="IH14" s="71">
        <v>7</v>
      </c>
      <c r="II14" s="72">
        <v>68</v>
      </c>
      <c r="IJ14" s="73">
        <v>109</v>
      </c>
      <c r="IK14" s="70">
        <v>86</v>
      </c>
      <c r="IL14" s="71">
        <v>59</v>
      </c>
      <c r="IM14" s="72">
        <v>145</v>
      </c>
      <c r="IN14" s="244"/>
      <c r="IO14" s="71">
        <v>78</v>
      </c>
      <c r="IP14" s="71">
        <v>32</v>
      </c>
      <c r="IQ14" s="71">
        <v>20</v>
      </c>
      <c r="IR14" s="71">
        <v>26</v>
      </c>
      <c r="IS14" s="71">
        <v>16</v>
      </c>
      <c r="IT14" s="72">
        <v>172</v>
      </c>
      <c r="IU14" s="73">
        <v>317</v>
      </c>
      <c r="IV14" s="70">
        <v>162</v>
      </c>
      <c r="IW14" s="71">
        <v>84</v>
      </c>
      <c r="IX14" s="72">
        <v>246</v>
      </c>
      <c r="IY14" s="244"/>
      <c r="IZ14" s="71">
        <v>125</v>
      </c>
      <c r="JA14" s="71">
        <v>68</v>
      </c>
      <c r="JB14" s="71">
        <v>46</v>
      </c>
      <c r="JC14" s="71">
        <v>51</v>
      </c>
      <c r="JD14" s="71">
        <v>29</v>
      </c>
      <c r="JE14" s="72">
        <v>319</v>
      </c>
      <c r="JF14" s="73">
        <v>565</v>
      </c>
      <c r="JG14" s="70">
        <v>103</v>
      </c>
      <c r="JH14" s="71">
        <v>72</v>
      </c>
      <c r="JI14" s="72">
        <v>175</v>
      </c>
      <c r="JJ14" s="244"/>
      <c r="JK14" s="71">
        <v>135</v>
      </c>
      <c r="JL14" s="71">
        <v>91</v>
      </c>
      <c r="JM14" s="71">
        <v>81</v>
      </c>
      <c r="JN14" s="71">
        <v>61</v>
      </c>
      <c r="JO14" s="71">
        <v>38</v>
      </c>
      <c r="JP14" s="72">
        <v>406</v>
      </c>
      <c r="JQ14" s="73">
        <v>581</v>
      </c>
      <c r="JR14" s="70">
        <v>0</v>
      </c>
      <c r="JS14" s="71">
        <v>0</v>
      </c>
      <c r="JT14" s="72">
        <v>0</v>
      </c>
      <c r="JU14" s="244"/>
      <c r="JV14" s="71">
        <v>0</v>
      </c>
      <c r="JW14" s="71">
        <v>0</v>
      </c>
      <c r="JX14" s="71">
        <v>0</v>
      </c>
      <c r="JY14" s="71">
        <v>0</v>
      </c>
      <c r="JZ14" s="71">
        <v>0</v>
      </c>
      <c r="KA14" s="72">
        <v>0</v>
      </c>
      <c r="KB14" s="73">
        <v>0</v>
      </c>
      <c r="KC14" s="70">
        <v>392</v>
      </c>
      <c r="KD14" s="71">
        <v>241</v>
      </c>
      <c r="KE14" s="72">
        <v>633</v>
      </c>
      <c r="KF14" s="244"/>
      <c r="KG14" s="71">
        <v>387</v>
      </c>
      <c r="KH14" s="71">
        <v>219</v>
      </c>
      <c r="KI14" s="71">
        <v>164</v>
      </c>
      <c r="KJ14" s="71">
        <v>159</v>
      </c>
      <c r="KK14" s="71">
        <v>96</v>
      </c>
      <c r="KL14" s="72">
        <v>1025</v>
      </c>
      <c r="KM14" s="73">
        <v>1658</v>
      </c>
    </row>
    <row r="15" spans="2:299" ht="21" customHeight="1" x14ac:dyDescent="0.2">
      <c r="B15" s="126" t="s">
        <v>11</v>
      </c>
      <c r="C15" s="315">
        <v>88</v>
      </c>
      <c r="D15" s="82">
        <v>57</v>
      </c>
      <c r="E15" s="83">
        <v>145</v>
      </c>
      <c r="F15" s="241"/>
      <c r="G15" s="82">
        <v>136</v>
      </c>
      <c r="H15" s="82">
        <v>78</v>
      </c>
      <c r="I15" s="82">
        <v>69</v>
      </c>
      <c r="J15" s="82">
        <v>56</v>
      </c>
      <c r="K15" s="82">
        <v>22</v>
      </c>
      <c r="L15" s="84">
        <v>361</v>
      </c>
      <c r="M15" s="85">
        <v>506</v>
      </c>
      <c r="N15" s="70">
        <v>3</v>
      </c>
      <c r="O15" s="71">
        <v>1</v>
      </c>
      <c r="P15" s="72">
        <v>4</v>
      </c>
      <c r="Q15" s="244"/>
      <c r="R15" s="71">
        <v>5</v>
      </c>
      <c r="S15" s="71">
        <v>1</v>
      </c>
      <c r="T15" s="71">
        <v>2</v>
      </c>
      <c r="U15" s="71">
        <v>1</v>
      </c>
      <c r="V15" s="71">
        <v>0</v>
      </c>
      <c r="W15" s="72">
        <v>9</v>
      </c>
      <c r="X15" s="73">
        <v>13</v>
      </c>
      <c r="Y15" s="70">
        <v>9</v>
      </c>
      <c r="Z15" s="71">
        <v>6</v>
      </c>
      <c r="AA15" s="72">
        <v>15</v>
      </c>
      <c r="AB15" s="244"/>
      <c r="AC15" s="71">
        <v>7</v>
      </c>
      <c r="AD15" s="71">
        <v>1</v>
      </c>
      <c r="AE15" s="71">
        <v>6</v>
      </c>
      <c r="AF15" s="71">
        <v>5</v>
      </c>
      <c r="AG15" s="71">
        <v>2</v>
      </c>
      <c r="AH15" s="72">
        <v>21</v>
      </c>
      <c r="AI15" s="73">
        <v>36</v>
      </c>
      <c r="AJ15" s="70">
        <v>2</v>
      </c>
      <c r="AK15" s="71">
        <v>2</v>
      </c>
      <c r="AL15" s="72">
        <v>4</v>
      </c>
      <c r="AM15" s="244"/>
      <c r="AN15" s="71">
        <v>9</v>
      </c>
      <c r="AO15" s="71">
        <v>6</v>
      </c>
      <c r="AP15" s="71">
        <v>8</v>
      </c>
      <c r="AQ15" s="71">
        <v>3</v>
      </c>
      <c r="AR15" s="71">
        <v>0</v>
      </c>
      <c r="AS15" s="72">
        <v>26</v>
      </c>
      <c r="AT15" s="73">
        <v>30</v>
      </c>
      <c r="AU15" s="70">
        <v>15</v>
      </c>
      <c r="AV15" s="71">
        <v>13</v>
      </c>
      <c r="AW15" s="72">
        <v>28</v>
      </c>
      <c r="AX15" s="244"/>
      <c r="AY15" s="71">
        <v>27</v>
      </c>
      <c r="AZ15" s="71">
        <v>16</v>
      </c>
      <c r="BA15" s="71">
        <v>7</v>
      </c>
      <c r="BB15" s="71">
        <v>11</v>
      </c>
      <c r="BC15" s="71">
        <v>7</v>
      </c>
      <c r="BD15" s="72">
        <v>68</v>
      </c>
      <c r="BE15" s="73">
        <v>96</v>
      </c>
      <c r="BF15" s="70">
        <v>32</v>
      </c>
      <c r="BG15" s="71">
        <v>19</v>
      </c>
      <c r="BH15" s="72">
        <v>51</v>
      </c>
      <c r="BI15" s="244"/>
      <c r="BJ15" s="71">
        <v>34</v>
      </c>
      <c r="BK15" s="71">
        <v>23</v>
      </c>
      <c r="BL15" s="71">
        <v>18</v>
      </c>
      <c r="BM15" s="71">
        <v>20</v>
      </c>
      <c r="BN15" s="71">
        <v>8</v>
      </c>
      <c r="BO15" s="72">
        <v>103</v>
      </c>
      <c r="BP15" s="73">
        <v>154</v>
      </c>
      <c r="BQ15" s="70">
        <v>27</v>
      </c>
      <c r="BR15" s="71">
        <v>16</v>
      </c>
      <c r="BS15" s="72">
        <v>43</v>
      </c>
      <c r="BT15" s="244"/>
      <c r="BU15" s="71">
        <v>54</v>
      </c>
      <c r="BV15" s="71">
        <v>31</v>
      </c>
      <c r="BW15" s="71">
        <v>28</v>
      </c>
      <c r="BX15" s="71">
        <v>16</v>
      </c>
      <c r="BY15" s="71">
        <v>5</v>
      </c>
      <c r="BZ15" s="72">
        <v>134</v>
      </c>
      <c r="CA15" s="73">
        <v>177</v>
      </c>
      <c r="CB15" s="70">
        <v>0</v>
      </c>
      <c r="CC15" s="71">
        <v>0</v>
      </c>
      <c r="CD15" s="72">
        <v>0</v>
      </c>
      <c r="CE15" s="244"/>
      <c r="CF15" s="71">
        <v>0</v>
      </c>
      <c r="CG15" s="71">
        <v>0</v>
      </c>
      <c r="CH15" s="71">
        <v>0</v>
      </c>
      <c r="CI15" s="71">
        <v>0</v>
      </c>
      <c r="CJ15" s="71">
        <v>0</v>
      </c>
      <c r="CK15" s="72">
        <v>0</v>
      </c>
      <c r="CL15" s="73">
        <v>0</v>
      </c>
      <c r="CM15" s="70">
        <v>88</v>
      </c>
      <c r="CN15" s="71">
        <v>57</v>
      </c>
      <c r="CO15" s="72">
        <v>145</v>
      </c>
      <c r="CP15" s="244"/>
      <c r="CQ15" s="71">
        <v>136</v>
      </c>
      <c r="CR15" s="71">
        <v>78</v>
      </c>
      <c r="CS15" s="71">
        <v>69</v>
      </c>
      <c r="CT15" s="71">
        <v>56</v>
      </c>
      <c r="CU15" s="71">
        <v>22</v>
      </c>
      <c r="CV15" s="72">
        <v>361</v>
      </c>
      <c r="CW15" s="73">
        <v>506</v>
      </c>
      <c r="CX15" s="123">
        <v>14</v>
      </c>
      <c r="CY15" s="82">
        <v>13</v>
      </c>
      <c r="CZ15" s="83">
        <v>27</v>
      </c>
      <c r="DA15" s="241"/>
      <c r="DB15" s="82">
        <v>13</v>
      </c>
      <c r="DC15" s="82">
        <v>15</v>
      </c>
      <c r="DD15" s="82">
        <v>11</v>
      </c>
      <c r="DE15" s="82">
        <v>15</v>
      </c>
      <c r="DF15" s="82">
        <v>7</v>
      </c>
      <c r="DG15" s="84">
        <v>61</v>
      </c>
      <c r="DH15" s="85">
        <v>88</v>
      </c>
      <c r="DI15" s="70">
        <v>0</v>
      </c>
      <c r="DJ15" s="71">
        <v>0</v>
      </c>
      <c r="DK15" s="72">
        <v>0</v>
      </c>
      <c r="DL15" s="244"/>
      <c r="DM15" s="71">
        <v>0</v>
      </c>
      <c r="DN15" s="71">
        <v>0</v>
      </c>
      <c r="DO15" s="71">
        <v>0</v>
      </c>
      <c r="DP15" s="71">
        <v>0</v>
      </c>
      <c r="DQ15" s="71">
        <v>0</v>
      </c>
      <c r="DR15" s="72">
        <v>0</v>
      </c>
      <c r="DS15" s="73">
        <v>0</v>
      </c>
      <c r="DT15" s="70">
        <v>0</v>
      </c>
      <c r="DU15" s="71">
        <v>2</v>
      </c>
      <c r="DV15" s="72">
        <v>2</v>
      </c>
      <c r="DW15" s="244"/>
      <c r="DX15" s="71">
        <v>2</v>
      </c>
      <c r="DY15" s="71">
        <v>1</v>
      </c>
      <c r="DZ15" s="71">
        <v>0</v>
      </c>
      <c r="EA15" s="71">
        <v>1</v>
      </c>
      <c r="EB15" s="71">
        <v>0</v>
      </c>
      <c r="EC15" s="72">
        <v>4</v>
      </c>
      <c r="ED15" s="73">
        <v>6</v>
      </c>
      <c r="EE15" s="70">
        <v>0</v>
      </c>
      <c r="EF15" s="71">
        <v>0</v>
      </c>
      <c r="EG15" s="72">
        <v>0</v>
      </c>
      <c r="EH15" s="244"/>
      <c r="EI15" s="71">
        <v>0</v>
      </c>
      <c r="EJ15" s="71">
        <v>3</v>
      </c>
      <c r="EK15" s="71">
        <v>1</v>
      </c>
      <c r="EL15" s="71">
        <v>0</v>
      </c>
      <c r="EM15" s="71">
        <v>0</v>
      </c>
      <c r="EN15" s="72">
        <v>4</v>
      </c>
      <c r="EO15" s="73">
        <v>4</v>
      </c>
      <c r="EP15" s="70">
        <v>5</v>
      </c>
      <c r="EQ15" s="71">
        <v>1</v>
      </c>
      <c r="ER15" s="72">
        <v>6</v>
      </c>
      <c r="ES15" s="244"/>
      <c r="ET15" s="71">
        <v>1</v>
      </c>
      <c r="EU15" s="71">
        <v>1</v>
      </c>
      <c r="EV15" s="71">
        <v>0</v>
      </c>
      <c r="EW15" s="71">
        <v>0</v>
      </c>
      <c r="EX15" s="71">
        <v>1</v>
      </c>
      <c r="EY15" s="72">
        <v>3</v>
      </c>
      <c r="EZ15" s="73">
        <v>9</v>
      </c>
      <c r="FA15" s="70">
        <v>4</v>
      </c>
      <c r="FB15" s="71">
        <v>8</v>
      </c>
      <c r="FC15" s="72">
        <v>12</v>
      </c>
      <c r="FD15" s="244"/>
      <c r="FE15" s="71">
        <v>5</v>
      </c>
      <c r="FF15" s="71">
        <v>7</v>
      </c>
      <c r="FG15" s="71">
        <v>1</v>
      </c>
      <c r="FH15" s="71">
        <v>5</v>
      </c>
      <c r="FI15" s="71">
        <v>4</v>
      </c>
      <c r="FJ15" s="72">
        <v>22</v>
      </c>
      <c r="FK15" s="73">
        <v>34</v>
      </c>
      <c r="FL15" s="70">
        <v>5</v>
      </c>
      <c r="FM15" s="71">
        <v>2</v>
      </c>
      <c r="FN15" s="72">
        <v>7</v>
      </c>
      <c r="FO15" s="244"/>
      <c r="FP15" s="71">
        <v>5</v>
      </c>
      <c r="FQ15" s="71">
        <v>3</v>
      </c>
      <c r="FR15" s="71">
        <v>9</v>
      </c>
      <c r="FS15" s="71">
        <v>9</v>
      </c>
      <c r="FT15" s="71">
        <v>2</v>
      </c>
      <c r="FU15" s="72">
        <v>28</v>
      </c>
      <c r="FV15" s="73">
        <v>35</v>
      </c>
      <c r="FW15" s="70">
        <v>0</v>
      </c>
      <c r="FX15" s="71">
        <v>0</v>
      </c>
      <c r="FY15" s="72">
        <v>0</v>
      </c>
      <c r="FZ15" s="244"/>
      <c r="GA15" s="71">
        <v>0</v>
      </c>
      <c r="GB15" s="71">
        <v>0</v>
      </c>
      <c r="GC15" s="71">
        <v>0</v>
      </c>
      <c r="GD15" s="71">
        <v>0</v>
      </c>
      <c r="GE15" s="71">
        <v>0</v>
      </c>
      <c r="GF15" s="72">
        <v>0</v>
      </c>
      <c r="GG15" s="73">
        <v>0</v>
      </c>
      <c r="GH15" s="70">
        <v>14</v>
      </c>
      <c r="GI15" s="71">
        <v>13</v>
      </c>
      <c r="GJ15" s="72">
        <v>27</v>
      </c>
      <c r="GK15" s="244"/>
      <c r="GL15" s="71">
        <v>13</v>
      </c>
      <c r="GM15" s="71">
        <v>15</v>
      </c>
      <c r="GN15" s="71">
        <v>11</v>
      </c>
      <c r="GO15" s="71">
        <v>15</v>
      </c>
      <c r="GP15" s="71">
        <v>7</v>
      </c>
      <c r="GQ15" s="72">
        <v>61</v>
      </c>
      <c r="GR15" s="73">
        <v>88</v>
      </c>
      <c r="GS15" s="123">
        <v>102</v>
      </c>
      <c r="GT15" s="82">
        <v>70</v>
      </c>
      <c r="GU15" s="83">
        <v>172</v>
      </c>
      <c r="GV15" s="241"/>
      <c r="GW15" s="82">
        <v>149</v>
      </c>
      <c r="GX15" s="82">
        <v>93</v>
      </c>
      <c r="GY15" s="82">
        <v>80</v>
      </c>
      <c r="GZ15" s="82">
        <v>71</v>
      </c>
      <c r="HA15" s="82">
        <v>29</v>
      </c>
      <c r="HB15" s="84">
        <v>422</v>
      </c>
      <c r="HC15" s="85">
        <v>594</v>
      </c>
      <c r="HD15" s="70">
        <v>3</v>
      </c>
      <c r="HE15" s="71">
        <v>1</v>
      </c>
      <c r="HF15" s="72">
        <v>4</v>
      </c>
      <c r="HG15" s="244"/>
      <c r="HH15" s="71">
        <v>5</v>
      </c>
      <c r="HI15" s="71">
        <v>1</v>
      </c>
      <c r="HJ15" s="71">
        <v>2</v>
      </c>
      <c r="HK15" s="71">
        <v>1</v>
      </c>
      <c r="HL15" s="71">
        <v>0</v>
      </c>
      <c r="HM15" s="72">
        <v>9</v>
      </c>
      <c r="HN15" s="73">
        <v>13</v>
      </c>
      <c r="HO15" s="70">
        <v>9</v>
      </c>
      <c r="HP15" s="71">
        <v>8</v>
      </c>
      <c r="HQ15" s="72">
        <v>17</v>
      </c>
      <c r="HR15" s="244"/>
      <c r="HS15" s="71">
        <v>9</v>
      </c>
      <c r="HT15" s="71">
        <v>2</v>
      </c>
      <c r="HU15" s="71">
        <v>6</v>
      </c>
      <c r="HV15" s="71">
        <v>6</v>
      </c>
      <c r="HW15" s="71">
        <v>2</v>
      </c>
      <c r="HX15" s="72">
        <v>25</v>
      </c>
      <c r="HY15" s="73">
        <v>42</v>
      </c>
      <c r="HZ15" s="70">
        <v>2</v>
      </c>
      <c r="IA15" s="71">
        <v>2</v>
      </c>
      <c r="IB15" s="72">
        <v>4</v>
      </c>
      <c r="IC15" s="244"/>
      <c r="ID15" s="71">
        <v>9</v>
      </c>
      <c r="IE15" s="71">
        <v>9</v>
      </c>
      <c r="IF15" s="71">
        <v>9</v>
      </c>
      <c r="IG15" s="71">
        <v>3</v>
      </c>
      <c r="IH15" s="71">
        <v>0</v>
      </c>
      <c r="II15" s="72">
        <v>30</v>
      </c>
      <c r="IJ15" s="73">
        <v>34</v>
      </c>
      <c r="IK15" s="70">
        <v>20</v>
      </c>
      <c r="IL15" s="71">
        <v>14</v>
      </c>
      <c r="IM15" s="72">
        <v>34</v>
      </c>
      <c r="IN15" s="244"/>
      <c r="IO15" s="71">
        <v>28</v>
      </c>
      <c r="IP15" s="71">
        <v>17</v>
      </c>
      <c r="IQ15" s="71">
        <v>7</v>
      </c>
      <c r="IR15" s="71">
        <v>11</v>
      </c>
      <c r="IS15" s="71">
        <v>8</v>
      </c>
      <c r="IT15" s="72">
        <v>71</v>
      </c>
      <c r="IU15" s="73">
        <v>105</v>
      </c>
      <c r="IV15" s="70">
        <v>36</v>
      </c>
      <c r="IW15" s="71">
        <v>27</v>
      </c>
      <c r="IX15" s="72">
        <v>63</v>
      </c>
      <c r="IY15" s="244"/>
      <c r="IZ15" s="71">
        <v>39</v>
      </c>
      <c r="JA15" s="71">
        <v>30</v>
      </c>
      <c r="JB15" s="71">
        <v>19</v>
      </c>
      <c r="JC15" s="71">
        <v>25</v>
      </c>
      <c r="JD15" s="71">
        <v>12</v>
      </c>
      <c r="JE15" s="72">
        <v>125</v>
      </c>
      <c r="JF15" s="73">
        <v>188</v>
      </c>
      <c r="JG15" s="70">
        <v>32</v>
      </c>
      <c r="JH15" s="71">
        <v>18</v>
      </c>
      <c r="JI15" s="72">
        <v>50</v>
      </c>
      <c r="JJ15" s="244"/>
      <c r="JK15" s="71">
        <v>59</v>
      </c>
      <c r="JL15" s="71">
        <v>34</v>
      </c>
      <c r="JM15" s="71">
        <v>37</v>
      </c>
      <c r="JN15" s="71">
        <v>25</v>
      </c>
      <c r="JO15" s="71">
        <v>7</v>
      </c>
      <c r="JP15" s="72">
        <v>162</v>
      </c>
      <c r="JQ15" s="73">
        <v>212</v>
      </c>
      <c r="JR15" s="70">
        <v>0</v>
      </c>
      <c r="JS15" s="71">
        <v>0</v>
      </c>
      <c r="JT15" s="72">
        <v>0</v>
      </c>
      <c r="JU15" s="244"/>
      <c r="JV15" s="71">
        <v>0</v>
      </c>
      <c r="JW15" s="71">
        <v>0</v>
      </c>
      <c r="JX15" s="71">
        <v>0</v>
      </c>
      <c r="JY15" s="71">
        <v>0</v>
      </c>
      <c r="JZ15" s="71">
        <v>0</v>
      </c>
      <c r="KA15" s="72">
        <v>0</v>
      </c>
      <c r="KB15" s="73">
        <v>0</v>
      </c>
      <c r="KC15" s="70">
        <v>102</v>
      </c>
      <c r="KD15" s="71">
        <v>70</v>
      </c>
      <c r="KE15" s="72">
        <v>172</v>
      </c>
      <c r="KF15" s="244"/>
      <c r="KG15" s="71">
        <v>149</v>
      </c>
      <c r="KH15" s="71">
        <v>93</v>
      </c>
      <c r="KI15" s="71">
        <v>80</v>
      </c>
      <c r="KJ15" s="71">
        <v>71</v>
      </c>
      <c r="KK15" s="71">
        <v>29</v>
      </c>
      <c r="KL15" s="72">
        <v>422</v>
      </c>
      <c r="KM15" s="73">
        <v>594</v>
      </c>
    </row>
    <row r="16" spans="2:299" ht="21" customHeight="1" x14ac:dyDescent="0.2">
      <c r="B16" s="126" t="s">
        <v>12</v>
      </c>
      <c r="C16" s="315">
        <v>159</v>
      </c>
      <c r="D16" s="82">
        <v>126</v>
      </c>
      <c r="E16" s="83">
        <v>285</v>
      </c>
      <c r="F16" s="241"/>
      <c r="G16" s="82">
        <v>152</v>
      </c>
      <c r="H16" s="82">
        <v>126</v>
      </c>
      <c r="I16" s="82">
        <v>97</v>
      </c>
      <c r="J16" s="82">
        <v>84</v>
      </c>
      <c r="K16" s="82">
        <v>44</v>
      </c>
      <c r="L16" s="84">
        <v>503</v>
      </c>
      <c r="M16" s="85">
        <v>788</v>
      </c>
      <c r="N16" s="86">
        <v>4</v>
      </c>
      <c r="O16" s="71">
        <v>3</v>
      </c>
      <c r="P16" s="72">
        <v>7</v>
      </c>
      <c r="Q16" s="244"/>
      <c r="R16" s="71">
        <v>2</v>
      </c>
      <c r="S16" s="71">
        <v>1</v>
      </c>
      <c r="T16" s="71">
        <v>1</v>
      </c>
      <c r="U16" s="71">
        <v>2</v>
      </c>
      <c r="V16" s="71">
        <v>2</v>
      </c>
      <c r="W16" s="72">
        <v>8</v>
      </c>
      <c r="X16" s="73">
        <v>15</v>
      </c>
      <c r="Y16" s="70">
        <v>5</v>
      </c>
      <c r="Z16" s="71">
        <v>11</v>
      </c>
      <c r="AA16" s="72">
        <v>16</v>
      </c>
      <c r="AB16" s="244"/>
      <c r="AC16" s="71">
        <v>4</v>
      </c>
      <c r="AD16" s="71">
        <v>7</v>
      </c>
      <c r="AE16" s="71">
        <v>7</v>
      </c>
      <c r="AF16" s="71">
        <v>1</v>
      </c>
      <c r="AG16" s="71">
        <v>2</v>
      </c>
      <c r="AH16" s="72">
        <v>21</v>
      </c>
      <c r="AI16" s="73">
        <v>37</v>
      </c>
      <c r="AJ16" s="86">
        <v>14</v>
      </c>
      <c r="AK16" s="71">
        <v>14</v>
      </c>
      <c r="AL16" s="72">
        <v>28</v>
      </c>
      <c r="AM16" s="244"/>
      <c r="AN16" s="71">
        <v>6</v>
      </c>
      <c r="AO16" s="71">
        <v>8</v>
      </c>
      <c r="AP16" s="71">
        <v>9</v>
      </c>
      <c r="AQ16" s="71">
        <v>5</v>
      </c>
      <c r="AR16" s="71">
        <v>5</v>
      </c>
      <c r="AS16" s="72">
        <v>33</v>
      </c>
      <c r="AT16" s="73">
        <v>61</v>
      </c>
      <c r="AU16" s="70">
        <v>32</v>
      </c>
      <c r="AV16" s="71">
        <v>15</v>
      </c>
      <c r="AW16" s="72">
        <v>47</v>
      </c>
      <c r="AX16" s="244"/>
      <c r="AY16" s="71">
        <v>30</v>
      </c>
      <c r="AZ16" s="71">
        <v>30</v>
      </c>
      <c r="BA16" s="71">
        <v>13</v>
      </c>
      <c r="BB16" s="71">
        <v>16</v>
      </c>
      <c r="BC16" s="71">
        <v>13</v>
      </c>
      <c r="BD16" s="72">
        <v>102</v>
      </c>
      <c r="BE16" s="73">
        <v>149</v>
      </c>
      <c r="BF16" s="86">
        <v>55</v>
      </c>
      <c r="BG16" s="71">
        <v>34</v>
      </c>
      <c r="BH16" s="72">
        <v>89</v>
      </c>
      <c r="BI16" s="244"/>
      <c r="BJ16" s="71">
        <v>58</v>
      </c>
      <c r="BK16" s="71">
        <v>34</v>
      </c>
      <c r="BL16" s="71">
        <v>33</v>
      </c>
      <c r="BM16" s="71">
        <v>22</v>
      </c>
      <c r="BN16" s="71">
        <v>13</v>
      </c>
      <c r="BO16" s="72">
        <v>160</v>
      </c>
      <c r="BP16" s="73">
        <v>249</v>
      </c>
      <c r="BQ16" s="70">
        <v>49</v>
      </c>
      <c r="BR16" s="71">
        <v>49</v>
      </c>
      <c r="BS16" s="72">
        <v>98</v>
      </c>
      <c r="BT16" s="244"/>
      <c r="BU16" s="71">
        <v>52</v>
      </c>
      <c r="BV16" s="71">
        <v>46</v>
      </c>
      <c r="BW16" s="71">
        <v>34</v>
      </c>
      <c r="BX16" s="71">
        <v>38</v>
      </c>
      <c r="BY16" s="71">
        <v>9</v>
      </c>
      <c r="BZ16" s="72">
        <v>179</v>
      </c>
      <c r="CA16" s="73">
        <v>277</v>
      </c>
      <c r="CB16" s="70">
        <v>0</v>
      </c>
      <c r="CC16" s="71">
        <v>0</v>
      </c>
      <c r="CD16" s="72">
        <v>0</v>
      </c>
      <c r="CE16" s="244"/>
      <c r="CF16" s="71">
        <v>0</v>
      </c>
      <c r="CG16" s="71">
        <v>0</v>
      </c>
      <c r="CH16" s="71">
        <v>0</v>
      </c>
      <c r="CI16" s="71">
        <v>0</v>
      </c>
      <c r="CJ16" s="71">
        <v>0</v>
      </c>
      <c r="CK16" s="72">
        <v>0</v>
      </c>
      <c r="CL16" s="73">
        <v>0</v>
      </c>
      <c r="CM16" s="70">
        <v>159</v>
      </c>
      <c r="CN16" s="71">
        <v>126</v>
      </c>
      <c r="CO16" s="72">
        <v>285</v>
      </c>
      <c r="CP16" s="244"/>
      <c r="CQ16" s="71">
        <v>152</v>
      </c>
      <c r="CR16" s="71">
        <v>126</v>
      </c>
      <c r="CS16" s="71">
        <v>97</v>
      </c>
      <c r="CT16" s="71">
        <v>84</v>
      </c>
      <c r="CU16" s="71">
        <v>44</v>
      </c>
      <c r="CV16" s="72">
        <v>503</v>
      </c>
      <c r="CW16" s="73">
        <v>788</v>
      </c>
      <c r="CX16" s="123">
        <v>13</v>
      </c>
      <c r="CY16" s="82">
        <v>20</v>
      </c>
      <c r="CZ16" s="83">
        <v>33</v>
      </c>
      <c r="DA16" s="241"/>
      <c r="DB16" s="82">
        <v>24</v>
      </c>
      <c r="DC16" s="82">
        <v>5</v>
      </c>
      <c r="DD16" s="82">
        <v>12</v>
      </c>
      <c r="DE16" s="82">
        <v>15</v>
      </c>
      <c r="DF16" s="82">
        <v>8</v>
      </c>
      <c r="DG16" s="84">
        <v>64</v>
      </c>
      <c r="DH16" s="85">
        <v>97</v>
      </c>
      <c r="DI16" s="86">
        <v>0</v>
      </c>
      <c r="DJ16" s="71">
        <v>0</v>
      </c>
      <c r="DK16" s="72">
        <v>0</v>
      </c>
      <c r="DL16" s="244"/>
      <c r="DM16" s="71">
        <v>1</v>
      </c>
      <c r="DN16" s="71">
        <v>0</v>
      </c>
      <c r="DO16" s="71">
        <v>0</v>
      </c>
      <c r="DP16" s="71">
        <v>0</v>
      </c>
      <c r="DQ16" s="71">
        <v>0</v>
      </c>
      <c r="DR16" s="72">
        <v>1</v>
      </c>
      <c r="DS16" s="73">
        <v>1</v>
      </c>
      <c r="DT16" s="70">
        <v>0</v>
      </c>
      <c r="DU16" s="71">
        <v>1</v>
      </c>
      <c r="DV16" s="72">
        <v>1</v>
      </c>
      <c r="DW16" s="244"/>
      <c r="DX16" s="71">
        <v>1</v>
      </c>
      <c r="DY16" s="71">
        <v>0</v>
      </c>
      <c r="DZ16" s="71">
        <v>2</v>
      </c>
      <c r="EA16" s="71">
        <v>0</v>
      </c>
      <c r="EB16" s="71">
        <v>0</v>
      </c>
      <c r="EC16" s="72">
        <v>3</v>
      </c>
      <c r="ED16" s="73">
        <v>4</v>
      </c>
      <c r="EE16" s="86">
        <v>2</v>
      </c>
      <c r="EF16" s="71">
        <v>2</v>
      </c>
      <c r="EG16" s="72">
        <v>4</v>
      </c>
      <c r="EH16" s="244"/>
      <c r="EI16" s="71">
        <v>3</v>
      </c>
      <c r="EJ16" s="71">
        <v>0</v>
      </c>
      <c r="EK16" s="71">
        <v>1</v>
      </c>
      <c r="EL16" s="71">
        <v>0</v>
      </c>
      <c r="EM16" s="71">
        <v>0</v>
      </c>
      <c r="EN16" s="72">
        <v>4</v>
      </c>
      <c r="EO16" s="73">
        <v>8</v>
      </c>
      <c r="EP16" s="70">
        <v>4</v>
      </c>
      <c r="EQ16" s="71">
        <v>4</v>
      </c>
      <c r="ER16" s="72">
        <v>8</v>
      </c>
      <c r="ES16" s="244"/>
      <c r="ET16" s="71">
        <v>1</v>
      </c>
      <c r="EU16" s="71">
        <v>1</v>
      </c>
      <c r="EV16" s="71">
        <v>0</v>
      </c>
      <c r="EW16" s="71">
        <v>2</v>
      </c>
      <c r="EX16" s="71">
        <v>0</v>
      </c>
      <c r="EY16" s="72">
        <v>4</v>
      </c>
      <c r="EZ16" s="73">
        <v>12</v>
      </c>
      <c r="FA16" s="86">
        <v>2</v>
      </c>
      <c r="FB16" s="71">
        <v>9</v>
      </c>
      <c r="FC16" s="72">
        <v>11</v>
      </c>
      <c r="FD16" s="244"/>
      <c r="FE16" s="71">
        <v>5</v>
      </c>
      <c r="FF16" s="71">
        <v>1</v>
      </c>
      <c r="FG16" s="71">
        <v>2</v>
      </c>
      <c r="FH16" s="71">
        <v>1</v>
      </c>
      <c r="FI16" s="71">
        <v>2</v>
      </c>
      <c r="FJ16" s="72">
        <v>11</v>
      </c>
      <c r="FK16" s="73">
        <v>22</v>
      </c>
      <c r="FL16" s="70">
        <v>5</v>
      </c>
      <c r="FM16" s="71">
        <v>4</v>
      </c>
      <c r="FN16" s="72">
        <v>9</v>
      </c>
      <c r="FO16" s="244"/>
      <c r="FP16" s="71">
        <v>13</v>
      </c>
      <c r="FQ16" s="71">
        <v>3</v>
      </c>
      <c r="FR16" s="71">
        <v>7</v>
      </c>
      <c r="FS16" s="71">
        <v>12</v>
      </c>
      <c r="FT16" s="71">
        <v>6</v>
      </c>
      <c r="FU16" s="72">
        <v>41</v>
      </c>
      <c r="FV16" s="73">
        <v>50</v>
      </c>
      <c r="FW16" s="70">
        <v>0</v>
      </c>
      <c r="FX16" s="71">
        <v>0</v>
      </c>
      <c r="FY16" s="72">
        <v>0</v>
      </c>
      <c r="FZ16" s="244"/>
      <c r="GA16" s="71">
        <v>0</v>
      </c>
      <c r="GB16" s="71">
        <v>0</v>
      </c>
      <c r="GC16" s="71">
        <v>0</v>
      </c>
      <c r="GD16" s="71">
        <v>0</v>
      </c>
      <c r="GE16" s="71">
        <v>0</v>
      </c>
      <c r="GF16" s="72">
        <v>0</v>
      </c>
      <c r="GG16" s="73">
        <v>0</v>
      </c>
      <c r="GH16" s="70">
        <v>13</v>
      </c>
      <c r="GI16" s="71">
        <v>20</v>
      </c>
      <c r="GJ16" s="72">
        <v>33</v>
      </c>
      <c r="GK16" s="244"/>
      <c r="GL16" s="71">
        <v>24</v>
      </c>
      <c r="GM16" s="71">
        <v>5</v>
      </c>
      <c r="GN16" s="71">
        <v>12</v>
      </c>
      <c r="GO16" s="71">
        <v>15</v>
      </c>
      <c r="GP16" s="71">
        <v>8</v>
      </c>
      <c r="GQ16" s="72">
        <v>64</v>
      </c>
      <c r="GR16" s="73">
        <v>97</v>
      </c>
      <c r="GS16" s="123">
        <v>172</v>
      </c>
      <c r="GT16" s="82">
        <v>146</v>
      </c>
      <c r="GU16" s="83">
        <v>318</v>
      </c>
      <c r="GV16" s="241"/>
      <c r="GW16" s="82">
        <v>176</v>
      </c>
      <c r="GX16" s="82">
        <v>131</v>
      </c>
      <c r="GY16" s="82">
        <v>109</v>
      </c>
      <c r="GZ16" s="82">
        <v>99</v>
      </c>
      <c r="HA16" s="82">
        <v>52</v>
      </c>
      <c r="HB16" s="84">
        <v>567</v>
      </c>
      <c r="HC16" s="85">
        <v>885</v>
      </c>
      <c r="HD16" s="86">
        <v>4</v>
      </c>
      <c r="HE16" s="71">
        <v>3</v>
      </c>
      <c r="HF16" s="72">
        <v>7</v>
      </c>
      <c r="HG16" s="244"/>
      <c r="HH16" s="71">
        <v>3</v>
      </c>
      <c r="HI16" s="71">
        <v>1</v>
      </c>
      <c r="HJ16" s="71">
        <v>1</v>
      </c>
      <c r="HK16" s="71">
        <v>2</v>
      </c>
      <c r="HL16" s="71">
        <v>2</v>
      </c>
      <c r="HM16" s="72">
        <v>9</v>
      </c>
      <c r="HN16" s="73">
        <v>16</v>
      </c>
      <c r="HO16" s="70">
        <v>5</v>
      </c>
      <c r="HP16" s="71">
        <v>12</v>
      </c>
      <c r="HQ16" s="72">
        <v>17</v>
      </c>
      <c r="HR16" s="244"/>
      <c r="HS16" s="71">
        <v>5</v>
      </c>
      <c r="HT16" s="71">
        <v>7</v>
      </c>
      <c r="HU16" s="71">
        <v>9</v>
      </c>
      <c r="HV16" s="71">
        <v>1</v>
      </c>
      <c r="HW16" s="71">
        <v>2</v>
      </c>
      <c r="HX16" s="72">
        <v>24</v>
      </c>
      <c r="HY16" s="73">
        <v>41</v>
      </c>
      <c r="HZ16" s="86">
        <v>16</v>
      </c>
      <c r="IA16" s="71">
        <v>16</v>
      </c>
      <c r="IB16" s="72">
        <v>32</v>
      </c>
      <c r="IC16" s="244"/>
      <c r="ID16" s="71">
        <v>9</v>
      </c>
      <c r="IE16" s="71">
        <v>8</v>
      </c>
      <c r="IF16" s="71">
        <v>10</v>
      </c>
      <c r="IG16" s="71">
        <v>5</v>
      </c>
      <c r="IH16" s="71">
        <v>5</v>
      </c>
      <c r="II16" s="72">
        <v>37</v>
      </c>
      <c r="IJ16" s="73">
        <v>69</v>
      </c>
      <c r="IK16" s="70">
        <v>36</v>
      </c>
      <c r="IL16" s="71">
        <v>19</v>
      </c>
      <c r="IM16" s="72">
        <v>55</v>
      </c>
      <c r="IN16" s="244"/>
      <c r="IO16" s="71">
        <v>31</v>
      </c>
      <c r="IP16" s="71">
        <v>31</v>
      </c>
      <c r="IQ16" s="71">
        <v>13</v>
      </c>
      <c r="IR16" s="71">
        <v>18</v>
      </c>
      <c r="IS16" s="71">
        <v>13</v>
      </c>
      <c r="IT16" s="72">
        <v>106</v>
      </c>
      <c r="IU16" s="73">
        <v>161</v>
      </c>
      <c r="IV16" s="86">
        <v>57</v>
      </c>
      <c r="IW16" s="71">
        <v>43</v>
      </c>
      <c r="IX16" s="72">
        <v>100</v>
      </c>
      <c r="IY16" s="244"/>
      <c r="IZ16" s="71">
        <v>63</v>
      </c>
      <c r="JA16" s="71">
        <v>35</v>
      </c>
      <c r="JB16" s="71">
        <v>35</v>
      </c>
      <c r="JC16" s="71">
        <v>23</v>
      </c>
      <c r="JD16" s="71">
        <v>15</v>
      </c>
      <c r="JE16" s="72">
        <v>171</v>
      </c>
      <c r="JF16" s="73">
        <v>271</v>
      </c>
      <c r="JG16" s="70">
        <v>54</v>
      </c>
      <c r="JH16" s="71">
        <v>53</v>
      </c>
      <c r="JI16" s="72">
        <v>107</v>
      </c>
      <c r="JJ16" s="244"/>
      <c r="JK16" s="71">
        <v>65</v>
      </c>
      <c r="JL16" s="71">
        <v>49</v>
      </c>
      <c r="JM16" s="71">
        <v>41</v>
      </c>
      <c r="JN16" s="71">
        <v>50</v>
      </c>
      <c r="JO16" s="71">
        <v>15</v>
      </c>
      <c r="JP16" s="72">
        <v>220</v>
      </c>
      <c r="JQ16" s="73">
        <v>327</v>
      </c>
      <c r="JR16" s="70">
        <v>0</v>
      </c>
      <c r="JS16" s="71">
        <v>0</v>
      </c>
      <c r="JT16" s="72">
        <v>0</v>
      </c>
      <c r="JU16" s="244"/>
      <c r="JV16" s="71">
        <v>0</v>
      </c>
      <c r="JW16" s="71">
        <v>0</v>
      </c>
      <c r="JX16" s="71">
        <v>0</v>
      </c>
      <c r="JY16" s="71">
        <v>0</v>
      </c>
      <c r="JZ16" s="71">
        <v>0</v>
      </c>
      <c r="KA16" s="72">
        <v>0</v>
      </c>
      <c r="KB16" s="73">
        <v>0</v>
      </c>
      <c r="KC16" s="70">
        <v>172</v>
      </c>
      <c r="KD16" s="71">
        <v>146</v>
      </c>
      <c r="KE16" s="72">
        <v>318</v>
      </c>
      <c r="KF16" s="244"/>
      <c r="KG16" s="71">
        <v>176</v>
      </c>
      <c r="KH16" s="71">
        <v>131</v>
      </c>
      <c r="KI16" s="71">
        <v>109</v>
      </c>
      <c r="KJ16" s="71">
        <v>99</v>
      </c>
      <c r="KK16" s="71">
        <v>52</v>
      </c>
      <c r="KL16" s="72">
        <v>567</v>
      </c>
      <c r="KM16" s="73">
        <v>885</v>
      </c>
    </row>
    <row r="17" spans="2:299" ht="21" customHeight="1" x14ac:dyDescent="0.2">
      <c r="B17" s="126" t="s">
        <v>13</v>
      </c>
      <c r="C17" s="315">
        <v>40</v>
      </c>
      <c r="D17" s="82">
        <v>56</v>
      </c>
      <c r="E17" s="83">
        <v>96</v>
      </c>
      <c r="F17" s="241"/>
      <c r="G17" s="82">
        <v>88</v>
      </c>
      <c r="H17" s="82">
        <v>73</v>
      </c>
      <c r="I17" s="82">
        <v>40</v>
      </c>
      <c r="J17" s="82">
        <v>42</v>
      </c>
      <c r="K17" s="82">
        <v>27</v>
      </c>
      <c r="L17" s="84">
        <v>270</v>
      </c>
      <c r="M17" s="85">
        <v>366</v>
      </c>
      <c r="N17" s="70">
        <v>0</v>
      </c>
      <c r="O17" s="71">
        <v>0</v>
      </c>
      <c r="P17" s="72">
        <v>0</v>
      </c>
      <c r="Q17" s="244"/>
      <c r="R17" s="71">
        <v>2</v>
      </c>
      <c r="S17" s="71">
        <v>0</v>
      </c>
      <c r="T17" s="71">
        <v>0</v>
      </c>
      <c r="U17" s="71">
        <v>0</v>
      </c>
      <c r="V17" s="71">
        <v>0</v>
      </c>
      <c r="W17" s="72">
        <v>2</v>
      </c>
      <c r="X17" s="73">
        <v>2</v>
      </c>
      <c r="Y17" s="70">
        <v>3</v>
      </c>
      <c r="Z17" s="71">
        <v>0</v>
      </c>
      <c r="AA17" s="72">
        <v>3</v>
      </c>
      <c r="AB17" s="244"/>
      <c r="AC17" s="71">
        <v>4</v>
      </c>
      <c r="AD17" s="71">
        <v>3</v>
      </c>
      <c r="AE17" s="71">
        <v>0</v>
      </c>
      <c r="AF17" s="71">
        <v>0</v>
      </c>
      <c r="AG17" s="71">
        <v>3</v>
      </c>
      <c r="AH17" s="72">
        <v>10</v>
      </c>
      <c r="AI17" s="73">
        <v>13</v>
      </c>
      <c r="AJ17" s="70">
        <v>5</v>
      </c>
      <c r="AK17" s="71">
        <v>3</v>
      </c>
      <c r="AL17" s="72">
        <v>8</v>
      </c>
      <c r="AM17" s="244"/>
      <c r="AN17" s="71">
        <v>4</v>
      </c>
      <c r="AO17" s="71">
        <v>7</v>
      </c>
      <c r="AP17" s="71">
        <v>4</v>
      </c>
      <c r="AQ17" s="71">
        <v>2</v>
      </c>
      <c r="AR17" s="71">
        <v>2</v>
      </c>
      <c r="AS17" s="72">
        <v>19</v>
      </c>
      <c r="AT17" s="73">
        <v>27</v>
      </c>
      <c r="AU17" s="70">
        <v>2</v>
      </c>
      <c r="AV17" s="71">
        <v>17</v>
      </c>
      <c r="AW17" s="72">
        <v>19</v>
      </c>
      <c r="AX17" s="244"/>
      <c r="AY17" s="71">
        <v>15</v>
      </c>
      <c r="AZ17" s="71">
        <v>10</v>
      </c>
      <c r="BA17" s="71">
        <v>6</v>
      </c>
      <c r="BB17" s="71">
        <v>6</v>
      </c>
      <c r="BC17" s="71">
        <v>7</v>
      </c>
      <c r="BD17" s="72">
        <v>44</v>
      </c>
      <c r="BE17" s="73">
        <v>63</v>
      </c>
      <c r="BF17" s="70">
        <v>16</v>
      </c>
      <c r="BG17" s="71">
        <v>22</v>
      </c>
      <c r="BH17" s="72">
        <v>38</v>
      </c>
      <c r="BI17" s="244"/>
      <c r="BJ17" s="71">
        <v>33</v>
      </c>
      <c r="BK17" s="71">
        <v>24</v>
      </c>
      <c r="BL17" s="71">
        <v>16</v>
      </c>
      <c r="BM17" s="71">
        <v>19</v>
      </c>
      <c r="BN17" s="71">
        <v>5</v>
      </c>
      <c r="BO17" s="72">
        <v>97</v>
      </c>
      <c r="BP17" s="73">
        <v>135</v>
      </c>
      <c r="BQ17" s="70">
        <v>14</v>
      </c>
      <c r="BR17" s="71">
        <v>14</v>
      </c>
      <c r="BS17" s="72">
        <v>28</v>
      </c>
      <c r="BT17" s="244"/>
      <c r="BU17" s="71">
        <v>30</v>
      </c>
      <c r="BV17" s="71">
        <v>29</v>
      </c>
      <c r="BW17" s="71">
        <v>14</v>
      </c>
      <c r="BX17" s="71">
        <v>15</v>
      </c>
      <c r="BY17" s="71">
        <v>10</v>
      </c>
      <c r="BZ17" s="72">
        <v>98</v>
      </c>
      <c r="CA17" s="73">
        <v>126</v>
      </c>
      <c r="CB17" s="70">
        <v>0</v>
      </c>
      <c r="CC17" s="71">
        <v>0</v>
      </c>
      <c r="CD17" s="72">
        <v>0</v>
      </c>
      <c r="CE17" s="244"/>
      <c r="CF17" s="71">
        <v>0</v>
      </c>
      <c r="CG17" s="71">
        <v>0</v>
      </c>
      <c r="CH17" s="71">
        <v>0</v>
      </c>
      <c r="CI17" s="71">
        <v>0</v>
      </c>
      <c r="CJ17" s="71">
        <v>0</v>
      </c>
      <c r="CK17" s="72">
        <v>0</v>
      </c>
      <c r="CL17" s="73">
        <v>0</v>
      </c>
      <c r="CM17" s="70">
        <v>40</v>
      </c>
      <c r="CN17" s="71">
        <v>56</v>
      </c>
      <c r="CO17" s="72">
        <v>96</v>
      </c>
      <c r="CP17" s="244"/>
      <c r="CQ17" s="71">
        <v>88</v>
      </c>
      <c r="CR17" s="71">
        <v>73</v>
      </c>
      <c r="CS17" s="71">
        <v>40</v>
      </c>
      <c r="CT17" s="71">
        <v>42</v>
      </c>
      <c r="CU17" s="71">
        <v>27</v>
      </c>
      <c r="CV17" s="72">
        <v>270</v>
      </c>
      <c r="CW17" s="73">
        <v>366</v>
      </c>
      <c r="CX17" s="123">
        <v>8</v>
      </c>
      <c r="CY17" s="82">
        <v>5</v>
      </c>
      <c r="CZ17" s="83">
        <v>13</v>
      </c>
      <c r="DA17" s="241"/>
      <c r="DB17" s="82">
        <v>9</v>
      </c>
      <c r="DC17" s="82">
        <v>6</v>
      </c>
      <c r="DD17" s="82">
        <v>5</v>
      </c>
      <c r="DE17" s="82">
        <v>8</v>
      </c>
      <c r="DF17" s="82">
        <v>3</v>
      </c>
      <c r="DG17" s="84">
        <v>31</v>
      </c>
      <c r="DH17" s="85">
        <v>44</v>
      </c>
      <c r="DI17" s="70">
        <v>0</v>
      </c>
      <c r="DJ17" s="71">
        <v>0</v>
      </c>
      <c r="DK17" s="72">
        <v>0</v>
      </c>
      <c r="DL17" s="244"/>
      <c r="DM17" s="71">
        <v>0</v>
      </c>
      <c r="DN17" s="71">
        <v>0</v>
      </c>
      <c r="DO17" s="71">
        <v>0</v>
      </c>
      <c r="DP17" s="71">
        <v>1</v>
      </c>
      <c r="DQ17" s="71">
        <v>0</v>
      </c>
      <c r="DR17" s="72">
        <v>1</v>
      </c>
      <c r="DS17" s="73">
        <v>1</v>
      </c>
      <c r="DT17" s="70">
        <v>0</v>
      </c>
      <c r="DU17" s="71">
        <v>0</v>
      </c>
      <c r="DV17" s="72">
        <v>0</v>
      </c>
      <c r="DW17" s="244"/>
      <c r="DX17" s="71">
        <v>0</v>
      </c>
      <c r="DY17" s="71">
        <v>0</v>
      </c>
      <c r="DZ17" s="71">
        <v>0</v>
      </c>
      <c r="EA17" s="71">
        <v>0</v>
      </c>
      <c r="EB17" s="71">
        <v>0</v>
      </c>
      <c r="EC17" s="72">
        <v>0</v>
      </c>
      <c r="ED17" s="73">
        <v>0</v>
      </c>
      <c r="EE17" s="70">
        <v>1</v>
      </c>
      <c r="EF17" s="71">
        <v>0</v>
      </c>
      <c r="EG17" s="72">
        <v>1</v>
      </c>
      <c r="EH17" s="244"/>
      <c r="EI17" s="71">
        <v>1</v>
      </c>
      <c r="EJ17" s="71">
        <v>0</v>
      </c>
      <c r="EK17" s="71">
        <v>1</v>
      </c>
      <c r="EL17" s="71">
        <v>0</v>
      </c>
      <c r="EM17" s="71">
        <v>0</v>
      </c>
      <c r="EN17" s="72">
        <v>2</v>
      </c>
      <c r="EO17" s="73">
        <v>3</v>
      </c>
      <c r="EP17" s="70">
        <v>1</v>
      </c>
      <c r="EQ17" s="71">
        <v>1</v>
      </c>
      <c r="ER17" s="72">
        <v>2</v>
      </c>
      <c r="ES17" s="244"/>
      <c r="ET17" s="71">
        <v>3</v>
      </c>
      <c r="EU17" s="71">
        <v>1</v>
      </c>
      <c r="EV17" s="71">
        <v>0</v>
      </c>
      <c r="EW17" s="71">
        <v>0</v>
      </c>
      <c r="EX17" s="71">
        <v>0</v>
      </c>
      <c r="EY17" s="72">
        <v>4</v>
      </c>
      <c r="EZ17" s="73">
        <v>6</v>
      </c>
      <c r="FA17" s="70">
        <v>3</v>
      </c>
      <c r="FB17" s="71">
        <v>0</v>
      </c>
      <c r="FC17" s="72">
        <v>3</v>
      </c>
      <c r="FD17" s="244"/>
      <c r="FE17" s="71">
        <v>3</v>
      </c>
      <c r="FF17" s="71">
        <v>1</v>
      </c>
      <c r="FG17" s="71">
        <v>2</v>
      </c>
      <c r="FH17" s="71">
        <v>1</v>
      </c>
      <c r="FI17" s="71">
        <v>1</v>
      </c>
      <c r="FJ17" s="72">
        <v>8</v>
      </c>
      <c r="FK17" s="73">
        <v>11</v>
      </c>
      <c r="FL17" s="70">
        <v>3</v>
      </c>
      <c r="FM17" s="71">
        <v>4</v>
      </c>
      <c r="FN17" s="72">
        <v>7</v>
      </c>
      <c r="FO17" s="244"/>
      <c r="FP17" s="71">
        <v>2</v>
      </c>
      <c r="FQ17" s="71">
        <v>4</v>
      </c>
      <c r="FR17" s="71">
        <v>2</v>
      </c>
      <c r="FS17" s="71">
        <v>6</v>
      </c>
      <c r="FT17" s="71">
        <v>2</v>
      </c>
      <c r="FU17" s="72">
        <v>16</v>
      </c>
      <c r="FV17" s="73">
        <v>23</v>
      </c>
      <c r="FW17" s="70">
        <v>0</v>
      </c>
      <c r="FX17" s="71">
        <v>0</v>
      </c>
      <c r="FY17" s="72">
        <v>0</v>
      </c>
      <c r="FZ17" s="244"/>
      <c r="GA17" s="71">
        <v>0</v>
      </c>
      <c r="GB17" s="71">
        <v>0</v>
      </c>
      <c r="GC17" s="71">
        <v>0</v>
      </c>
      <c r="GD17" s="71">
        <v>0</v>
      </c>
      <c r="GE17" s="71">
        <v>0</v>
      </c>
      <c r="GF17" s="72">
        <v>0</v>
      </c>
      <c r="GG17" s="73">
        <v>0</v>
      </c>
      <c r="GH17" s="70">
        <v>8</v>
      </c>
      <c r="GI17" s="71">
        <v>5</v>
      </c>
      <c r="GJ17" s="72">
        <v>13</v>
      </c>
      <c r="GK17" s="244"/>
      <c r="GL17" s="71">
        <v>9</v>
      </c>
      <c r="GM17" s="71">
        <v>6</v>
      </c>
      <c r="GN17" s="71">
        <v>5</v>
      </c>
      <c r="GO17" s="71">
        <v>8</v>
      </c>
      <c r="GP17" s="71">
        <v>3</v>
      </c>
      <c r="GQ17" s="72">
        <v>31</v>
      </c>
      <c r="GR17" s="73">
        <v>44</v>
      </c>
      <c r="GS17" s="123">
        <v>48</v>
      </c>
      <c r="GT17" s="82">
        <v>61</v>
      </c>
      <c r="GU17" s="83">
        <v>109</v>
      </c>
      <c r="GV17" s="241"/>
      <c r="GW17" s="82">
        <v>97</v>
      </c>
      <c r="GX17" s="82">
        <v>79</v>
      </c>
      <c r="GY17" s="82">
        <v>45</v>
      </c>
      <c r="GZ17" s="82">
        <v>50</v>
      </c>
      <c r="HA17" s="82">
        <v>30</v>
      </c>
      <c r="HB17" s="84">
        <v>301</v>
      </c>
      <c r="HC17" s="85">
        <v>410</v>
      </c>
      <c r="HD17" s="70">
        <v>0</v>
      </c>
      <c r="HE17" s="71">
        <v>0</v>
      </c>
      <c r="HF17" s="72">
        <v>0</v>
      </c>
      <c r="HG17" s="244"/>
      <c r="HH17" s="71">
        <v>2</v>
      </c>
      <c r="HI17" s="71">
        <v>0</v>
      </c>
      <c r="HJ17" s="71">
        <v>0</v>
      </c>
      <c r="HK17" s="71">
        <v>1</v>
      </c>
      <c r="HL17" s="71">
        <v>0</v>
      </c>
      <c r="HM17" s="72">
        <v>3</v>
      </c>
      <c r="HN17" s="73">
        <v>3</v>
      </c>
      <c r="HO17" s="70">
        <v>3</v>
      </c>
      <c r="HP17" s="71">
        <v>0</v>
      </c>
      <c r="HQ17" s="72">
        <v>3</v>
      </c>
      <c r="HR17" s="244"/>
      <c r="HS17" s="71">
        <v>4</v>
      </c>
      <c r="HT17" s="71">
        <v>3</v>
      </c>
      <c r="HU17" s="71">
        <v>0</v>
      </c>
      <c r="HV17" s="71">
        <v>0</v>
      </c>
      <c r="HW17" s="71">
        <v>3</v>
      </c>
      <c r="HX17" s="72">
        <v>10</v>
      </c>
      <c r="HY17" s="73">
        <v>13</v>
      </c>
      <c r="HZ17" s="70">
        <v>6</v>
      </c>
      <c r="IA17" s="71">
        <v>3</v>
      </c>
      <c r="IB17" s="72">
        <v>9</v>
      </c>
      <c r="IC17" s="244"/>
      <c r="ID17" s="71">
        <v>5</v>
      </c>
      <c r="IE17" s="71">
        <v>7</v>
      </c>
      <c r="IF17" s="71">
        <v>5</v>
      </c>
      <c r="IG17" s="71">
        <v>2</v>
      </c>
      <c r="IH17" s="71">
        <v>2</v>
      </c>
      <c r="II17" s="72">
        <v>21</v>
      </c>
      <c r="IJ17" s="73">
        <v>30</v>
      </c>
      <c r="IK17" s="70">
        <v>3</v>
      </c>
      <c r="IL17" s="71">
        <v>18</v>
      </c>
      <c r="IM17" s="72">
        <v>21</v>
      </c>
      <c r="IN17" s="244"/>
      <c r="IO17" s="71">
        <v>18</v>
      </c>
      <c r="IP17" s="71">
        <v>11</v>
      </c>
      <c r="IQ17" s="71">
        <v>6</v>
      </c>
      <c r="IR17" s="71">
        <v>6</v>
      </c>
      <c r="IS17" s="71">
        <v>7</v>
      </c>
      <c r="IT17" s="72">
        <v>48</v>
      </c>
      <c r="IU17" s="73">
        <v>69</v>
      </c>
      <c r="IV17" s="70">
        <v>19</v>
      </c>
      <c r="IW17" s="71">
        <v>22</v>
      </c>
      <c r="IX17" s="72">
        <v>41</v>
      </c>
      <c r="IY17" s="244"/>
      <c r="IZ17" s="71">
        <v>36</v>
      </c>
      <c r="JA17" s="71">
        <v>25</v>
      </c>
      <c r="JB17" s="71">
        <v>18</v>
      </c>
      <c r="JC17" s="71">
        <v>20</v>
      </c>
      <c r="JD17" s="71">
        <v>6</v>
      </c>
      <c r="JE17" s="72">
        <v>105</v>
      </c>
      <c r="JF17" s="73">
        <v>146</v>
      </c>
      <c r="JG17" s="70">
        <v>17</v>
      </c>
      <c r="JH17" s="71">
        <v>18</v>
      </c>
      <c r="JI17" s="72">
        <v>35</v>
      </c>
      <c r="JJ17" s="244"/>
      <c r="JK17" s="71">
        <v>32</v>
      </c>
      <c r="JL17" s="71">
        <v>33</v>
      </c>
      <c r="JM17" s="71">
        <v>16</v>
      </c>
      <c r="JN17" s="71">
        <v>21</v>
      </c>
      <c r="JO17" s="71">
        <v>12</v>
      </c>
      <c r="JP17" s="72">
        <v>114</v>
      </c>
      <c r="JQ17" s="73">
        <v>149</v>
      </c>
      <c r="JR17" s="70">
        <v>0</v>
      </c>
      <c r="JS17" s="71">
        <v>0</v>
      </c>
      <c r="JT17" s="72">
        <v>0</v>
      </c>
      <c r="JU17" s="244"/>
      <c r="JV17" s="71">
        <v>0</v>
      </c>
      <c r="JW17" s="71">
        <v>0</v>
      </c>
      <c r="JX17" s="71">
        <v>0</v>
      </c>
      <c r="JY17" s="71">
        <v>0</v>
      </c>
      <c r="JZ17" s="71">
        <v>0</v>
      </c>
      <c r="KA17" s="72">
        <v>0</v>
      </c>
      <c r="KB17" s="73">
        <v>0</v>
      </c>
      <c r="KC17" s="70">
        <v>48</v>
      </c>
      <c r="KD17" s="71">
        <v>61</v>
      </c>
      <c r="KE17" s="72">
        <v>109</v>
      </c>
      <c r="KF17" s="244"/>
      <c r="KG17" s="71">
        <v>97</v>
      </c>
      <c r="KH17" s="71">
        <v>79</v>
      </c>
      <c r="KI17" s="71">
        <v>45</v>
      </c>
      <c r="KJ17" s="71">
        <v>50</v>
      </c>
      <c r="KK17" s="71">
        <v>30</v>
      </c>
      <c r="KL17" s="72">
        <v>301</v>
      </c>
      <c r="KM17" s="73">
        <v>410</v>
      </c>
    </row>
    <row r="18" spans="2:299" ht="21" customHeight="1" x14ac:dyDescent="0.2">
      <c r="B18" s="126" t="s">
        <v>15</v>
      </c>
      <c r="C18" s="315">
        <v>22</v>
      </c>
      <c r="D18" s="82">
        <v>27</v>
      </c>
      <c r="E18" s="83">
        <v>49</v>
      </c>
      <c r="F18" s="241"/>
      <c r="G18" s="82">
        <v>36</v>
      </c>
      <c r="H18" s="82">
        <v>23</v>
      </c>
      <c r="I18" s="82">
        <v>24</v>
      </c>
      <c r="J18" s="82">
        <v>24</v>
      </c>
      <c r="K18" s="82">
        <v>9</v>
      </c>
      <c r="L18" s="84">
        <v>116</v>
      </c>
      <c r="M18" s="85">
        <v>165</v>
      </c>
      <c r="N18" s="70">
        <v>1</v>
      </c>
      <c r="O18" s="71">
        <v>0</v>
      </c>
      <c r="P18" s="72">
        <v>1</v>
      </c>
      <c r="Q18" s="244"/>
      <c r="R18" s="71">
        <v>0</v>
      </c>
      <c r="S18" s="71">
        <v>1</v>
      </c>
      <c r="T18" s="71">
        <v>0</v>
      </c>
      <c r="U18" s="71">
        <v>1</v>
      </c>
      <c r="V18" s="71">
        <v>1</v>
      </c>
      <c r="W18" s="72">
        <v>3</v>
      </c>
      <c r="X18" s="73">
        <v>4</v>
      </c>
      <c r="Y18" s="70">
        <v>2</v>
      </c>
      <c r="Z18" s="71">
        <v>2</v>
      </c>
      <c r="AA18" s="72">
        <v>4</v>
      </c>
      <c r="AB18" s="244"/>
      <c r="AC18" s="71">
        <v>3</v>
      </c>
      <c r="AD18" s="71">
        <v>0</v>
      </c>
      <c r="AE18" s="71">
        <v>1</v>
      </c>
      <c r="AF18" s="71">
        <v>4</v>
      </c>
      <c r="AG18" s="71">
        <v>2</v>
      </c>
      <c r="AH18" s="72">
        <v>10</v>
      </c>
      <c r="AI18" s="73">
        <v>14</v>
      </c>
      <c r="AJ18" s="70">
        <v>4</v>
      </c>
      <c r="AK18" s="71">
        <v>3</v>
      </c>
      <c r="AL18" s="72">
        <v>7</v>
      </c>
      <c r="AM18" s="244"/>
      <c r="AN18" s="71">
        <v>4</v>
      </c>
      <c r="AO18" s="71">
        <v>3</v>
      </c>
      <c r="AP18" s="71">
        <v>1</v>
      </c>
      <c r="AQ18" s="71">
        <v>2</v>
      </c>
      <c r="AR18" s="71">
        <v>1</v>
      </c>
      <c r="AS18" s="72">
        <v>11</v>
      </c>
      <c r="AT18" s="73">
        <v>18</v>
      </c>
      <c r="AU18" s="70">
        <v>6</v>
      </c>
      <c r="AV18" s="71">
        <v>3</v>
      </c>
      <c r="AW18" s="72">
        <v>9</v>
      </c>
      <c r="AX18" s="244"/>
      <c r="AY18" s="71">
        <v>8</v>
      </c>
      <c r="AZ18" s="71">
        <v>6</v>
      </c>
      <c r="BA18" s="71">
        <v>3</v>
      </c>
      <c r="BB18" s="71">
        <v>4</v>
      </c>
      <c r="BC18" s="71">
        <v>2</v>
      </c>
      <c r="BD18" s="72">
        <v>23</v>
      </c>
      <c r="BE18" s="73">
        <v>32</v>
      </c>
      <c r="BF18" s="70">
        <v>5</v>
      </c>
      <c r="BG18" s="71">
        <v>11</v>
      </c>
      <c r="BH18" s="72">
        <v>16</v>
      </c>
      <c r="BI18" s="244"/>
      <c r="BJ18" s="71">
        <v>7</v>
      </c>
      <c r="BK18" s="71">
        <v>3</v>
      </c>
      <c r="BL18" s="71">
        <v>4</v>
      </c>
      <c r="BM18" s="71">
        <v>5</v>
      </c>
      <c r="BN18" s="71">
        <v>2</v>
      </c>
      <c r="BO18" s="72">
        <v>21</v>
      </c>
      <c r="BP18" s="73">
        <v>37</v>
      </c>
      <c r="BQ18" s="70">
        <v>4</v>
      </c>
      <c r="BR18" s="71">
        <v>8</v>
      </c>
      <c r="BS18" s="72">
        <v>12</v>
      </c>
      <c r="BT18" s="244"/>
      <c r="BU18" s="71">
        <v>14</v>
      </c>
      <c r="BV18" s="71">
        <v>10</v>
      </c>
      <c r="BW18" s="71">
        <v>15</v>
      </c>
      <c r="BX18" s="71">
        <v>8</v>
      </c>
      <c r="BY18" s="71">
        <v>1</v>
      </c>
      <c r="BZ18" s="72">
        <v>48</v>
      </c>
      <c r="CA18" s="73">
        <v>60</v>
      </c>
      <c r="CB18" s="70">
        <v>0</v>
      </c>
      <c r="CC18" s="71">
        <v>0</v>
      </c>
      <c r="CD18" s="72">
        <v>0</v>
      </c>
      <c r="CE18" s="244"/>
      <c r="CF18" s="71">
        <v>0</v>
      </c>
      <c r="CG18" s="71">
        <v>0</v>
      </c>
      <c r="CH18" s="71">
        <v>0</v>
      </c>
      <c r="CI18" s="71">
        <v>0</v>
      </c>
      <c r="CJ18" s="71">
        <v>0</v>
      </c>
      <c r="CK18" s="72">
        <v>0</v>
      </c>
      <c r="CL18" s="73">
        <v>0</v>
      </c>
      <c r="CM18" s="70">
        <v>22</v>
      </c>
      <c r="CN18" s="71">
        <v>27</v>
      </c>
      <c r="CO18" s="72">
        <v>49</v>
      </c>
      <c r="CP18" s="244"/>
      <c r="CQ18" s="71">
        <v>36</v>
      </c>
      <c r="CR18" s="71">
        <v>23</v>
      </c>
      <c r="CS18" s="71">
        <v>24</v>
      </c>
      <c r="CT18" s="71">
        <v>24</v>
      </c>
      <c r="CU18" s="71">
        <v>9</v>
      </c>
      <c r="CV18" s="72">
        <v>116</v>
      </c>
      <c r="CW18" s="73">
        <v>165</v>
      </c>
      <c r="CX18" s="123">
        <v>2</v>
      </c>
      <c r="CY18" s="82">
        <v>1</v>
      </c>
      <c r="CZ18" s="83">
        <v>3</v>
      </c>
      <c r="DA18" s="241"/>
      <c r="DB18" s="82">
        <v>3</v>
      </c>
      <c r="DC18" s="82">
        <v>9</v>
      </c>
      <c r="DD18" s="82">
        <v>2</v>
      </c>
      <c r="DE18" s="82">
        <v>2</v>
      </c>
      <c r="DF18" s="82">
        <v>2</v>
      </c>
      <c r="DG18" s="84">
        <v>18</v>
      </c>
      <c r="DH18" s="85">
        <v>21</v>
      </c>
      <c r="DI18" s="70">
        <v>0</v>
      </c>
      <c r="DJ18" s="71">
        <v>0</v>
      </c>
      <c r="DK18" s="72">
        <v>0</v>
      </c>
      <c r="DL18" s="244"/>
      <c r="DM18" s="71">
        <v>0</v>
      </c>
      <c r="DN18" s="71">
        <v>0</v>
      </c>
      <c r="DO18" s="71">
        <v>0</v>
      </c>
      <c r="DP18" s="71">
        <v>0</v>
      </c>
      <c r="DQ18" s="71">
        <v>0</v>
      </c>
      <c r="DR18" s="72">
        <v>0</v>
      </c>
      <c r="DS18" s="73">
        <v>0</v>
      </c>
      <c r="DT18" s="70">
        <v>0</v>
      </c>
      <c r="DU18" s="71">
        <v>0</v>
      </c>
      <c r="DV18" s="72">
        <v>0</v>
      </c>
      <c r="DW18" s="244"/>
      <c r="DX18" s="71">
        <v>0</v>
      </c>
      <c r="DY18" s="71">
        <v>0</v>
      </c>
      <c r="DZ18" s="71">
        <v>0</v>
      </c>
      <c r="EA18" s="71">
        <v>0</v>
      </c>
      <c r="EB18" s="71">
        <v>0</v>
      </c>
      <c r="EC18" s="72">
        <v>0</v>
      </c>
      <c r="ED18" s="73">
        <v>0</v>
      </c>
      <c r="EE18" s="70">
        <v>0</v>
      </c>
      <c r="EF18" s="71">
        <v>0</v>
      </c>
      <c r="EG18" s="72">
        <v>0</v>
      </c>
      <c r="EH18" s="244"/>
      <c r="EI18" s="71">
        <v>0</v>
      </c>
      <c r="EJ18" s="71">
        <v>1</v>
      </c>
      <c r="EK18" s="71">
        <v>0</v>
      </c>
      <c r="EL18" s="71">
        <v>0</v>
      </c>
      <c r="EM18" s="71">
        <v>0</v>
      </c>
      <c r="EN18" s="72">
        <v>1</v>
      </c>
      <c r="EO18" s="73">
        <v>1</v>
      </c>
      <c r="EP18" s="70">
        <v>0</v>
      </c>
      <c r="EQ18" s="71">
        <v>0</v>
      </c>
      <c r="ER18" s="72">
        <v>0</v>
      </c>
      <c r="ES18" s="244"/>
      <c r="ET18" s="71">
        <v>0</v>
      </c>
      <c r="EU18" s="71">
        <v>1</v>
      </c>
      <c r="EV18" s="71">
        <v>1</v>
      </c>
      <c r="EW18" s="71">
        <v>0</v>
      </c>
      <c r="EX18" s="71">
        <v>0</v>
      </c>
      <c r="EY18" s="72">
        <v>2</v>
      </c>
      <c r="EZ18" s="73">
        <v>2</v>
      </c>
      <c r="FA18" s="70">
        <v>0</v>
      </c>
      <c r="FB18" s="71">
        <v>0</v>
      </c>
      <c r="FC18" s="72">
        <v>0</v>
      </c>
      <c r="FD18" s="244"/>
      <c r="FE18" s="71">
        <v>0</v>
      </c>
      <c r="FF18" s="71">
        <v>0</v>
      </c>
      <c r="FG18" s="71">
        <v>0</v>
      </c>
      <c r="FH18" s="71">
        <v>1</v>
      </c>
      <c r="FI18" s="71">
        <v>1</v>
      </c>
      <c r="FJ18" s="72">
        <v>2</v>
      </c>
      <c r="FK18" s="73">
        <v>2</v>
      </c>
      <c r="FL18" s="70">
        <v>2</v>
      </c>
      <c r="FM18" s="71">
        <v>1</v>
      </c>
      <c r="FN18" s="72">
        <v>3</v>
      </c>
      <c r="FO18" s="244"/>
      <c r="FP18" s="71">
        <v>3</v>
      </c>
      <c r="FQ18" s="71">
        <v>7</v>
      </c>
      <c r="FR18" s="71">
        <v>1</v>
      </c>
      <c r="FS18" s="71">
        <v>1</v>
      </c>
      <c r="FT18" s="71">
        <v>1</v>
      </c>
      <c r="FU18" s="72">
        <v>13</v>
      </c>
      <c r="FV18" s="73">
        <v>16</v>
      </c>
      <c r="FW18" s="70">
        <v>0</v>
      </c>
      <c r="FX18" s="71">
        <v>0</v>
      </c>
      <c r="FY18" s="72">
        <v>0</v>
      </c>
      <c r="FZ18" s="244"/>
      <c r="GA18" s="71">
        <v>0</v>
      </c>
      <c r="GB18" s="71">
        <v>0</v>
      </c>
      <c r="GC18" s="71">
        <v>0</v>
      </c>
      <c r="GD18" s="71">
        <v>0</v>
      </c>
      <c r="GE18" s="71">
        <v>0</v>
      </c>
      <c r="GF18" s="72">
        <v>0</v>
      </c>
      <c r="GG18" s="73">
        <v>0</v>
      </c>
      <c r="GH18" s="70">
        <v>2</v>
      </c>
      <c r="GI18" s="71">
        <v>1</v>
      </c>
      <c r="GJ18" s="72">
        <v>3</v>
      </c>
      <c r="GK18" s="244"/>
      <c r="GL18" s="71">
        <v>3</v>
      </c>
      <c r="GM18" s="71">
        <v>9</v>
      </c>
      <c r="GN18" s="71">
        <v>2</v>
      </c>
      <c r="GO18" s="71">
        <v>2</v>
      </c>
      <c r="GP18" s="71">
        <v>2</v>
      </c>
      <c r="GQ18" s="72">
        <v>18</v>
      </c>
      <c r="GR18" s="73">
        <v>21</v>
      </c>
      <c r="GS18" s="123">
        <v>24</v>
      </c>
      <c r="GT18" s="82">
        <v>28</v>
      </c>
      <c r="GU18" s="83">
        <v>52</v>
      </c>
      <c r="GV18" s="241"/>
      <c r="GW18" s="82">
        <v>39</v>
      </c>
      <c r="GX18" s="82">
        <v>32</v>
      </c>
      <c r="GY18" s="82">
        <v>26</v>
      </c>
      <c r="GZ18" s="82">
        <v>26</v>
      </c>
      <c r="HA18" s="82">
        <v>11</v>
      </c>
      <c r="HB18" s="84">
        <v>134</v>
      </c>
      <c r="HC18" s="85">
        <v>186</v>
      </c>
      <c r="HD18" s="70">
        <v>1</v>
      </c>
      <c r="HE18" s="71">
        <v>0</v>
      </c>
      <c r="HF18" s="72">
        <v>1</v>
      </c>
      <c r="HG18" s="244"/>
      <c r="HH18" s="71">
        <v>0</v>
      </c>
      <c r="HI18" s="71">
        <v>1</v>
      </c>
      <c r="HJ18" s="71">
        <v>0</v>
      </c>
      <c r="HK18" s="71">
        <v>1</v>
      </c>
      <c r="HL18" s="71">
        <v>1</v>
      </c>
      <c r="HM18" s="72">
        <v>3</v>
      </c>
      <c r="HN18" s="73">
        <v>4</v>
      </c>
      <c r="HO18" s="70">
        <v>2</v>
      </c>
      <c r="HP18" s="71">
        <v>2</v>
      </c>
      <c r="HQ18" s="72">
        <v>4</v>
      </c>
      <c r="HR18" s="244"/>
      <c r="HS18" s="71">
        <v>3</v>
      </c>
      <c r="HT18" s="71">
        <v>0</v>
      </c>
      <c r="HU18" s="71">
        <v>1</v>
      </c>
      <c r="HV18" s="71">
        <v>4</v>
      </c>
      <c r="HW18" s="71">
        <v>2</v>
      </c>
      <c r="HX18" s="72">
        <v>10</v>
      </c>
      <c r="HY18" s="73">
        <v>14</v>
      </c>
      <c r="HZ18" s="70">
        <v>4</v>
      </c>
      <c r="IA18" s="71">
        <v>3</v>
      </c>
      <c r="IB18" s="72">
        <v>7</v>
      </c>
      <c r="IC18" s="244"/>
      <c r="ID18" s="71">
        <v>4</v>
      </c>
      <c r="IE18" s="71">
        <v>4</v>
      </c>
      <c r="IF18" s="71">
        <v>1</v>
      </c>
      <c r="IG18" s="71">
        <v>2</v>
      </c>
      <c r="IH18" s="71">
        <v>1</v>
      </c>
      <c r="II18" s="72">
        <v>12</v>
      </c>
      <c r="IJ18" s="73">
        <v>19</v>
      </c>
      <c r="IK18" s="70">
        <v>6</v>
      </c>
      <c r="IL18" s="71">
        <v>3</v>
      </c>
      <c r="IM18" s="72">
        <v>9</v>
      </c>
      <c r="IN18" s="244"/>
      <c r="IO18" s="71">
        <v>8</v>
      </c>
      <c r="IP18" s="71">
        <v>7</v>
      </c>
      <c r="IQ18" s="71">
        <v>4</v>
      </c>
      <c r="IR18" s="71">
        <v>4</v>
      </c>
      <c r="IS18" s="71">
        <v>2</v>
      </c>
      <c r="IT18" s="72">
        <v>25</v>
      </c>
      <c r="IU18" s="73">
        <v>34</v>
      </c>
      <c r="IV18" s="70">
        <v>5</v>
      </c>
      <c r="IW18" s="71">
        <v>11</v>
      </c>
      <c r="IX18" s="72">
        <v>16</v>
      </c>
      <c r="IY18" s="244"/>
      <c r="IZ18" s="71">
        <v>7</v>
      </c>
      <c r="JA18" s="71">
        <v>3</v>
      </c>
      <c r="JB18" s="71">
        <v>4</v>
      </c>
      <c r="JC18" s="71">
        <v>6</v>
      </c>
      <c r="JD18" s="71">
        <v>3</v>
      </c>
      <c r="JE18" s="72">
        <v>23</v>
      </c>
      <c r="JF18" s="73">
        <v>39</v>
      </c>
      <c r="JG18" s="70">
        <v>6</v>
      </c>
      <c r="JH18" s="71">
        <v>9</v>
      </c>
      <c r="JI18" s="72">
        <v>15</v>
      </c>
      <c r="JJ18" s="244"/>
      <c r="JK18" s="71">
        <v>17</v>
      </c>
      <c r="JL18" s="71">
        <v>17</v>
      </c>
      <c r="JM18" s="71">
        <v>16</v>
      </c>
      <c r="JN18" s="71">
        <v>9</v>
      </c>
      <c r="JO18" s="71">
        <v>2</v>
      </c>
      <c r="JP18" s="72">
        <v>61</v>
      </c>
      <c r="JQ18" s="73">
        <v>76</v>
      </c>
      <c r="JR18" s="70">
        <v>0</v>
      </c>
      <c r="JS18" s="71">
        <v>0</v>
      </c>
      <c r="JT18" s="72">
        <v>0</v>
      </c>
      <c r="JU18" s="244"/>
      <c r="JV18" s="71">
        <v>0</v>
      </c>
      <c r="JW18" s="71">
        <v>0</v>
      </c>
      <c r="JX18" s="71">
        <v>0</v>
      </c>
      <c r="JY18" s="71">
        <v>0</v>
      </c>
      <c r="JZ18" s="71">
        <v>0</v>
      </c>
      <c r="KA18" s="72">
        <v>0</v>
      </c>
      <c r="KB18" s="73">
        <v>0</v>
      </c>
      <c r="KC18" s="70">
        <v>24</v>
      </c>
      <c r="KD18" s="71">
        <v>28</v>
      </c>
      <c r="KE18" s="72">
        <v>52</v>
      </c>
      <c r="KF18" s="244"/>
      <c r="KG18" s="71">
        <v>39</v>
      </c>
      <c r="KH18" s="71">
        <v>32</v>
      </c>
      <c r="KI18" s="71">
        <v>26</v>
      </c>
      <c r="KJ18" s="71">
        <v>26</v>
      </c>
      <c r="KK18" s="71">
        <v>11</v>
      </c>
      <c r="KL18" s="72">
        <v>134</v>
      </c>
      <c r="KM18" s="73">
        <v>186</v>
      </c>
    </row>
    <row r="19" spans="2:299" ht="21" customHeight="1" x14ac:dyDescent="0.2">
      <c r="B19" s="126" t="s">
        <v>16</v>
      </c>
      <c r="C19" s="315">
        <v>34</v>
      </c>
      <c r="D19" s="82">
        <v>40</v>
      </c>
      <c r="E19" s="83">
        <v>74</v>
      </c>
      <c r="F19" s="241"/>
      <c r="G19" s="82">
        <v>85</v>
      </c>
      <c r="H19" s="82">
        <v>89</v>
      </c>
      <c r="I19" s="82">
        <v>55</v>
      </c>
      <c r="J19" s="82">
        <v>45</v>
      </c>
      <c r="K19" s="82">
        <v>20</v>
      </c>
      <c r="L19" s="84">
        <v>294</v>
      </c>
      <c r="M19" s="85">
        <v>368</v>
      </c>
      <c r="N19" s="70">
        <v>0</v>
      </c>
      <c r="O19" s="71">
        <v>1</v>
      </c>
      <c r="P19" s="72">
        <v>1</v>
      </c>
      <c r="Q19" s="244"/>
      <c r="R19" s="71">
        <v>3</v>
      </c>
      <c r="S19" s="71">
        <v>3</v>
      </c>
      <c r="T19" s="71">
        <v>0</v>
      </c>
      <c r="U19" s="71">
        <v>2</v>
      </c>
      <c r="V19" s="71">
        <v>1</v>
      </c>
      <c r="W19" s="72">
        <v>9</v>
      </c>
      <c r="X19" s="73">
        <v>10</v>
      </c>
      <c r="Y19" s="70">
        <v>8</v>
      </c>
      <c r="Z19" s="71">
        <v>5</v>
      </c>
      <c r="AA19" s="72">
        <v>13</v>
      </c>
      <c r="AB19" s="244"/>
      <c r="AC19" s="71">
        <v>1</v>
      </c>
      <c r="AD19" s="71">
        <v>4</v>
      </c>
      <c r="AE19" s="71">
        <v>7</v>
      </c>
      <c r="AF19" s="71">
        <v>1</v>
      </c>
      <c r="AG19" s="71">
        <v>1</v>
      </c>
      <c r="AH19" s="72">
        <v>14</v>
      </c>
      <c r="AI19" s="73">
        <v>27</v>
      </c>
      <c r="AJ19" s="70">
        <v>4</v>
      </c>
      <c r="AK19" s="71">
        <v>3</v>
      </c>
      <c r="AL19" s="72">
        <v>7</v>
      </c>
      <c r="AM19" s="244"/>
      <c r="AN19" s="71">
        <v>13</v>
      </c>
      <c r="AO19" s="71">
        <v>7</v>
      </c>
      <c r="AP19" s="71">
        <v>5</v>
      </c>
      <c r="AQ19" s="71">
        <v>2</v>
      </c>
      <c r="AR19" s="71">
        <v>2</v>
      </c>
      <c r="AS19" s="72">
        <v>29</v>
      </c>
      <c r="AT19" s="73">
        <v>36</v>
      </c>
      <c r="AU19" s="70">
        <v>6</v>
      </c>
      <c r="AV19" s="71">
        <v>5</v>
      </c>
      <c r="AW19" s="72">
        <v>11</v>
      </c>
      <c r="AX19" s="244"/>
      <c r="AY19" s="71">
        <v>20</v>
      </c>
      <c r="AZ19" s="71">
        <v>24</v>
      </c>
      <c r="BA19" s="71">
        <v>9</v>
      </c>
      <c r="BB19" s="71">
        <v>6</v>
      </c>
      <c r="BC19" s="71">
        <v>9</v>
      </c>
      <c r="BD19" s="72">
        <v>68</v>
      </c>
      <c r="BE19" s="73">
        <v>79</v>
      </c>
      <c r="BF19" s="70">
        <v>13</v>
      </c>
      <c r="BG19" s="71">
        <v>14</v>
      </c>
      <c r="BH19" s="72">
        <v>27</v>
      </c>
      <c r="BI19" s="244"/>
      <c r="BJ19" s="71">
        <v>18</v>
      </c>
      <c r="BK19" s="71">
        <v>25</v>
      </c>
      <c r="BL19" s="71">
        <v>12</v>
      </c>
      <c r="BM19" s="71">
        <v>8</v>
      </c>
      <c r="BN19" s="71">
        <v>2</v>
      </c>
      <c r="BO19" s="72">
        <v>65</v>
      </c>
      <c r="BP19" s="73">
        <v>92</v>
      </c>
      <c r="BQ19" s="70">
        <v>3</v>
      </c>
      <c r="BR19" s="71">
        <v>12</v>
      </c>
      <c r="BS19" s="72">
        <v>15</v>
      </c>
      <c r="BT19" s="244"/>
      <c r="BU19" s="71">
        <v>30</v>
      </c>
      <c r="BV19" s="71">
        <v>26</v>
      </c>
      <c r="BW19" s="71">
        <v>22</v>
      </c>
      <c r="BX19" s="71">
        <v>26</v>
      </c>
      <c r="BY19" s="71">
        <v>5</v>
      </c>
      <c r="BZ19" s="72">
        <v>109</v>
      </c>
      <c r="CA19" s="73">
        <v>124</v>
      </c>
      <c r="CB19" s="70">
        <v>0</v>
      </c>
      <c r="CC19" s="71">
        <v>0</v>
      </c>
      <c r="CD19" s="72">
        <v>0</v>
      </c>
      <c r="CE19" s="244"/>
      <c r="CF19" s="71">
        <v>0</v>
      </c>
      <c r="CG19" s="71">
        <v>0</v>
      </c>
      <c r="CH19" s="71">
        <v>0</v>
      </c>
      <c r="CI19" s="71">
        <v>0</v>
      </c>
      <c r="CJ19" s="71">
        <v>0</v>
      </c>
      <c r="CK19" s="72">
        <v>0</v>
      </c>
      <c r="CL19" s="73">
        <v>0</v>
      </c>
      <c r="CM19" s="70">
        <v>34</v>
      </c>
      <c r="CN19" s="71">
        <v>40</v>
      </c>
      <c r="CO19" s="72">
        <v>74</v>
      </c>
      <c r="CP19" s="244"/>
      <c r="CQ19" s="71">
        <v>85</v>
      </c>
      <c r="CR19" s="71">
        <v>89</v>
      </c>
      <c r="CS19" s="71">
        <v>55</v>
      </c>
      <c r="CT19" s="71">
        <v>45</v>
      </c>
      <c r="CU19" s="71">
        <v>20</v>
      </c>
      <c r="CV19" s="72">
        <v>294</v>
      </c>
      <c r="CW19" s="73">
        <v>368</v>
      </c>
      <c r="CX19" s="123">
        <v>4</v>
      </c>
      <c r="CY19" s="82">
        <v>7</v>
      </c>
      <c r="CZ19" s="83">
        <v>11</v>
      </c>
      <c r="DA19" s="241"/>
      <c r="DB19" s="82">
        <v>13</v>
      </c>
      <c r="DC19" s="82">
        <v>18</v>
      </c>
      <c r="DD19" s="82">
        <v>6</v>
      </c>
      <c r="DE19" s="82">
        <v>9</v>
      </c>
      <c r="DF19" s="82">
        <v>7</v>
      </c>
      <c r="DG19" s="84">
        <v>53</v>
      </c>
      <c r="DH19" s="85">
        <v>64</v>
      </c>
      <c r="DI19" s="70">
        <v>0</v>
      </c>
      <c r="DJ19" s="71">
        <v>0</v>
      </c>
      <c r="DK19" s="72">
        <v>0</v>
      </c>
      <c r="DL19" s="244"/>
      <c r="DM19" s="71">
        <v>0</v>
      </c>
      <c r="DN19" s="71">
        <v>0</v>
      </c>
      <c r="DO19" s="71">
        <v>0</v>
      </c>
      <c r="DP19" s="71">
        <v>0</v>
      </c>
      <c r="DQ19" s="71">
        <v>0</v>
      </c>
      <c r="DR19" s="72">
        <v>0</v>
      </c>
      <c r="DS19" s="73">
        <v>0</v>
      </c>
      <c r="DT19" s="70">
        <v>0</v>
      </c>
      <c r="DU19" s="71">
        <v>1</v>
      </c>
      <c r="DV19" s="72">
        <v>1</v>
      </c>
      <c r="DW19" s="244"/>
      <c r="DX19" s="71">
        <v>2</v>
      </c>
      <c r="DY19" s="71">
        <v>1</v>
      </c>
      <c r="DZ19" s="71">
        <v>0</v>
      </c>
      <c r="EA19" s="71">
        <v>1</v>
      </c>
      <c r="EB19" s="71">
        <v>0</v>
      </c>
      <c r="EC19" s="72">
        <v>4</v>
      </c>
      <c r="ED19" s="73">
        <v>5</v>
      </c>
      <c r="EE19" s="70">
        <v>1</v>
      </c>
      <c r="EF19" s="71">
        <v>1</v>
      </c>
      <c r="EG19" s="72">
        <v>2</v>
      </c>
      <c r="EH19" s="244"/>
      <c r="EI19" s="71">
        <v>0</v>
      </c>
      <c r="EJ19" s="71">
        <v>1</v>
      </c>
      <c r="EK19" s="71">
        <v>1</v>
      </c>
      <c r="EL19" s="71">
        <v>0</v>
      </c>
      <c r="EM19" s="71">
        <v>0</v>
      </c>
      <c r="EN19" s="72">
        <v>2</v>
      </c>
      <c r="EO19" s="73">
        <v>4</v>
      </c>
      <c r="EP19" s="70">
        <v>0</v>
      </c>
      <c r="EQ19" s="71">
        <v>2</v>
      </c>
      <c r="ER19" s="72">
        <v>2</v>
      </c>
      <c r="ES19" s="244"/>
      <c r="ET19" s="71">
        <v>3</v>
      </c>
      <c r="EU19" s="71">
        <v>3</v>
      </c>
      <c r="EV19" s="71">
        <v>1</v>
      </c>
      <c r="EW19" s="71">
        <v>0</v>
      </c>
      <c r="EX19" s="71">
        <v>0</v>
      </c>
      <c r="EY19" s="72">
        <v>7</v>
      </c>
      <c r="EZ19" s="73">
        <v>9</v>
      </c>
      <c r="FA19" s="70">
        <v>2</v>
      </c>
      <c r="FB19" s="71">
        <v>1</v>
      </c>
      <c r="FC19" s="72">
        <v>3</v>
      </c>
      <c r="FD19" s="244"/>
      <c r="FE19" s="71">
        <v>0</v>
      </c>
      <c r="FF19" s="71">
        <v>7</v>
      </c>
      <c r="FG19" s="71">
        <v>1</v>
      </c>
      <c r="FH19" s="71">
        <v>1</v>
      </c>
      <c r="FI19" s="71">
        <v>3</v>
      </c>
      <c r="FJ19" s="72">
        <v>12</v>
      </c>
      <c r="FK19" s="73">
        <v>15</v>
      </c>
      <c r="FL19" s="70">
        <v>1</v>
      </c>
      <c r="FM19" s="71">
        <v>2</v>
      </c>
      <c r="FN19" s="72">
        <v>3</v>
      </c>
      <c r="FO19" s="244"/>
      <c r="FP19" s="71">
        <v>8</v>
      </c>
      <c r="FQ19" s="71">
        <v>6</v>
      </c>
      <c r="FR19" s="71">
        <v>3</v>
      </c>
      <c r="FS19" s="71">
        <v>7</v>
      </c>
      <c r="FT19" s="71">
        <v>4</v>
      </c>
      <c r="FU19" s="72">
        <v>28</v>
      </c>
      <c r="FV19" s="73">
        <v>31</v>
      </c>
      <c r="FW19" s="70">
        <v>0</v>
      </c>
      <c r="FX19" s="71">
        <v>0</v>
      </c>
      <c r="FY19" s="72">
        <v>0</v>
      </c>
      <c r="FZ19" s="244"/>
      <c r="GA19" s="71">
        <v>0</v>
      </c>
      <c r="GB19" s="71">
        <v>0</v>
      </c>
      <c r="GC19" s="71">
        <v>0</v>
      </c>
      <c r="GD19" s="71">
        <v>0</v>
      </c>
      <c r="GE19" s="71">
        <v>0</v>
      </c>
      <c r="GF19" s="72">
        <v>0</v>
      </c>
      <c r="GG19" s="73">
        <v>0</v>
      </c>
      <c r="GH19" s="70">
        <v>4</v>
      </c>
      <c r="GI19" s="71">
        <v>7</v>
      </c>
      <c r="GJ19" s="72">
        <v>11</v>
      </c>
      <c r="GK19" s="244"/>
      <c r="GL19" s="71">
        <v>13</v>
      </c>
      <c r="GM19" s="71">
        <v>18</v>
      </c>
      <c r="GN19" s="71">
        <v>6</v>
      </c>
      <c r="GO19" s="71">
        <v>9</v>
      </c>
      <c r="GP19" s="71">
        <v>7</v>
      </c>
      <c r="GQ19" s="72">
        <v>53</v>
      </c>
      <c r="GR19" s="73">
        <v>64</v>
      </c>
      <c r="GS19" s="123">
        <v>38</v>
      </c>
      <c r="GT19" s="82">
        <v>47</v>
      </c>
      <c r="GU19" s="83">
        <v>85</v>
      </c>
      <c r="GV19" s="241"/>
      <c r="GW19" s="82">
        <v>98</v>
      </c>
      <c r="GX19" s="82">
        <v>107</v>
      </c>
      <c r="GY19" s="82">
        <v>61</v>
      </c>
      <c r="GZ19" s="82">
        <v>54</v>
      </c>
      <c r="HA19" s="82">
        <v>27</v>
      </c>
      <c r="HB19" s="84">
        <v>347</v>
      </c>
      <c r="HC19" s="85">
        <v>432</v>
      </c>
      <c r="HD19" s="70">
        <v>0</v>
      </c>
      <c r="HE19" s="71">
        <v>1</v>
      </c>
      <c r="HF19" s="72">
        <v>1</v>
      </c>
      <c r="HG19" s="244"/>
      <c r="HH19" s="71">
        <v>3</v>
      </c>
      <c r="HI19" s="71">
        <v>3</v>
      </c>
      <c r="HJ19" s="71">
        <v>0</v>
      </c>
      <c r="HK19" s="71">
        <v>2</v>
      </c>
      <c r="HL19" s="71">
        <v>1</v>
      </c>
      <c r="HM19" s="72">
        <v>9</v>
      </c>
      <c r="HN19" s="73">
        <v>10</v>
      </c>
      <c r="HO19" s="70">
        <v>8</v>
      </c>
      <c r="HP19" s="71">
        <v>6</v>
      </c>
      <c r="HQ19" s="72">
        <v>14</v>
      </c>
      <c r="HR19" s="244"/>
      <c r="HS19" s="71">
        <v>3</v>
      </c>
      <c r="HT19" s="71">
        <v>5</v>
      </c>
      <c r="HU19" s="71">
        <v>7</v>
      </c>
      <c r="HV19" s="71">
        <v>2</v>
      </c>
      <c r="HW19" s="71">
        <v>1</v>
      </c>
      <c r="HX19" s="72">
        <v>18</v>
      </c>
      <c r="HY19" s="73">
        <v>32</v>
      </c>
      <c r="HZ19" s="70">
        <v>5</v>
      </c>
      <c r="IA19" s="71">
        <v>4</v>
      </c>
      <c r="IB19" s="72">
        <v>9</v>
      </c>
      <c r="IC19" s="244"/>
      <c r="ID19" s="71">
        <v>13</v>
      </c>
      <c r="IE19" s="71">
        <v>8</v>
      </c>
      <c r="IF19" s="71">
        <v>6</v>
      </c>
      <c r="IG19" s="71">
        <v>2</v>
      </c>
      <c r="IH19" s="71">
        <v>2</v>
      </c>
      <c r="II19" s="72">
        <v>31</v>
      </c>
      <c r="IJ19" s="73">
        <v>40</v>
      </c>
      <c r="IK19" s="70">
        <v>6</v>
      </c>
      <c r="IL19" s="71">
        <v>7</v>
      </c>
      <c r="IM19" s="72">
        <v>13</v>
      </c>
      <c r="IN19" s="244"/>
      <c r="IO19" s="71">
        <v>23</v>
      </c>
      <c r="IP19" s="71">
        <v>27</v>
      </c>
      <c r="IQ19" s="71">
        <v>10</v>
      </c>
      <c r="IR19" s="71">
        <v>6</v>
      </c>
      <c r="IS19" s="71">
        <v>9</v>
      </c>
      <c r="IT19" s="72">
        <v>75</v>
      </c>
      <c r="IU19" s="73">
        <v>88</v>
      </c>
      <c r="IV19" s="70">
        <v>15</v>
      </c>
      <c r="IW19" s="71">
        <v>15</v>
      </c>
      <c r="IX19" s="72">
        <v>30</v>
      </c>
      <c r="IY19" s="244"/>
      <c r="IZ19" s="71">
        <v>18</v>
      </c>
      <c r="JA19" s="71">
        <v>32</v>
      </c>
      <c r="JB19" s="71">
        <v>13</v>
      </c>
      <c r="JC19" s="71">
        <v>9</v>
      </c>
      <c r="JD19" s="71">
        <v>5</v>
      </c>
      <c r="JE19" s="72">
        <v>77</v>
      </c>
      <c r="JF19" s="73">
        <v>107</v>
      </c>
      <c r="JG19" s="70">
        <v>4</v>
      </c>
      <c r="JH19" s="71">
        <v>14</v>
      </c>
      <c r="JI19" s="72">
        <v>18</v>
      </c>
      <c r="JJ19" s="244"/>
      <c r="JK19" s="71">
        <v>38</v>
      </c>
      <c r="JL19" s="71">
        <v>32</v>
      </c>
      <c r="JM19" s="71">
        <v>25</v>
      </c>
      <c r="JN19" s="71">
        <v>33</v>
      </c>
      <c r="JO19" s="71">
        <v>9</v>
      </c>
      <c r="JP19" s="72">
        <v>137</v>
      </c>
      <c r="JQ19" s="73">
        <v>155</v>
      </c>
      <c r="JR19" s="70">
        <v>0</v>
      </c>
      <c r="JS19" s="71">
        <v>0</v>
      </c>
      <c r="JT19" s="72">
        <v>0</v>
      </c>
      <c r="JU19" s="244"/>
      <c r="JV19" s="71">
        <v>0</v>
      </c>
      <c r="JW19" s="71">
        <v>0</v>
      </c>
      <c r="JX19" s="71">
        <v>0</v>
      </c>
      <c r="JY19" s="71">
        <v>0</v>
      </c>
      <c r="JZ19" s="71">
        <v>0</v>
      </c>
      <c r="KA19" s="72">
        <v>0</v>
      </c>
      <c r="KB19" s="73">
        <v>0</v>
      </c>
      <c r="KC19" s="70">
        <v>38</v>
      </c>
      <c r="KD19" s="71">
        <v>47</v>
      </c>
      <c r="KE19" s="72">
        <v>85</v>
      </c>
      <c r="KF19" s="244"/>
      <c r="KG19" s="71">
        <v>98</v>
      </c>
      <c r="KH19" s="71">
        <v>107</v>
      </c>
      <c r="KI19" s="71">
        <v>61</v>
      </c>
      <c r="KJ19" s="71">
        <v>54</v>
      </c>
      <c r="KK19" s="71">
        <v>27</v>
      </c>
      <c r="KL19" s="72">
        <v>347</v>
      </c>
      <c r="KM19" s="73">
        <v>432</v>
      </c>
    </row>
    <row r="20" spans="2:299" ht="21" customHeight="1" x14ac:dyDescent="0.2">
      <c r="B20" s="126" t="s">
        <v>17</v>
      </c>
      <c r="C20" s="315">
        <v>60</v>
      </c>
      <c r="D20" s="82">
        <v>62</v>
      </c>
      <c r="E20" s="83">
        <v>122</v>
      </c>
      <c r="F20" s="241"/>
      <c r="G20" s="82">
        <v>101</v>
      </c>
      <c r="H20" s="82">
        <v>98</v>
      </c>
      <c r="I20" s="82">
        <v>66</v>
      </c>
      <c r="J20" s="82">
        <v>52</v>
      </c>
      <c r="K20" s="82">
        <v>35</v>
      </c>
      <c r="L20" s="84">
        <v>352</v>
      </c>
      <c r="M20" s="85">
        <v>474</v>
      </c>
      <c r="N20" s="70">
        <v>2</v>
      </c>
      <c r="O20" s="71">
        <v>1</v>
      </c>
      <c r="P20" s="72">
        <v>3</v>
      </c>
      <c r="Q20" s="244"/>
      <c r="R20" s="71">
        <v>1</v>
      </c>
      <c r="S20" s="71">
        <v>3</v>
      </c>
      <c r="T20" s="71">
        <v>5</v>
      </c>
      <c r="U20" s="71">
        <v>2</v>
      </c>
      <c r="V20" s="71">
        <v>1</v>
      </c>
      <c r="W20" s="72">
        <v>12</v>
      </c>
      <c r="X20" s="73">
        <v>15</v>
      </c>
      <c r="Y20" s="70">
        <v>2</v>
      </c>
      <c r="Z20" s="71">
        <v>2</v>
      </c>
      <c r="AA20" s="72">
        <v>4</v>
      </c>
      <c r="AB20" s="244"/>
      <c r="AC20" s="71">
        <v>3</v>
      </c>
      <c r="AD20" s="71">
        <v>5</v>
      </c>
      <c r="AE20" s="71">
        <v>6</v>
      </c>
      <c r="AF20" s="71">
        <v>2</v>
      </c>
      <c r="AG20" s="71">
        <v>1</v>
      </c>
      <c r="AH20" s="72">
        <v>17</v>
      </c>
      <c r="AI20" s="73">
        <v>21</v>
      </c>
      <c r="AJ20" s="70">
        <v>10</v>
      </c>
      <c r="AK20" s="71">
        <v>5</v>
      </c>
      <c r="AL20" s="72">
        <v>15</v>
      </c>
      <c r="AM20" s="244"/>
      <c r="AN20" s="71">
        <v>9</v>
      </c>
      <c r="AO20" s="71">
        <v>10</v>
      </c>
      <c r="AP20" s="71">
        <v>6</v>
      </c>
      <c r="AQ20" s="71">
        <v>5</v>
      </c>
      <c r="AR20" s="71">
        <v>3</v>
      </c>
      <c r="AS20" s="72">
        <v>33</v>
      </c>
      <c r="AT20" s="73">
        <v>48</v>
      </c>
      <c r="AU20" s="70">
        <v>10</v>
      </c>
      <c r="AV20" s="71">
        <v>19</v>
      </c>
      <c r="AW20" s="72">
        <v>29</v>
      </c>
      <c r="AX20" s="244"/>
      <c r="AY20" s="71">
        <v>28</v>
      </c>
      <c r="AZ20" s="71">
        <v>24</v>
      </c>
      <c r="BA20" s="71">
        <v>12</v>
      </c>
      <c r="BB20" s="71">
        <v>8</v>
      </c>
      <c r="BC20" s="71">
        <v>10</v>
      </c>
      <c r="BD20" s="72">
        <v>82</v>
      </c>
      <c r="BE20" s="73">
        <v>111</v>
      </c>
      <c r="BF20" s="70">
        <v>20</v>
      </c>
      <c r="BG20" s="71">
        <v>15</v>
      </c>
      <c r="BH20" s="72">
        <v>35</v>
      </c>
      <c r="BI20" s="244"/>
      <c r="BJ20" s="71">
        <v>32</v>
      </c>
      <c r="BK20" s="71">
        <v>37</v>
      </c>
      <c r="BL20" s="71">
        <v>17</v>
      </c>
      <c r="BM20" s="71">
        <v>18</v>
      </c>
      <c r="BN20" s="71">
        <v>14</v>
      </c>
      <c r="BO20" s="72">
        <v>118</v>
      </c>
      <c r="BP20" s="73">
        <v>153</v>
      </c>
      <c r="BQ20" s="70">
        <v>16</v>
      </c>
      <c r="BR20" s="71">
        <v>20</v>
      </c>
      <c r="BS20" s="72">
        <v>36</v>
      </c>
      <c r="BT20" s="244"/>
      <c r="BU20" s="71">
        <v>28</v>
      </c>
      <c r="BV20" s="71">
        <v>19</v>
      </c>
      <c r="BW20" s="71">
        <v>20</v>
      </c>
      <c r="BX20" s="71">
        <v>17</v>
      </c>
      <c r="BY20" s="71">
        <v>6</v>
      </c>
      <c r="BZ20" s="72">
        <v>90</v>
      </c>
      <c r="CA20" s="73">
        <v>126</v>
      </c>
      <c r="CB20" s="70">
        <v>0</v>
      </c>
      <c r="CC20" s="71">
        <v>0</v>
      </c>
      <c r="CD20" s="72">
        <v>0</v>
      </c>
      <c r="CE20" s="244"/>
      <c r="CF20" s="71">
        <v>0</v>
      </c>
      <c r="CG20" s="71">
        <v>0</v>
      </c>
      <c r="CH20" s="71">
        <v>0</v>
      </c>
      <c r="CI20" s="71">
        <v>0</v>
      </c>
      <c r="CJ20" s="71">
        <v>0</v>
      </c>
      <c r="CK20" s="72">
        <v>0</v>
      </c>
      <c r="CL20" s="73">
        <v>0</v>
      </c>
      <c r="CM20" s="70">
        <v>60</v>
      </c>
      <c r="CN20" s="71">
        <v>62</v>
      </c>
      <c r="CO20" s="72">
        <v>122</v>
      </c>
      <c r="CP20" s="244"/>
      <c r="CQ20" s="71">
        <v>101</v>
      </c>
      <c r="CR20" s="71">
        <v>98</v>
      </c>
      <c r="CS20" s="71">
        <v>66</v>
      </c>
      <c r="CT20" s="71">
        <v>52</v>
      </c>
      <c r="CU20" s="71">
        <v>35</v>
      </c>
      <c r="CV20" s="72">
        <v>352</v>
      </c>
      <c r="CW20" s="73">
        <v>474</v>
      </c>
      <c r="CX20" s="123">
        <v>12</v>
      </c>
      <c r="CY20" s="82">
        <v>6</v>
      </c>
      <c r="CZ20" s="83">
        <v>18</v>
      </c>
      <c r="DA20" s="241"/>
      <c r="DB20" s="82">
        <v>10</v>
      </c>
      <c r="DC20" s="82">
        <v>16</v>
      </c>
      <c r="DD20" s="82">
        <v>9</v>
      </c>
      <c r="DE20" s="82">
        <v>7</v>
      </c>
      <c r="DF20" s="82">
        <v>10</v>
      </c>
      <c r="DG20" s="84">
        <v>52</v>
      </c>
      <c r="DH20" s="85">
        <v>70</v>
      </c>
      <c r="DI20" s="70">
        <v>0</v>
      </c>
      <c r="DJ20" s="71">
        <v>0</v>
      </c>
      <c r="DK20" s="72">
        <v>0</v>
      </c>
      <c r="DL20" s="244"/>
      <c r="DM20" s="71">
        <v>0</v>
      </c>
      <c r="DN20" s="71">
        <v>1</v>
      </c>
      <c r="DO20" s="71">
        <v>0</v>
      </c>
      <c r="DP20" s="71">
        <v>0</v>
      </c>
      <c r="DQ20" s="71">
        <v>1</v>
      </c>
      <c r="DR20" s="72">
        <v>2</v>
      </c>
      <c r="DS20" s="73">
        <v>2</v>
      </c>
      <c r="DT20" s="70">
        <v>0</v>
      </c>
      <c r="DU20" s="71">
        <v>1</v>
      </c>
      <c r="DV20" s="72">
        <v>1</v>
      </c>
      <c r="DW20" s="244"/>
      <c r="DX20" s="71">
        <v>1</v>
      </c>
      <c r="DY20" s="71">
        <v>2</v>
      </c>
      <c r="DZ20" s="71">
        <v>0</v>
      </c>
      <c r="EA20" s="71">
        <v>1</v>
      </c>
      <c r="EB20" s="71">
        <v>0</v>
      </c>
      <c r="EC20" s="72">
        <v>4</v>
      </c>
      <c r="ED20" s="73">
        <v>5</v>
      </c>
      <c r="EE20" s="70">
        <v>1</v>
      </c>
      <c r="EF20" s="71">
        <v>0</v>
      </c>
      <c r="EG20" s="72">
        <v>1</v>
      </c>
      <c r="EH20" s="244"/>
      <c r="EI20" s="71">
        <v>2</v>
      </c>
      <c r="EJ20" s="71">
        <v>0</v>
      </c>
      <c r="EK20" s="71">
        <v>2</v>
      </c>
      <c r="EL20" s="71">
        <v>0</v>
      </c>
      <c r="EM20" s="71">
        <v>0</v>
      </c>
      <c r="EN20" s="72">
        <v>4</v>
      </c>
      <c r="EO20" s="73">
        <v>5</v>
      </c>
      <c r="EP20" s="70">
        <v>5</v>
      </c>
      <c r="EQ20" s="71">
        <v>2</v>
      </c>
      <c r="ER20" s="72">
        <v>7</v>
      </c>
      <c r="ES20" s="244"/>
      <c r="ET20" s="71">
        <v>3</v>
      </c>
      <c r="EU20" s="71">
        <v>3</v>
      </c>
      <c r="EV20" s="71">
        <v>3</v>
      </c>
      <c r="EW20" s="71">
        <v>1</v>
      </c>
      <c r="EX20" s="71">
        <v>2</v>
      </c>
      <c r="EY20" s="72">
        <v>12</v>
      </c>
      <c r="EZ20" s="73">
        <v>19</v>
      </c>
      <c r="FA20" s="70">
        <v>5</v>
      </c>
      <c r="FB20" s="71">
        <v>2</v>
      </c>
      <c r="FC20" s="72">
        <v>7</v>
      </c>
      <c r="FD20" s="244"/>
      <c r="FE20" s="71">
        <v>3</v>
      </c>
      <c r="FF20" s="71">
        <v>5</v>
      </c>
      <c r="FG20" s="71">
        <v>1</v>
      </c>
      <c r="FH20" s="71">
        <v>2</v>
      </c>
      <c r="FI20" s="71">
        <v>2</v>
      </c>
      <c r="FJ20" s="72">
        <v>13</v>
      </c>
      <c r="FK20" s="73">
        <v>20</v>
      </c>
      <c r="FL20" s="70">
        <v>1</v>
      </c>
      <c r="FM20" s="71">
        <v>1</v>
      </c>
      <c r="FN20" s="72">
        <v>2</v>
      </c>
      <c r="FO20" s="244"/>
      <c r="FP20" s="71">
        <v>1</v>
      </c>
      <c r="FQ20" s="71">
        <v>5</v>
      </c>
      <c r="FR20" s="71">
        <v>3</v>
      </c>
      <c r="FS20" s="71">
        <v>3</v>
      </c>
      <c r="FT20" s="71">
        <v>5</v>
      </c>
      <c r="FU20" s="72">
        <v>17</v>
      </c>
      <c r="FV20" s="73">
        <v>19</v>
      </c>
      <c r="FW20" s="70">
        <v>0</v>
      </c>
      <c r="FX20" s="71">
        <v>0</v>
      </c>
      <c r="FY20" s="72">
        <v>0</v>
      </c>
      <c r="FZ20" s="244"/>
      <c r="GA20" s="71">
        <v>0</v>
      </c>
      <c r="GB20" s="71">
        <v>0</v>
      </c>
      <c r="GC20" s="71">
        <v>0</v>
      </c>
      <c r="GD20" s="71">
        <v>0</v>
      </c>
      <c r="GE20" s="71">
        <v>0</v>
      </c>
      <c r="GF20" s="72">
        <v>0</v>
      </c>
      <c r="GG20" s="73">
        <v>0</v>
      </c>
      <c r="GH20" s="70">
        <v>12</v>
      </c>
      <c r="GI20" s="71">
        <v>6</v>
      </c>
      <c r="GJ20" s="72">
        <v>18</v>
      </c>
      <c r="GK20" s="244"/>
      <c r="GL20" s="71">
        <v>10</v>
      </c>
      <c r="GM20" s="71">
        <v>16</v>
      </c>
      <c r="GN20" s="71">
        <v>9</v>
      </c>
      <c r="GO20" s="71">
        <v>7</v>
      </c>
      <c r="GP20" s="71">
        <v>10</v>
      </c>
      <c r="GQ20" s="72">
        <v>52</v>
      </c>
      <c r="GR20" s="73">
        <v>70</v>
      </c>
      <c r="GS20" s="123">
        <v>72</v>
      </c>
      <c r="GT20" s="82">
        <v>68</v>
      </c>
      <c r="GU20" s="83">
        <v>140</v>
      </c>
      <c r="GV20" s="241"/>
      <c r="GW20" s="82">
        <v>111</v>
      </c>
      <c r="GX20" s="82">
        <v>114</v>
      </c>
      <c r="GY20" s="82">
        <v>75</v>
      </c>
      <c r="GZ20" s="82">
        <v>59</v>
      </c>
      <c r="HA20" s="82">
        <v>45</v>
      </c>
      <c r="HB20" s="84">
        <v>404</v>
      </c>
      <c r="HC20" s="85">
        <v>544</v>
      </c>
      <c r="HD20" s="70">
        <v>2</v>
      </c>
      <c r="HE20" s="71">
        <v>1</v>
      </c>
      <c r="HF20" s="72">
        <v>3</v>
      </c>
      <c r="HG20" s="244"/>
      <c r="HH20" s="71">
        <v>1</v>
      </c>
      <c r="HI20" s="71">
        <v>4</v>
      </c>
      <c r="HJ20" s="71">
        <v>5</v>
      </c>
      <c r="HK20" s="71">
        <v>2</v>
      </c>
      <c r="HL20" s="71">
        <v>2</v>
      </c>
      <c r="HM20" s="72">
        <v>14</v>
      </c>
      <c r="HN20" s="73">
        <v>17</v>
      </c>
      <c r="HO20" s="70">
        <v>2</v>
      </c>
      <c r="HP20" s="71">
        <v>3</v>
      </c>
      <c r="HQ20" s="72">
        <v>5</v>
      </c>
      <c r="HR20" s="244"/>
      <c r="HS20" s="71">
        <v>4</v>
      </c>
      <c r="HT20" s="71">
        <v>7</v>
      </c>
      <c r="HU20" s="71">
        <v>6</v>
      </c>
      <c r="HV20" s="71">
        <v>3</v>
      </c>
      <c r="HW20" s="71">
        <v>1</v>
      </c>
      <c r="HX20" s="72">
        <v>21</v>
      </c>
      <c r="HY20" s="73">
        <v>26</v>
      </c>
      <c r="HZ20" s="70">
        <v>11</v>
      </c>
      <c r="IA20" s="71">
        <v>5</v>
      </c>
      <c r="IB20" s="72">
        <v>16</v>
      </c>
      <c r="IC20" s="244"/>
      <c r="ID20" s="71">
        <v>11</v>
      </c>
      <c r="IE20" s="71">
        <v>10</v>
      </c>
      <c r="IF20" s="71">
        <v>8</v>
      </c>
      <c r="IG20" s="71">
        <v>5</v>
      </c>
      <c r="IH20" s="71">
        <v>3</v>
      </c>
      <c r="II20" s="72">
        <v>37</v>
      </c>
      <c r="IJ20" s="73">
        <v>53</v>
      </c>
      <c r="IK20" s="70">
        <v>15</v>
      </c>
      <c r="IL20" s="71">
        <v>21</v>
      </c>
      <c r="IM20" s="72">
        <v>36</v>
      </c>
      <c r="IN20" s="244"/>
      <c r="IO20" s="71">
        <v>31</v>
      </c>
      <c r="IP20" s="71">
        <v>27</v>
      </c>
      <c r="IQ20" s="71">
        <v>15</v>
      </c>
      <c r="IR20" s="71">
        <v>9</v>
      </c>
      <c r="IS20" s="71">
        <v>12</v>
      </c>
      <c r="IT20" s="72">
        <v>94</v>
      </c>
      <c r="IU20" s="73">
        <v>130</v>
      </c>
      <c r="IV20" s="70">
        <v>25</v>
      </c>
      <c r="IW20" s="71">
        <v>17</v>
      </c>
      <c r="IX20" s="72">
        <v>42</v>
      </c>
      <c r="IY20" s="244"/>
      <c r="IZ20" s="71">
        <v>35</v>
      </c>
      <c r="JA20" s="71">
        <v>42</v>
      </c>
      <c r="JB20" s="71">
        <v>18</v>
      </c>
      <c r="JC20" s="71">
        <v>20</v>
      </c>
      <c r="JD20" s="71">
        <v>16</v>
      </c>
      <c r="JE20" s="72">
        <v>131</v>
      </c>
      <c r="JF20" s="73">
        <v>173</v>
      </c>
      <c r="JG20" s="70">
        <v>17</v>
      </c>
      <c r="JH20" s="71">
        <v>21</v>
      </c>
      <c r="JI20" s="72">
        <v>38</v>
      </c>
      <c r="JJ20" s="244"/>
      <c r="JK20" s="71">
        <v>29</v>
      </c>
      <c r="JL20" s="71">
        <v>24</v>
      </c>
      <c r="JM20" s="71">
        <v>23</v>
      </c>
      <c r="JN20" s="71">
        <v>20</v>
      </c>
      <c r="JO20" s="71">
        <v>11</v>
      </c>
      <c r="JP20" s="72">
        <v>107</v>
      </c>
      <c r="JQ20" s="73">
        <v>145</v>
      </c>
      <c r="JR20" s="70">
        <v>0</v>
      </c>
      <c r="JS20" s="71">
        <v>0</v>
      </c>
      <c r="JT20" s="72">
        <v>0</v>
      </c>
      <c r="JU20" s="244"/>
      <c r="JV20" s="71">
        <v>0</v>
      </c>
      <c r="JW20" s="71">
        <v>0</v>
      </c>
      <c r="JX20" s="71">
        <v>0</v>
      </c>
      <c r="JY20" s="71">
        <v>0</v>
      </c>
      <c r="JZ20" s="71">
        <v>0</v>
      </c>
      <c r="KA20" s="72">
        <v>0</v>
      </c>
      <c r="KB20" s="73">
        <v>0</v>
      </c>
      <c r="KC20" s="70">
        <v>72</v>
      </c>
      <c r="KD20" s="71">
        <v>68</v>
      </c>
      <c r="KE20" s="72">
        <v>140</v>
      </c>
      <c r="KF20" s="244"/>
      <c r="KG20" s="71">
        <v>111</v>
      </c>
      <c r="KH20" s="71">
        <v>114</v>
      </c>
      <c r="KI20" s="71">
        <v>75</v>
      </c>
      <c r="KJ20" s="71">
        <v>59</v>
      </c>
      <c r="KK20" s="71">
        <v>45</v>
      </c>
      <c r="KL20" s="72">
        <v>404</v>
      </c>
      <c r="KM20" s="73">
        <v>544</v>
      </c>
    </row>
    <row r="21" spans="2:299" ht="21" customHeight="1" x14ac:dyDescent="0.2">
      <c r="B21" s="126" t="s">
        <v>18</v>
      </c>
      <c r="C21" s="315">
        <v>82</v>
      </c>
      <c r="D21" s="82">
        <v>86</v>
      </c>
      <c r="E21" s="83">
        <v>168</v>
      </c>
      <c r="F21" s="241"/>
      <c r="G21" s="82">
        <v>151</v>
      </c>
      <c r="H21" s="82">
        <v>109</v>
      </c>
      <c r="I21" s="82">
        <v>86</v>
      </c>
      <c r="J21" s="82">
        <v>63</v>
      </c>
      <c r="K21" s="82">
        <v>39</v>
      </c>
      <c r="L21" s="84">
        <v>448</v>
      </c>
      <c r="M21" s="85">
        <v>616</v>
      </c>
      <c r="N21" s="70">
        <v>1</v>
      </c>
      <c r="O21" s="71">
        <v>3</v>
      </c>
      <c r="P21" s="72">
        <v>4</v>
      </c>
      <c r="Q21" s="244"/>
      <c r="R21" s="71">
        <v>2</v>
      </c>
      <c r="S21" s="71">
        <v>2</v>
      </c>
      <c r="T21" s="71">
        <v>2</v>
      </c>
      <c r="U21" s="71">
        <v>1</v>
      </c>
      <c r="V21" s="71">
        <v>2</v>
      </c>
      <c r="W21" s="72">
        <v>9</v>
      </c>
      <c r="X21" s="73">
        <v>13</v>
      </c>
      <c r="Y21" s="70">
        <v>2</v>
      </c>
      <c r="Z21" s="71">
        <v>2</v>
      </c>
      <c r="AA21" s="72">
        <v>4</v>
      </c>
      <c r="AB21" s="244"/>
      <c r="AC21" s="71">
        <v>10</v>
      </c>
      <c r="AD21" s="71">
        <v>2</v>
      </c>
      <c r="AE21" s="71">
        <v>1</v>
      </c>
      <c r="AF21" s="71">
        <v>4</v>
      </c>
      <c r="AG21" s="71">
        <v>4</v>
      </c>
      <c r="AH21" s="72">
        <v>21</v>
      </c>
      <c r="AI21" s="73">
        <v>25</v>
      </c>
      <c r="AJ21" s="70">
        <v>7</v>
      </c>
      <c r="AK21" s="71">
        <v>8</v>
      </c>
      <c r="AL21" s="72">
        <v>15</v>
      </c>
      <c r="AM21" s="244"/>
      <c r="AN21" s="71">
        <v>13</v>
      </c>
      <c r="AO21" s="71">
        <v>9</v>
      </c>
      <c r="AP21" s="71">
        <v>8</v>
      </c>
      <c r="AQ21" s="71">
        <v>5</v>
      </c>
      <c r="AR21" s="71">
        <v>4</v>
      </c>
      <c r="AS21" s="72">
        <v>39</v>
      </c>
      <c r="AT21" s="73">
        <v>54</v>
      </c>
      <c r="AU21" s="70">
        <v>25</v>
      </c>
      <c r="AV21" s="71">
        <v>14</v>
      </c>
      <c r="AW21" s="72">
        <v>39</v>
      </c>
      <c r="AX21" s="244"/>
      <c r="AY21" s="71">
        <v>27</v>
      </c>
      <c r="AZ21" s="71">
        <v>20</v>
      </c>
      <c r="BA21" s="71">
        <v>14</v>
      </c>
      <c r="BB21" s="71">
        <v>7</v>
      </c>
      <c r="BC21" s="71">
        <v>13</v>
      </c>
      <c r="BD21" s="72">
        <v>81</v>
      </c>
      <c r="BE21" s="73">
        <v>120</v>
      </c>
      <c r="BF21" s="70">
        <v>25</v>
      </c>
      <c r="BG21" s="71">
        <v>37</v>
      </c>
      <c r="BH21" s="72">
        <v>62</v>
      </c>
      <c r="BI21" s="244"/>
      <c r="BJ21" s="71">
        <v>46</v>
      </c>
      <c r="BK21" s="71">
        <v>36</v>
      </c>
      <c r="BL21" s="71">
        <v>32</v>
      </c>
      <c r="BM21" s="71">
        <v>23</v>
      </c>
      <c r="BN21" s="71">
        <v>8</v>
      </c>
      <c r="BO21" s="72">
        <v>145</v>
      </c>
      <c r="BP21" s="73">
        <v>207</v>
      </c>
      <c r="BQ21" s="70">
        <v>22</v>
      </c>
      <c r="BR21" s="71">
        <v>22</v>
      </c>
      <c r="BS21" s="72">
        <v>44</v>
      </c>
      <c r="BT21" s="244"/>
      <c r="BU21" s="71">
        <v>53</v>
      </c>
      <c r="BV21" s="71">
        <v>40</v>
      </c>
      <c r="BW21" s="71">
        <v>29</v>
      </c>
      <c r="BX21" s="71">
        <v>23</v>
      </c>
      <c r="BY21" s="71">
        <v>8</v>
      </c>
      <c r="BZ21" s="72">
        <v>153</v>
      </c>
      <c r="CA21" s="73">
        <v>197</v>
      </c>
      <c r="CB21" s="70">
        <v>0</v>
      </c>
      <c r="CC21" s="71">
        <v>0</v>
      </c>
      <c r="CD21" s="72">
        <v>0</v>
      </c>
      <c r="CE21" s="244"/>
      <c r="CF21" s="71">
        <v>0</v>
      </c>
      <c r="CG21" s="71">
        <v>0</v>
      </c>
      <c r="CH21" s="71">
        <v>0</v>
      </c>
      <c r="CI21" s="71">
        <v>0</v>
      </c>
      <c r="CJ21" s="71">
        <v>0</v>
      </c>
      <c r="CK21" s="72">
        <v>0</v>
      </c>
      <c r="CL21" s="73">
        <v>0</v>
      </c>
      <c r="CM21" s="70">
        <v>82</v>
      </c>
      <c r="CN21" s="71">
        <v>86</v>
      </c>
      <c r="CO21" s="72">
        <v>168</v>
      </c>
      <c r="CP21" s="244"/>
      <c r="CQ21" s="71">
        <v>151</v>
      </c>
      <c r="CR21" s="71">
        <v>109</v>
      </c>
      <c r="CS21" s="71">
        <v>86</v>
      </c>
      <c r="CT21" s="71">
        <v>63</v>
      </c>
      <c r="CU21" s="71">
        <v>39</v>
      </c>
      <c r="CV21" s="72">
        <v>448</v>
      </c>
      <c r="CW21" s="73">
        <v>616</v>
      </c>
      <c r="CX21" s="123">
        <v>12</v>
      </c>
      <c r="CY21" s="82">
        <v>9</v>
      </c>
      <c r="CZ21" s="83">
        <v>21</v>
      </c>
      <c r="DA21" s="241"/>
      <c r="DB21" s="82">
        <v>16</v>
      </c>
      <c r="DC21" s="82">
        <v>16</v>
      </c>
      <c r="DD21" s="82">
        <v>9</v>
      </c>
      <c r="DE21" s="82">
        <v>7</v>
      </c>
      <c r="DF21" s="82">
        <v>3</v>
      </c>
      <c r="DG21" s="84">
        <v>51</v>
      </c>
      <c r="DH21" s="85">
        <v>72</v>
      </c>
      <c r="DI21" s="70">
        <v>0</v>
      </c>
      <c r="DJ21" s="71">
        <v>1</v>
      </c>
      <c r="DK21" s="72">
        <v>1</v>
      </c>
      <c r="DL21" s="244"/>
      <c r="DM21" s="71">
        <v>0</v>
      </c>
      <c r="DN21" s="71">
        <v>0</v>
      </c>
      <c r="DO21" s="71">
        <v>0</v>
      </c>
      <c r="DP21" s="71">
        <v>0</v>
      </c>
      <c r="DQ21" s="71">
        <v>0</v>
      </c>
      <c r="DR21" s="72">
        <v>0</v>
      </c>
      <c r="DS21" s="73">
        <v>1</v>
      </c>
      <c r="DT21" s="70">
        <v>1</v>
      </c>
      <c r="DU21" s="71">
        <v>1</v>
      </c>
      <c r="DV21" s="72">
        <v>2</v>
      </c>
      <c r="DW21" s="244"/>
      <c r="DX21" s="71">
        <v>1</v>
      </c>
      <c r="DY21" s="71">
        <v>0</v>
      </c>
      <c r="DZ21" s="71">
        <v>1</v>
      </c>
      <c r="EA21" s="71">
        <v>0</v>
      </c>
      <c r="EB21" s="71">
        <v>0</v>
      </c>
      <c r="EC21" s="72">
        <v>2</v>
      </c>
      <c r="ED21" s="73">
        <v>4</v>
      </c>
      <c r="EE21" s="70">
        <v>1</v>
      </c>
      <c r="EF21" s="71">
        <v>3</v>
      </c>
      <c r="EG21" s="72">
        <v>4</v>
      </c>
      <c r="EH21" s="244"/>
      <c r="EI21" s="71">
        <v>1</v>
      </c>
      <c r="EJ21" s="71">
        <v>4</v>
      </c>
      <c r="EK21" s="71">
        <v>2</v>
      </c>
      <c r="EL21" s="71">
        <v>0</v>
      </c>
      <c r="EM21" s="71">
        <v>0</v>
      </c>
      <c r="EN21" s="72">
        <v>7</v>
      </c>
      <c r="EO21" s="73">
        <v>11</v>
      </c>
      <c r="EP21" s="70">
        <v>5</v>
      </c>
      <c r="EQ21" s="71">
        <v>4</v>
      </c>
      <c r="ER21" s="72">
        <v>9</v>
      </c>
      <c r="ES21" s="244"/>
      <c r="ET21" s="71">
        <v>3</v>
      </c>
      <c r="EU21" s="71">
        <v>2</v>
      </c>
      <c r="EV21" s="71">
        <v>0</v>
      </c>
      <c r="EW21" s="71">
        <v>1</v>
      </c>
      <c r="EX21" s="71">
        <v>0</v>
      </c>
      <c r="EY21" s="72">
        <v>6</v>
      </c>
      <c r="EZ21" s="73">
        <v>15</v>
      </c>
      <c r="FA21" s="70">
        <v>4</v>
      </c>
      <c r="FB21" s="71">
        <v>0</v>
      </c>
      <c r="FC21" s="72">
        <v>4</v>
      </c>
      <c r="FD21" s="244"/>
      <c r="FE21" s="71">
        <v>8</v>
      </c>
      <c r="FF21" s="71">
        <v>8</v>
      </c>
      <c r="FG21" s="71">
        <v>2</v>
      </c>
      <c r="FH21" s="71">
        <v>4</v>
      </c>
      <c r="FI21" s="71">
        <v>2</v>
      </c>
      <c r="FJ21" s="72">
        <v>24</v>
      </c>
      <c r="FK21" s="73">
        <v>28</v>
      </c>
      <c r="FL21" s="70">
        <v>1</v>
      </c>
      <c r="FM21" s="71">
        <v>0</v>
      </c>
      <c r="FN21" s="72">
        <v>1</v>
      </c>
      <c r="FO21" s="244"/>
      <c r="FP21" s="71">
        <v>3</v>
      </c>
      <c r="FQ21" s="71">
        <v>2</v>
      </c>
      <c r="FR21" s="71">
        <v>4</v>
      </c>
      <c r="FS21" s="71">
        <v>2</v>
      </c>
      <c r="FT21" s="71">
        <v>1</v>
      </c>
      <c r="FU21" s="72">
        <v>12</v>
      </c>
      <c r="FV21" s="73">
        <v>13</v>
      </c>
      <c r="FW21" s="70">
        <v>0</v>
      </c>
      <c r="FX21" s="71">
        <v>0</v>
      </c>
      <c r="FY21" s="72">
        <v>0</v>
      </c>
      <c r="FZ21" s="244"/>
      <c r="GA21" s="71">
        <v>0</v>
      </c>
      <c r="GB21" s="71">
        <v>0</v>
      </c>
      <c r="GC21" s="71">
        <v>0</v>
      </c>
      <c r="GD21" s="71">
        <v>0</v>
      </c>
      <c r="GE21" s="71">
        <v>0</v>
      </c>
      <c r="GF21" s="72">
        <v>0</v>
      </c>
      <c r="GG21" s="73">
        <v>0</v>
      </c>
      <c r="GH21" s="70">
        <v>12</v>
      </c>
      <c r="GI21" s="71">
        <v>9</v>
      </c>
      <c r="GJ21" s="72">
        <v>21</v>
      </c>
      <c r="GK21" s="244"/>
      <c r="GL21" s="71">
        <v>16</v>
      </c>
      <c r="GM21" s="71">
        <v>16</v>
      </c>
      <c r="GN21" s="71">
        <v>9</v>
      </c>
      <c r="GO21" s="71">
        <v>7</v>
      </c>
      <c r="GP21" s="71">
        <v>3</v>
      </c>
      <c r="GQ21" s="72">
        <v>51</v>
      </c>
      <c r="GR21" s="73">
        <v>72</v>
      </c>
      <c r="GS21" s="123">
        <v>94</v>
      </c>
      <c r="GT21" s="82">
        <v>95</v>
      </c>
      <c r="GU21" s="83">
        <v>189</v>
      </c>
      <c r="GV21" s="241"/>
      <c r="GW21" s="82">
        <v>167</v>
      </c>
      <c r="GX21" s="82">
        <v>125</v>
      </c>
      <c r="GY21" s="82">
        <v>95</v>
      </c>
      <c r="GZ21" s="82">
        <v>70</v>
      </c>
      <c r="HA21" s="82">
        <v>42</v>
      </c>
      <c r="HB21" s="84">
        <v>499</v>
      </c>
      <c r="HC21" s="85">
        <v>688</v>
      </c>
      <c r="HD21" s="70">
        <v>1</v>
      </c>
      <c r="HE21" s="71">
        <v>4</v>
      </c>
      <c r="HF21" s="72">
        <v>5</v>
      </c>
      <c r="HG21" s="244"/>
      <c r="HH21" s="71">
        <v>2</v>
      </c>
      <c r="HI21" s="71">
        <v>2</v>
      </c>
      <c r="HJ21" s="71">
        <v>2</v>
      </c>
      <c r="HK21" s="71">
        <v>1</v>
      </c>
      <c r="HL21" s="71">
        <v>2</v>
      </c>
      <c r="HM21" s="72">
        <v>9</v>
      </c>
      <c r="HN21" s="73">
        <v>14</v>
      </c>
      <c r="HO21" s="70">
        <v>3</v>
      </c>
      <c r="HP21" s="71">
        <v>3</v>
      </c>
      <c r="HQ21" s="72">
        <v>6</v>
      </c>
      <c r="HR21" s="244"/>
      <c r="HS21" s="71">
        <v>11</v>
      </c>
      <c r="HT21" s="71">
        <v>2</v>
      </c>
      <c r="HU21" s="71">
        <v>2</v>
      </c>
      <c r="HV21" s="71">
        <v>4</v>
      </c>
      <c r="HW21" s="71">
        <v>4</v>
      </c>
      <c r="HX21" s="72">
        <v>23</v>
      </c>
      <c r="HY21" s="73">
        <v>29</v>
      </c>
      <c r="HZ21" s="70">
        <v>8</v>
      </c>
      <c r="IA21" s="71">
        <v>11</v>
      </c>
      <c r="IB21" s="72">
        <v>19</v>
      </c>
      <c r="IC21" s="244"/>
      <c r="ID21" s="71">
        <v>14</v>
      </c>
      <c r="IE21" s="71">
        <v>13</v>
      </c>
      <c r="IF21" s="71">
        <v>10</v>
      </c>
      <c r="IG21" s="71">
        <v>5</v>
      </c>
      <c r="IH21" s="71">
        <v>4</v>
      </c>
      <c r="II21" s="72">
        <v>46</v>
      </c>
      <c r="IJ21" s="73">
        <v>65</v>
      </c>
      <c r="IK21" s="70">
        <v>30</v>
      </c>
      <c r="IL21" s="71">
        <v>18</v>
      </c>
      <c r="IM21" s="72">
        <v>48</v>
      </c>
      <c r="IN21" s="244"/>
      <c r="IO21" s="71">
        <v>30</v>
      </c>
      <c r="IP21" s="71">
        <v>22</v>
      </c>
      <c r="IQ21" s="71">
        <v>14</v>
      </c>
      <c r="IR21" s="71">
        <v>8</v>
      </c>
      <c r="IS21" s="71">
        <v>13</v>
      </c>
      <c r="IT21" s="72">
        <v>87</v>
      </c>
      <c r="IU21" s="73">
        <v>135</v>
      </c>
      <c r="IV21" s="70">
        <v>29</v>
      </c>
      <c r="IW21" s="71">
        <v>37</v>
      </c>
      <c r="IX21" s="72">
        <v>66</v>
      </c>
      <c r="IY21" s="244"/>
      <c r="IZ21" s="71">
        <v>54</v>
      </c>
      <c r="JA21" s="71">
        <v>44</v>
      </c>
      <c r="JB21" s="71">
        <v>34</v>
      </c>
      <c r="JC21" s="71">
        <v>27</v>
      </c>
      <c r="JD21" s="71">
        <v>10</v>
      </c>
      <c r="JE21" s="72">
        <v>169</v>
      </c>
      <c r="JF21" s="73">
        <v>235</v>
      </c>
      <c r="JG21" s="70">
        <v>23</v>
      </c>
      <c r="JH21" s="71">
        <v>22</v>
      </c>
      <c r="JI21" s="72">
        <v>45</v>
      </c>
      <c r="JJ21" s="244"/>
      <c r="JK21" s="71">
        <v>56</v>
      </c>
      <c r="JL21" s="71">
        <v>42</v>
      </c>
      <c r="JM21" s="71">
        <v>33</v>
      </c>
      <c r="JN21" s="71">
        <v>25</v>
      </c>
      <c r="JO21" s="71">
        <v>9</v>
      </c>
      <c r="JP21" s="72">
        <v>165</v>
      </c>
      <c r="JQ21" s="73">
        <v>210</v>
      </c>
      <c r="JR21" s="70">
        <v>0</v>
      </c>
      <c r="JS21" s="71">
        <v>0</v>
      </c>
      <c r="JT21" s="72">
        <v>0</v>
      </c>
      <c r="JU21" s="244"/>
      <c r="JV21" s="71">
        <v>0</v>
      </c>
      <c r="JW21" s="71">
        <v>0</v>
      </c>
      <c r="JX21" s="71">
        <v>0</v>
      </c>
      <c r="JY21" s="71">
        <v>0</v>
      </c>
      <c r="JZ21" s="71">
        <v>0</v>
      </c>
      <c r="KA21" s="72">
        <v>0</v>
      </c>
      <c r="KB21" s="73">
        <v>0</v>
      </c>
      <c r="KC21" s="70">
        <v>94</v>
      </c>
      <c r="KD21" s="71">
        <v>95</v>
      </c>
      <c r="KE21" s="72">
        <v>189</v>
      </c>
      <c r="KF21" s="244"/>
      <c r="KG21" s="71">
        <v>167</v>
      </c>
      <c r="KH21" s="71">
        <v>125</v>
      </c>
      <c r="KI21" s="71">
        <v>95</v>
      </c>
      <c r="KJ21" s="71">
        <v>70</v>
      </c>
      <c r="KK21" s="71">
        <v>42</v>
      </c>
      <c r="KL21" s="72">
        <v>499</v>
      </c>
      <c r="KM21" s="73">
        <v>688</v>
      </c>
    </row>
    <row r="22" spans="2:299" ht="21" customHeight="1" x14ac:dyDescent="0.2">
      <c r="B22" s="126" t="s">
        <v>19</v>
      </c>
      <c r="C22" s="315">
        <v>37</v>
      </c>
      <c r="D22" s="82">
        <v>34</v>
      </c>
      <c r="E22" s="83">
        <v>71</v>
      </c>
      <c r="F22" s="241"/>
      <c r="G22" s="82">
        <v>68</v>
      </c>
      <c r="H22" s="82">
        <v>50</v>
      </c>
      <c r="I22" s="82">
        <v>24</v>
      </c>
      <c r="J22" s="82">
        <v>23</v>
      </c>
      <c r="K22" s="82">
        <v>14</v>
      </c>
      <c r="L22" s="84">
        <v>179</v>
      </c>
      <c r="M22" s="85">
        <v>250</v>
      </c>
      <c r="N22" s="86">
        <v>1</v>
      </c>
      <c r="O22" s="71">
        <v>0</v>
      </c>
      <c r="P22" s="72">
        <v>1</v>
      </c>
      <c r="Q22" s="244"/>
      <c r="R22" s="71">
        <v>2</v>
      </c>
      <c r="S22" s="71">
        <v>1</v>
      </c>
      <c r="T22" s="71">
        <v>1</v>
      </c>
      <c r="U22" s="71">
        <v>0</v>
      </c>
      <c r="V22" s="71">
        <v>0</v>
      </c>
      <c r="W22" s="72">
        <v>4</v>
      </c>
      <c r="X22" s="73">
        <v>5</v>
      </c>
      <c r="Y22" s="70">
        <v>2</v>
      </c>
      <c r="Z22" s="71">
        <v>2</v>
      </c>
      <c r="AA22" s="72">
        <v>4</v>
      </c>
      <c r="AB22" s="244"/>
      <c r="AC22" s="71">
        <v>0</v>
      </c>
      <c r="AD22" s="71">
        <v>4</v>
      </c>
      <c r="AE22" s="71">
        <v>1</v>
      </c>
      <c r="AF22" s="71">
        <v>0</v>
      </c>
      <c r="AG22" s="71">
        <v>2</v>
      </c>
      <c r="AH22" s="72">
        <v>7</v>
      </c>
      <c r="AI22" s="73">
        <v>11</v>
      </c>
      <c r="AJ22" s="86">
        <v>1</v>
      </c>
      <c r="AK22" s="71">
        <v>3</v>
      </c>
      <c r="AL22" s="72">
        <v>4</v>
      </c>
      <c r="AM22" s="244"/>
      <c r="AN22" s="71">
        <v>4</v>
      </c>
      <c r="AO22" s="71">
        <v>3</v>
      </c>
      <c r="AP22" s="71">
        <v>1</v>
      </c>
      <c r="AQ22" s="71">
        <v>1</v>
      </c>
      <c r="AR22" s="71">
        <v>0</v>
      </c>
      <c r="AS22" s="72">
        <v>9</v>
      </c>
      <c r="AT22" s="73">
        <v>13</v>
      </c>
      <c r="AU22" s="70">
        <v>11</v>
      </c>
      <c r="AV22" s="71">
        <v>6</v>
      </c>
      <c r="AW22" s="72">
        <v>17</v>
      </c>
      <c r="AX22" s="244"/>
      <c r="AY22" s="71">
        <v>10</v>
      </c>
      <c r="AZ22" s="71">
        <v>11</v>
      </c>
      <c r="BA22" s="71">
        <v>4</v>
      </c>
      <c r="BB22" s="71">
        <v>8</v>
      </c>
      <c r="BC22" s="71">
        <v>2</v>
      </c>
      <c r="BD22" s="72">
        <v>35</v>
      </c>
      <c r="BE22" s="73">
        <v>52</v>
      </c>
      <c r="BF22" s="86">
        <v>12</v>
      </c>
      <c r="BG22" s="71">
        <v>14</v>
      </c>
      <c r="BH22" s="72">
        <v>26</v>
      </c>
      <c r="BI22" s="244"/>
      <c r="BJ22" s="71">
        <v>30</v>
      </c>
      <c r="BK22" s="71">
        <v>15</v>
      </c>
      <c r="BL22" s="71">
        <v>8</v>
      </c>
      <c r="BM22" s="71">
        <v>7</v>
      </c>
      <c r="BN22" s="71">
        <v>3</v>
      </c>
      <c r="BO22" s="72">
        <v>63</v>
      </c>
      <c r="BP22" s="73">
        <v>89</v>
      </c>
      <c r="BQ22" s="70">
        <v>10</v>
      </c>
      <c r="BR22" s="71">
        <v>9</v>
      </c>
      <c r="BS22" s="72">
        <v>19</v>
      </c>
      <c r="BT22" s="244"/>
      <c r="BU22" s="71">
        <v>22</v>
      </c>
      <c r="BV22" s="71">
        <v>16</v>
      </c>
      <c r="BW22" s="71">
        <v>9</v>
      </c>
      <c r="BX22" s="71">
        <v>7</v>
      </c>
      <c r="BY22" s="71">
        <v>7</v>
      </c>
      <c r="BZ22" s="72">
        <v>61</v>
      </c>
      <c r="CA22" s="73">
        <v>80</v>
      </c>
      <c r="CB22" s="70">
        <v>0</v>
      </c>
      <c r="CC22" s="71">
        <v>0</v>
      </c>
      <c r="CD22" s="72">
        <v>0</v>
      </c>
      <c r="CE22" s="244"/>
      <c r="CF22" s="71">
        <v>0</v>
      </c>
      <c r="CG22" s="71">
        <v>0</v>
      </c>
      <c r="CH22" s="71">
        <v>0</v>
      </c>
      <c r="CI22" s="71">
        <v>0</v>
      </c>
      <c r="CJ22" s="71">
        <v>0</v>
      </c>
      <c r="CK22" s="72">
        <v>0</v>
      </c>
      <c r="CL22" s="73">
        <v>0</v>
      </c>
      <c r="CM22" s="70">
        <v>37</v>
      </c>
      <c r="CN22" s="71">
        <v>34</v>
      </c>
      <c r="CO22" s="72">
        <v>71</v>
      </c>
      <c r="CP22" s="244"/>
      <c r="CQ22" s="71">
        <v>68</v>
      </c>
      <c r="CR22" s="71">
        <v>50</v>
      </c>
      <c r="CS22" s="71">
        <v>24</v>
      </c>
      <c r="CT22" s="71">
        <v>23</v>
      </c>
      <c r="CU22" s="71">
        <v>14</v>
      </c>
      <c r="CV22" s="72">
        <v>179</v>
      </c>
      <c r="CW22" s="73">
        <v>250</v>
      </c>
      <c r="CX22" s="123">
        <v>2</v>
      </c>
      <c r="CY22" s="82">
        <v>7</v>
      </c>
      <c r="CZ22" s="83">
        <v>9</v>
      </c>
      <c r="DA22" s="241"/>
      <c r="DB22" s="82">
        <v>9</v>
      </c>
      <c r="DC22" s="82">
        <v>7</v>
      </c>
      <c r="DD22" s="82">
        <v>8</v>
      </c>
      <c r="DE22" s="82">
        <v>3</v>
      </c>
      <c r="DF22" s="82">
        <v>3</v>
      </c>
      <c r="DG22" s="84">
        <v>30</v>
      </c>
      <c r="DH22" s="85">
        <v>39</v>
      </c>
      <c r="DI22" s="86">
        <v>0</v>
      </c>
      <c r="DJ22" s="71">
        <v>0</v>
      </c>
      <c r="DK22" s="72">
        <v>0</v>
      </c>
      <c r="DL22" s="244"/>
      <c r="DM22" s="71">
        <v>0</v>
      </c>
      <c r="DN22" s="71">
        <v>0</v>
      </c>
      <c r="DO22" s="71">
        <v>1</v>
      </c>
      <c r="DP22" s="71">
        <v>0</v>
      </c>
      <c r="DQ22" s="71">
        <v>0</v>
      </c>
      <c r="DR22" s="72">
        <v>1</v>
      </c>
      <c r="DS22" s="73">
        <v>1</v>
      </c>
      <c r="DT22" s="70">
        <v>0</v>
      </c>
      <c r="DU22" s="71">
        <v>1</v>
      </c>
      <c r="DV22" s="72">
        <v>1</v>
      </c>
      <c r="DW22" s="244"/>
      <c r="DX22" s="71">
        <v>0</v>
      </c>
      <c r="DY22" s="71">
        <v>0</v>
      </c>
      <c r="DZ22" s="71">
        <v>0</v>
      </c>
      <c r="EA22" s="71">
        <v>0</v>
      </c>
      <c r="EB22" s="71">
        <v>0</v>
      </c>
      <c r="EC22" s="72">
        <v>0</v>
      </c>
      <c r="ED22" s="73">
        <v>1</v>
      </c>
      <c r="EE22" s="86">
        <v>1</v>
      </c>
      <c r="EF22" s="71">
        <v>0</v>
      </c>
      <c r="EG22" s="72">
        <v>1</v>
      </c>
      <c r="EH22" s="244"/>
      <c r="EI22" s="71">
        <v>1</v>
      </c>
      <c r="EJ22" s="71">
        <v>0</v>
      </c>
      <c r="EK22" s="71">
        <v>0</v>
      </c>
      <c r="EL22" s="71">
        <v>0</v>
      </c>
      <c r="EM22" s="71">
        <v>0</v>
      </c>
      <c r="EN22" s="72">
        <v>1</v>
      </c>
      <c r="EO22" s="73">
        <v>2</v>
      </c>
      <c r="EP22" s="70">
        <v>1</v>
      </c>
      <c r="EQ22" s="71">
        <v>3</v>
      </c>
      <c r="ER22" s="72">
        <v>4</v>
      </c>
      <c r="ES22" s="244"/>
      <c r="ET22" s="71">
        <v>2</v>
      </c>
      <c r="EU22" s="71">
        <v>1</v>
      </c>
      <c r="EV22" s="71">
        <v>2</v>
      </c>
      <c r="EW22" s="71">
        <v>0</v>
      </c>
      <c r="EX22" s="71">
        <v>0</v>
      </c>
      <c r="EY22" s="72">
        <v>5</v>
      </c>
      <c r="EZ22" s="73">
        <v>9</v>
      </c>
      <c r="FA22" s="86">
        <v>0</v>
      </c>
      <c r="FB22" s="71">
        <v>0</v>
      </c>
      <c r="FC22" s="72">
        <v>0</v>
      </c>
      <c r="FD22" s="244"/>
      <c r="FE22" s="71">
        <v>3</v>
      </c>
      <c r="FF22" s="71">
        <v>3</v>
      </c>
      <c r="FG22" s="71">
        <v>3</v>
      </c>
      <c r="FH22" s="71">
        <v>0</v>
      </c>
      <c r="FI22" s="71">
        <v>0</v>
      </c>
      <c r="FJ22" s="72">
        <v>9</v>
      </c>
      <c r="FK22" s="73">
        <v>9</v>
      </c>
      <c r="FL22" s="70">
        <v>0</v>
      </c>
      <c r="FM22" s="71">
        <v>3</v>
      </c>
      <c r="FN22" s="72">
        <v>3</v>
      </c>
      <c r="FO22" s="244"/>
      <c r="FP22" s="71">
        <v>3</v>
      </c>
      <c r="FQ22" s="71">
        <v>3</v>
      </c>
      <c r="FR22" s="71">
        <v>2</v>
      </c>
      <c r="FS22" s="71">
        <v>3</v>
      </c>
      <c r="FT22" s="71">
        <v>3</v>
      </c>
      <c r="FU22" s="72">
        <v>14</v>
      </c>
      <c r="FV22" s="73">
        <v>17</v>
      </c>
      <c r="FW22" s="70">
        <v>0</v>
      </c>
      <c r="FX22" s="71">
        <v>0</v>
      </c>
      <c r="FY22" s="72">
        <v>0</v>
      </c>
      <c r="FZ22" s="244"/>
      <c r="GA22" s="71">
        <v>0</v>
      </c>
      <c r="GB22" s="71">
        <v>0</v>
      </c>
      <c r="GC22" s="71">
        <v>0</v>
      </c>
      <c r="GD22" s="71">
        <v>0</v>
      </c>
      <c r="GE22" s="71">
        <v>0</v>
      </c>
      <c r="GF22" s="72">
        <v>0</v>
      </c>
      <c r="GG22" s="73">
        <v>0</v>
      </c>
      <c r="GH22" s="70">
        <v>2</v>
      </c>
      <c r="GI22" s="71">
        <v>7</v>
      </c>
      <c r="GJ22" s="72">
        <v>9</v>
      </c>
      <c r="GK22" s="244"/>
      <c r="GL22" s="71">
        <v>9</v>
      </c>
      <c r="GM22" s="71">
        <v>7</v>
      </c>
      <c r="GN22" s="71">
        <v>8</v>
      </c>
      <c r="GO22" s="71">
        <v>3</v>
      </c>
      <c r="GP22" s="71">
        <v>3</v>
      </c>
      <c r="GQ22" s="72">
        <v>30</v>
      </c>
      <c r="GR22" s="73">
        <v>39</v>
      </c>
      <c r="GS22" s="123">
        <v>39</v>
      </c>
      <c r="GT22" s="82">
        <v>41</v>
      </c>
      <c r="GU22" s="83">
        <v>80</v>
      </c>
      <c r="GV22" s="241"/>
      <c r="GW22" s="82">
        <v>77</v>
      </c>
      <c r="GX22" s="82">
        <v>57</v>
      </c>
      <c r="GY22" s="82">
        <v>32</v>
      </c>
      <c r="GZ22" s="82">
        <v>26</v>
      </c>
      <c r="HA22" s="82">
        <v>17</v>
      </c>
      <c r="HB22" s="84">
        <v>209</v>
      </c>
      <c r="HC22" s="85">
        <v>289</v>
      </c>
      <c r="HD22" s="86">
        <v>1</v>
      </c>
      <c r="HE22" s="71">
        <v>0</v>
      </c>
      <c r="HF22" s="72">
        <v>1</v>
      </c>
      <c r="HG22" s="244"/>
      <c r="HH22" s="71">
        <v>2</v>
      </c>
      <c r="HI22" s="71">
        <v>1</v>
      </c>
      <c r="HJ22" s="71">
        <v>2</v>
      </c>
      <c r="HK22" s="71">
        <v>0</v>
      </c>
      <c r="HL22" s="71">
        <v>0</v>
      </c>
      <c r="HM22" s="72">
        <v>5</v>
      </c>
      <c r="HN22" s="73">
        <v>6</v>
      </c>
      <c r="HO22" s="70">
        <v>2</v>
      </c>
      <c r="HP22" s="71">
        <v>3</v>
      </c>
      <c r="HQ22" s="72">
        <v>5</v>
      </c>
      <c r="HR22" s="244"/>
      <c r="HS22" s="71">
        <v>0</v>
      </c>
      <c r="HT22" s="71">
        <v>4</v>
      </c>
      <c r="HU22" s="71">
        <v>1</v>
      </c>
      <c r="HV22" s="71">
        <v>0</v>
      </c>
      <c r="HW22" s="71">
        <v>2</v>
      </c>
      <c r="HX22" s="72">
        <v>7</v>
      </c>
      <c r="HY22" s="73">
        <v>12</v>
      </c>
      <c r="HZ22" s="86">
        <v>2</v>
      </c>
      <c r="IA22" s="71">
        <v>3</v>
      </c>
      <c r="IB22" s="72">
        <v>5</v>
      </c>
      <c r="IC22" s="244"/>
      <c r="ID22" s="71">
        <v>5</v>
      </c>
      <c r="IE22" s="71">
        <v>3</v>
      </c>
      <c r="IF22" s="71">
        <v>1</v>
      </c>
      <c r="IG22" s="71">
        <v>1</v>
      </c>
      <c r="IH22" s="71">
        <v>0</v>
      </c>
      <c r="II22" s="72">
        <v>10</v>
      </c>
      <c r="IJ22" s="73">
        <v>15</v>
      </c>
      <c r="IK22" s="70">
        <v>12</v>
      </c>
      <c r="IL22" s="71">
        <v>9</v>
      </c>
      <c r="IM22" s="72">
        <v>21</v>
      </c>
      <c r="IN22" s="244"/>
      <c r="IO22" s="71">
        <v>12</v>
      </c>
      <c r="IP22" s="71">
        <v>12</v>
      </c>
      <c r="IQ22" s="71">
        <v>6</v>
      </c>
      <c r="IR22" s="71">
        <v>8</v>
      </c>
      <c r="IS22" s="71">
        <v>2</v>
      </c>
      <c r="IT22" s="72">
        <v>40</v>
      </c>
      <c r="IU22" s="73">
        <v>61</v>
      </c>
      <c r="IV22" s="86">
        <v>12</v>
      </c>
      <c r="IW22" s="71">
        <v>14</v>
      </c>
      <c r="IX22" s="72">
        <v>26</v>
      </c>
      <c r="IY22" s="244"/>
      <c r="IZ22" s="71">
        <v>33</v>
      </c>
      <c r="JA22" s="71">
        <v>18</v>
      </c>
      <c r="JB22" s="71">
        <v>11</v>
      </c>
      <c r="JC22" s="71">
        <v>7</v>
      </c>
      <c r="JD22" s="71">
        <v>3</v>
      </c>
      <c r="JE22" s="72">
        <v>72</v>
      </c>
      <c r="JF22" s="73">
        <v>98</v>
      </c>
      <c r="JG22" s="70">
        <v>10</v>
      </c>
      <c r="JH22" s="71">
        <v>12</v>
      </c>
      <c r="JI22" s="72">
        <v>22</v>
      </c>
      <c r="JJ22" s="244"/>
      <c r="JK22" s="71">
        <v>25</v>
      </c>
      <c r="JL22" s="71">
        <v>19</v>
      </c>
      <c r="JM22" s="71">
        <v>11</v>
      </c>
      <c r="JN22" s="71">
        <v>10</v>
      </c>
      <c r="JO22" s="71">
        <v>10</v>
      </c>
      <c r="JP22" s="72">
        <v>75</v>
      </c>
      <c r="JQ22" s="73">
        <v>97</v>
      </c>
      <c r="JR22" s="70">
        <v>0</v>
      </c>
      <c r="JS22" s="71">
        <v>0</v>
      </c>
      <c r="JT22" s="72">
        <v>0</v>
      </c>
      <c r="JU22" s="244"/>
      <c r="JV22" s="71">
        <v>0</v>
      </c>
      <c r="JW22" s="71">
        <v>0</v>
      </c>
      <c r="JX22" s="71">
        <v>0</v>
      </c>
      <c r="JY22" s="71">
        <v>0</v>
      </c>
      <c r="JZ22" s="71">
        <v>0</v>
      </c>
      <c r="KA22" s="72">
        <v>0</v>
      </c>
      <c r="KB22" s="73">
        <v>0</v>
      </c>
      <c r="KC22" s="70">
        <v>39</v>
      </c>
      <c r="KD22" s="71">
        <v>41</v>
      </c>
      <c r="KE22" s="72">
        <v>80</v>
      </c>
      <c r="KF22" s="244"/>
      <c r="KG22" s="71">
        <v>77</v>
      </c>
      <c r="KH22" s="71">
        <v>57</v>
      </c>
      <c r="KI22" s="71">
        <v>32</v>
      </c>
      <c r="KJ22" s="71">
        <v>26</v>
      </c>
      <c r="KK22" s="71">
        <v>17</v>
      </c>
      <c r="KL22" s="72">
        <v>209</v>
      </c>
      <c r="KM22" s="73">
        <v>289</v>
      </c>
    </row>
    <row r="23" spans="2:299" ht="21" customHeight="1" x14ac:dyDescent="0.2">
      <c r="B23" s="126" t="s">
        <v>20</v>
      </c>
      <c r="C23" s="315">
        <v>51</v>
      </c>
      <c r="D23" s="82">
        <v>70</v>
      </c>
      <c r="E23" s="83">
        <v>121</v>
      </c>
      <c r="F23" s="241"/>
      <c r="G23" s="82">
        <v>125</v>
      </c>
      <c r="H23" s="82">
        <v>63</v>
      </c>
      <c r="I23" s="82">
        <v>56</v>
      </c>
      <c r="J23" s="82">
        <v>36</v>
      </c>
      <c r="K23" s="82">
        <v>20</v>
      </c>
      <c r="L23" s="84">
        <v>300</v>
      </c>
      <c r="M23" s="85">
        <v>421</v>
      </c>
      <c r="N23" s="70">
        <v>1</v>
      </c>
      <c r="O23" s="71">
        <v>1</v>
      </c>
      <c r="P23" s="72">
        <v>2</v>
      </c>
      <c r="Q23" s="244"/>
      <c r="R23" s="71">
        <v>3</v>
      </c>
      <c r="S23" s="71">
        <v>2</v>
      </c>
      <c r="T23" s="71">
        <v>2</v>
      </c>
      <c r="U23" s="71">
        <v>0</v>
      </c>
      <c r="V23" s="71">
        <v>0</v>
      </c>
      <c r="W23" s="72">
        <v>7</v>
      </c>
      <c r="X23" s="73">
        <v>9</v>
      </c>
      <c r="Y23" s="70">
        <v>3</v>
      </c>
      <c r="Z23" s="71">
        <v>2</v>
      </c>
      <c r="AA23" s="72">
        <v>5</v>
      </c>
      <c r="AB23" s="244"/>
      <c r="AC23" s="71">
        <v>3</v>
      </c>
      <c r="AD23" s="71">
        <v>3</v>
      </c>
      <c r="AE23" s="71">
        <v>2</v>
      </c>
      <c r="AF23" s="71">
        <v>2</v>
      </c>
      <c r="AG23" s="71">
        <v>1</v>
      </c>
      <c r="AH23" s="72">
        <v>11</v>
      </c>
      <c r="AI23" s="73">
        <v>16</v>
      </c>
      <c r="AJ23" s="70">
        <v>5</v>
      </c>
      <c r="AK23" s="71">
        <v>5</v>
      </c>
      <c r="AL23" s="72">
        <v>10</v>
      </c>
      <c r="AM23" s="244"/>
      <c r="AN23" s="71">
        <v>13</v>
      </c>
      <c r="AO23" s="71">
        <v>2</v>
      </c>
      <c r="AP23" s="71">
        <v>8</v>
      </c>
      <c r="AQ23" s="71">
        <v>8</v>
      </c>
      <c r="AR23" s="71">
        <v>4</v>
      </c>
      <c r="AS23" s="72">
        <v>35</v>
      </c>
      <c r="AT23" s="73">
        <v>45</v>
      </c>
      <c r="AU23" s="70">
        <v>11</v>
      </c>
      <c r="AV23" s="71">
        <v>18</v>
      </c>
      <c r="AW23" s="72">
        <v>29</v>
      </c>
      <c r="AX23" s="244"/>
      <c r="AY23" s="71">
        <v>26</v>
      </c>
      <c r="AZ23" s="71">
        <v>16</v>
      </c>
      <c r="BA23" s="71">
        <v>16</v>
      </c>
      <c r="BB23" s="71">
        <v>8</v>
      </c>
      <c r="BC23" s="71">
        <v>6</v>
      </c>
      <c r="BD23" s="72">
        <v>72</v>
      </c>
      <c r="BE23" s="73">
        <v>101</v>
      </c>
      <c r="BF23" s="70">
        <v>17</v>
      </c>
      <c r="BG23" s="71">
        <v>25</v>
      </c>
      <c r="BH23" s="72">
        <v>42</v>
      </c>
      <c r="BI23" s="244"/>
      <c r="BJ23" s="71">
        <v>46</v>
      </c>
      <c r="BK23" s="71">
        <v>23</v>
      </c>
      <c r="BL23" s="71">
        <v>13</v>
      </c>
      <c r="BM23" s="71">
        <v>5</v>
      </c>
      <c r="BN23" s="71">
        <v>6</v>
      </c>
      <c r="BO23" s="72">
        <v>93</v>
      </c>
      <c r="BP23" s="73">
        <v>135</v>
      </c>
      <c r="BQ23" s="70">
        <v>14</v>
      </c>
      <c r="BR23" s="71">
        <v>19</v>
      </c>
      <c r="BS23" s="72">
        <v>33</v>
      </c>
      <c r="BT23" s="244"/>
      <c r="BU23" s="71">
        <v>34</v>
      </c>
      <c r="BV23" s="71">
        <v>17</v>
      </c>
      <c r="BW23" s="71">
        <v>15</v>
      </c>
      <c r="BX23" s="71">
        <v>13</v>
      </c>
      <c r="BY23" s="71">
        <v>3</v>
      </c>
      <c r="BZ23" s="72">
        <v>82</v>
      </c>
      <c r="CA23" s="73">
        <v>115</v>
      </c>
      <c r="CB23" s="70">
        <v>0</v>
      </c>
      <c r="CC23" s="71">
        <v>0</v>
      </c>
      <c r="CD23" s="72">
        <v>0</v>
      </c>
      <c r="CE23" s="244"/>
      <c r="CF23" s="71">
        <v>0</v>
      </c>
      <c r="CG23" s="71">
        <v>0</v>
      </c>
      <c r="CH23" s="71">
        <v>0</v>
      </c>
      <c r="CI23" s="71">
        <v>0</v>
      </c>
      <c r="CJ23" s="71">
        <v>0</v>
      </c>
      <c r="CK23" s="72">
        <v>0</v>
      </c>
      <c r="CL23" s="73">
        <v>0</v>
      </c>
      <c r="CM23" s="70">
        <v>51</v>
      </c>
      <c r="CN23" s="71">
        <v>70</v>
      </c>
      <c r="CO23" s="72">
        <v>121</v>
      </c>
      <c r="CP23" s="244"/>
      <c r="CQ23" s="71">
        <v>125</v>
      </c>
      <c r="CR23" s="71">
        <v>63</v>
      </c>
      <c r="CS23" s="71">
        <v>56</v>
      </c>
      <c r="CT23" s="71">
        <v>36</v>
      </c>
      <c r="CU23" s="71">
        <v>20</v>
      </c>
      <c r="CV23" s="72">
        <v>300</v>
      </c>
      <c r="CW23" s="73">
        <v>421</v>
      </c>
      <c r="CX23" s="123">
        <v>4</v>
      </c>
      <c r="CY23" s="82">
        <v>9</v>
      </c>
      <c r="CZ23" s="83">
        <v>13</v>
      </c>
      <c r="DA23" s="241"/>
      <c r="DB23" s="82">
        <v>10</v>
      </c>
      <c r="DC23" s="82">
        <v>8</v>
      </c>
      <c r="DD23" s="82">
        <v>2</v>
      </c>
      <c r="DE23" s="82">
        <v>5</v>
      </c>
      <c r="DF23" s="82">
        <v>4</v>
      </c>
      <c r="DG23" s="84">
        <v>29</v>
      </c>
      <c r="DH23" s="85">
        <v>42</v>
      </c>
      <c r="DI23" s="70">
        <v>0</v>
      </c>
      <c r="DJ23" s="71">
        <v>0</v>
      </c>
      <c r="DK23" s="72">
        <v>0</v>
      </c>
      <c r="DL23" s="244"/>
      <c r="DM23" s="71">
        <v>0</v>
      </c>
      <c r="DN23" s="71">
        <v>0</v>
      </c>
      <c r="DO23" s="71">
        <v>0</v>
      </c>
      <c r="DP23" s="71">
        <v>0</v>
      </c>
      <c r="DQ23" s="71">
        <v>0</v>
      </c>
      <c r="DR23" s="72">
        <v>0</v>
      </c>
      <c r="DS23" s="73">
        <v>0</v>
      </c>
      <c r="DT23" s="70">
        <v>0</v>
      </c>
      <c r="DU23" s="71">
        <v>0</v>
      </c>
      <c r="DV23" s="72">
        <v>0</v>
      </c>
      <c r="DW23" s="244"/>
      <c r="DX23" s="71">
        <v>0</v>
      </c>
      <c r="DY23" s="71">
        <v>1</v>
      </c>
      <c r="DZ23" s="71">
        <v>0</v>
      </c>
      <c r="EA23" s="71">
        <v>0</v>
      </c>
      <c r="EB23" s="71">
        <v>0</v>
      </c>
      <c r="EC23" s="72">
        <v>1</v>
      </c>
      <c r="ED23" s="73">
        <v>1</v>
      </c>
      <c r="EE23" s="70">
        <v>0</v>
      </c>
      <c r="EF23" s="71">
        <v>0</v>
      </c>
      <c r="EG23" s="72">
        <v>0</v>
      </c>
      <c r="EH23" s="244"/>
      <c r="EI23" s="71">
        <v>2</v>
      </c>
      <c r="EJ23" s="71">
        <v>1</v>
      </c>
      <c r="EK23" s="71">
        <v>0</v>
      </c>
      <c r="EL23" s="71">
        <v>0</v>
      </c>
      <c r="EM23" s="71">
        <v>0</v>
      </c>
      <c r="EN23" s="72">
        <v>3</v>
      </c>
      <c r="EO23" s="73">
        <v>3</v>
      </c>
      <c r="EP23" s="70">
        <v>3</v>
      </c>
      <c r="EQ23" s="71">
        <v>2</v>
      </c>
      <c r="ER23" s="72">
        <v>5</v>
      </c>
      <c r="ES23" s="244"/>
      <c r="ET23" s="71">
        <v>1</v>
      </c>
      <c r="EU23" s="71">
        <v>3</v>
      </c>
      <c r="EV23" s="71">
        <v>0</v>
      </c>
      <c r="EW23" s="71">
        <v>1</v>
      </c>
      <c r="EX23" s="71">
        <v>2</v>
      </c>
      <c r="EY23" s="72">
        <v>7</v>
      </c>
      <c r="EZ23" s="73">
        <v>12</v>
      </c>
      <c r="FA23" s="70">
        <v>1</v>
      </c>
      <c r="FB23" s="71">
        <v>4</v>
      </c>
      <c r="FC23" s="72">
        <v>5</v>
      </c>
      <c r="FD23" s="244"/>
      <c r="FE23" s="71">
        <v>3</v>
      </c>
      <c r="FF23" s="71">
        <v>1</v>
      </c>
      <c r="FG23" s="71">
        <v>2</v>
      </c>
      <c r="FH23" s="71">
        <v>1</v>
      </c>
      <c r="FI23" s="71">
        <v>0</v>
      </c>
      <c r="FJ23" s="72">
        <v>7</v>
      </c>
      <c r="FK23" s="73">
        <v>12</v>
      </c>
      <c r="FL23" s="70">
        <v>0</v>
      </c>
      <c r="FM23" s="71">
        <v>3</v>
      </c>
      <c r="FN23" s="72">
        <v>3</v>
      </c>
      <c r="FO23" s="244"/>
      <c r="FP23" s="71">
        <v>4</v>
      </c>
      <c r="FQ23" s="71">
        <v>2</v>
      </c>
      <c r="FR23" s="71">
        <v>0</v>
      </c>
      <c r="FS23" s="71">
        <v>3</v>
      </c>
      <c r="FT23" s="71">
        <v>2</v>
      </c>
      <c r="FU23" s="72">
        <v>11</v>
      </c>
      <c r="FV23" s="73">
        <v>14</v>
      </c>
      <c r="FW23" s="70">
        <v>0</v>
      </c>
      <c r="FX23" s="71">
        <v>0</v>
      </c>
      <c r="FY23" s="72">
        <v>0</v>
      </c>
      <c r="FZ23" s="244"/>
      <c r="GA23" s="71">
        <v>0</v>
      </c>
      <c r="GB23" s="71">
        <v>0</v>
      </c>
      <c r="GC23" s="71">
        <v>0</v>
      </c>
      <c r="GD23" s="71">
        <v>0</v>
      </c>
      <c r="GE23" s="71">
        <v>0</v>
      </c>
      <c r="GF23" s="72">
        <v>0</v>
      </c>
      <c r="GG23" s="73">
        <v>0</v>
      </c>
      <c r="GH23" s="70">
        <v>4</v>
      </c>
      <c r="GI23" s="71">
        <v>9</v>
      </c>
      <c r="GJ23" s="72">
        <v>13</v>
      </c>
      <c r="GK23" s="244"/>
      <c r="GL23" s="71">
        <v>10</v>
      </c>
      <c r="GM23" s="71">
        <v>8</v>
      </c>
      <c r="GN23" s="71">
        <v>2</v>
      </c>
      <c r="GO23" s="71">
        <v>5</v>
      </c>
      <c r="GP23" s="71">
        <v>4</v>
      </c>
      <c r="GQ23" s="72">
        <v>29</v>
      </c>
      <c r="GR23" s="73">
        <v>42</v>
      </c>
      <c r="GS23" s="123">
        <v>55</v>
      </c>
      <c r="GT23" s="82">
        <v>79</v>
      </c>
      <c r="GU23" s="83">
        <v>134</v>
      </c>
      <c r="GV23" s="241"/>
      <c r="GW23" s="82">
        <v>135</v>
      </c>
      <c r="GX23" s="82">
        <v>71</v>
      </c>
      <c r="GY23" s="82">
        <v>58</v>
      </c>
      <c r="GZ23" s="82">
        <v>41</v>
      </c>
      <c r="HA23" s="82">
        <v>24</v>
      </c>
      <c r="HB23" s="84">
        <v>329</v>
      </c>
      <c r="HC23" s="85">
        <v>463</v>
      </c>
      <c r="HD23" s="70">
        <v>1</v>
      </c>
      <c r="HE23" s="71">
        <v>1</v>
      </c>
      <c r="HF23" s="72">
        <v>2</v>
      </c>
      <c r="HG23" s="244"/>
      <c r="HH23" s="71">
        <v>3</v>
      </c>
      <c r="HI23" s="71">
        <v>2</v>
      </c>
      <c r="HJ23" s="71">
        <v>2</v>
      </c>
      <c r="HK23" s="71">
        <v>0</v>
      </c>
      <c r="HL23" s="71">
        <v>0</v>
      </c>
      <c r="HM23" s="72">
        <v>7</v>
      </c>
      <c r="HN23" s="73">
        <v>9</v>
      </c>
      <c r="HO23" s="70">
        <v>3</v>
      </c>
      <c r="HP23" s="71">
        <v>2</v>
      </c>
      <c r="HQ23" s="72">
        <v>5</v>
      </c>
      <c r="HR23" s="244"/>
      <c r="HS23" s="71">
        <v>3</v>
      </c>
      <c r="HT23" s="71">
        <v>4</v>
      </c>
      <c r="HU23" s="71">
        <v>2</v>
      </c>
      <c r="HV23" s="71">
        <v>2</v>
      </c>
      <c r="HW23" s="71">
        <v>1</v>
      </c>
      <c r="HX23" s="72">
        <v>12</v>
      </c>
      <c r="HY23" s="73">
        <v>17</v>
      </c>
      <c r="HZ23" s="70">
        <v>5</v>
      </c>
      <c r="IA23" s="71">
        <v>5</v>
      </c>
      <c r="IB23" s="72">
        <v>10</v>
      </c>
      <c r="IC23" s="244"/>
      <c r="ID23" s="71">
        <v>15</v>
      </c>
      <c r="IE23" s="71">
        <v>3</v>
      </c>
      <c r="IF23" s="71">
        <v>8</v>
      </c>
      <c r="IG23" s="71">
        <v>8</v>
      </c>
      <c r="IH23" s="71">
        <v>4</v>
      </c>
      <c r="II23" s="72">
        <v>38</v>
      </c>
      <c r="IJ23" s="73">
        <v>48</v>
      </c>
      <c r="IK23" s="70">
        <v>14</v>
      </c>
      <c r="IL23" s="71">
        <v>20</v>
      </c>
      <c r="IM23" s="72">
        <v>34</v>
      </c>
      <c r="IN23" s="244"/>
      <c r="IO23" s="71">
        <v>27</v>
      </c>
      <c r="IP23" s="71">
        <v>19</v>
      </c>
      <c r="IQ23" s="71">
        <v>16</v>
      </c>
      <c r="IR23" s="71">
        <v>9</v>
      </c>
      <c r="IS23" s="71">
        <v>8</v>
      </c>
      <c r="IT23" s="72">
        <v>79</v>
      </c>
      <c r="IU23" s="73">
        <v>113</v>
      </c>
      <c r="IV23" s="70">
        <v>18</v>
      </c>
      <c r="IW23" s="71">
        <v>29</v>
      </c>
      <c r="IX23" s="72">
        <v>47</v>
      </c>
      <c r="IY23" s="244"/>
      <c r="IZ23" s="71">
        <v>49</v>
      </c>
      <c r="JA23" s="71">
        <v>24</v>
      </c>
      <c r="JB23" s="71">
        <v>15</v>
      </c>
      <c r="JC23" s="71">
        <v>6</v>
      </c>
      <c r="JD23" s="71">
        <v>6</v>
      </c>
      <c r="JE23" s="72">
        <v>100</v>
      </c>
      <c r="JF23" s="73">
        <v>147</v>
      </c>
      <c r="JG23" s="70">
        <v>14</v>
      </c>
      <c r="JH23" s="71">
        <v>22</v>
      </c>
      <c r="JI23" s="72">
        <v>36</v>
      </c>
      <c r="JJ23" s="244"/>
      <c r="JK23" s="71">
        <v>38</v>
      </c>
      <c r="JL23" s="71">
        <v>19</v>
      </c>
      <c r="JM23" s="71">
        <v>15</v>
      </c>
      <c r="JN23" s="71">
        <v>16</v>
      </c>
      <c r="JO23" s="71">
        <v>5</v>
      </c>
      <c r="JP23" s="72">
        <v>93</v>
      </c>
      <c r="JQ23" s="73">
        <v>129</v>
      </c>
      <c r="JR23" s="70">
        <v>0</v>
      </c>
      <c r="JS23" s="71">
        <v>0</v>
      </c>
      <c r="JT23" s="72">
        <v>0</v>
      </c>
      <c r="JU23" s="244"/>
      <c r="JV23" s="71">
        <v>0</v>
      </c>
      <c r="JW23" s="71">
        <v>0</v>
      </c>
      <c r="JX23" s="71">
        <v>0</v>
      </c>
      <c r="JY23" s="71">
        <v>0</v>
      </c>
      <c r="JZ23" s="71">
        <v>0</v>
      </c>
      <c r="KA23" s="72">
        <v>0</v>
      </c>
      <c r="KB23" s="73">
        <v>0</v>
      </c>
      <c r="KC23" s="70">
        <v>55</v>
      </c>
      <c r="KD23" s="71">
        <v>79</v>
      </c>
      <c r="KE23" s="72">
        <v>134</v>
      </c>
      <c r="KF23" s="244"/>
      <c r="KG23" s="71">
        <v>135</v>
      </c>
      <c r="KH23" s="71">
        <v>71</v>
      </c>
      <c r="KI23" s="71">
        <v>58</v>
      </c>
      <c r="KJ23" s="71">
        <v>41</v>
      </c>
      <c r="KK23" s="71">
        <v>24</v>
      </c>
      <c r="KL23" s="72">
        <v>329</v>
      </c>
      <c r="KM23" s="73">
        <v>463</v>
      </c>
    </row>
    <row r="24" spans="2:299" ht="21" customHeight="1" x14ac:dyDescent="0.2">
      <c r="B24" s="126" t="s">
        <v>21</v>
      </c>
      <c r="C24" s="315">
        <v>52</v>
      </c>
      <c r="D24" s="82">
        <v>46</v>
      </c>
      <c r="E24" s="83">
        <v>98</v>
      </c>
      <c r="F24" s="241"/>
      <c r="G24" s="82">
        <v>64</v>
      </c>
      <c r="H24" s="82">
        <v>61</v>
      </c>
      <c r="I24" s="82">
        <v>40</v>
      </c>
      <c r="J24" s="82">
        <v>37</v>
      </c>
      <c r="K24" s="82">
        <v>19</v>
      </c>
      <c r="L24" s="84">
        <v>221</v>
      </c>
      <c r="M24" s="85">
        <v>319</v>
      </c>
      <c r="N24" s="70">
        <v>0</v>
      </c>
      <c r="O24" s="71">
        <v>2</v>
      </c>
      <c r="P24" s="72">
        <v>2</v>
      </c>
      <c r="Q24" s="244"/>
      <c r="R24" s="71">
        <v>0</v>
      </c>
      <c r="S24" s="71">
        <v>2</v>
      </c>
      <c r="T24" s="71">
        <v>0</v>
      </c>
      <c r="U24" s="71">
        <v>0</v>
      </c>
      <c r="V24" s="71">
        <v>1</v>
      </c>
      <c r="W24" s="72">
        <v>3</v>
      </c>
      <c r="X24" s="73">
        <v>5</v>
      </c>
      <c r="Y24" s="70">
        <v>2</v>
      </c>
      <c r="Z24" s="71">
        <v>3</v>
      </c>
      <c r="AA24" s="72">
        <v>5</v>
      </c>
      <c r="AB24" s="244"/>
      <c r="AC24" s="71">
        <v>4</v>
      </c>
      <c r="AD24" s="71">
        <v>4</v>
      </c>
      <c r="AE24" s="71">
        <v>3</v>
      </c>
      <c r="AF24" s="71">
        <v>3</v>
      </c>
      <c r="AG24" s="71">
        <v>1</v>
      </c>
      <c r="AH24" s="72">
        <v>15</v>
      </c>
      <c r="AI24" s="73">
        <v>20</v>
      </c>
      <c r="AJ24" s="70">
        <v>6</v>
      </c>
      <c r="AK24" s="71">
        <v>4</v>
      </c>
      <c r="AL24" s="72">
        <v>10</v>
      </c>
      <c r="AM24" s="244"/>
      <c r="AN24" s="71">
        <v>8</v>
      </c>
      <c r="AO24" s="71">
        <v>7</v>
      </c>
      <c r="AP24" s="71">
        <v>4</v>
      </c>
      <c r="AQ24" s="71">
        <v>3</v>
      </c>
      <c r="AR24" s="71">
        <v>1</v>
      </c>
      <c r="AS24" s="72">
        <v>23</v>
      </c>
      <c r="AT24" s="73">
        <v>33</v>
      </c>
      <c r="AU24" s="70">
        <v>10</v>
      </c>
      <c r="AV24" s="71">
        <v>9</v>
      </c>
      <c r="AW24" s="72">
        <v>19</v>
      </c>
      <c r="AX24" s="244"/>
      <c r="AY24" s="71">
        <v>14</v>
      </c>
      <c r="AZ24" s="71">
        <v>16</v>
      </c>
      <c r="BA24" s="71">
        <v>6</v>
      </c>
      <c r="BB24" s="71">
        <v>6</v>
      </c>
      <c r="BC24" s="71">
        <v>2</v>
      </c>
      <c r="BD24" s="72">
        <v>44</v>
      </c>
      <c r="BE24" s="73">
        <v>63</v>
      </c>
      <c r="BF24" s="70">
        <v>20</v>
      </c>
      <c r="BG24" s="71">
        <v>14</v>
      </c>
      <c r="BH24" s="72">
        <v>34</v>
      </c>
      <c r="BI24" s="244"/>
      <c r="BJ24" s="71">
        <v>21</v>
      </c>
      <c r="BK24" s="71">
        <v>16</v>
      </c>
      <c r="BL24" s="71">
        <v>12</v>
      </c>
      <c r="BM24" s="71">
        <v>17</v>
      </c>
      <c r="BN24" s="71">
        <v>10</v>
      </c>
      <c r="BO24" s="72">
        <v>76</v>
      </c>
      <c r="BP24" s="73">
        <v>110</v>
      </c>
      <c r="BQ24" s="70">
        <v>14</v>
      </c>
      <c r="BR24" s="71">
        <v>14</v>
      </c>
      <c r="BS24" s="72">
        <v>28</v>
      </c>
      <c r="BT24" s="244"/>
      <c r="BU24" s="71">
        <v>17</v>
      </c>
      <c r="BV24" s="71">
        <v>16</v>
      </c>
      <c r="BW24" s="71">
        <v>15</v>
      </c>
      <c r="BX24" s="71">
        <v>8</v>
      </c>
      <c r="BY24" s="71">
        <v>4</v>
      </c>
      <c r="BZ24" s="72">
        <v>60</v>
      </c>
      <c r="CA24" s="73">
        <v>88</v>
      </c>
      <c r="CB24" s="70">
        <v>0</v>
      </c>
      <c r="CC24" s="71">
        <v>0</v>
      </c>
      <c r="CD24" s="72">
        <v>0</v>
      </c>
      <c r="CE24" s="244"/>
      <c r="CF24" s="71">
        <v>0</v>
      </c>
      <c r="CG24" s="71">
        <v>0</v>
      </c>
      <c r="CH24" s="71">
        <v>0</v>
      </c>
      <c r="CI24" s="71">
        <v>0</v>
      </c>
      <c r="CJ24" s="71">
        <v>0</v>
      </c>
      <c r="CK24" s="72">
        <v>0</v>
      </c>
      <c r="CL24" s="73">
        <v>0</v>
      </c>
      <c r="CM24" s="70">
        <v>52</v>
      </c>
      <c r="CN24" s="71">
        <v>46</v>
      </c>
      <c r="CO24" s="72">
        <v>98</v>
      </c>
      <c r="CP24" s="244"/>
      <c r="CQ24" s="71">
        <v>64</v>
      </c>
      <c r="CR24" s="71">
        <v>61</v>
      </c>
      <c r="CS24" s="71">
        <v>40</v>
      </c>
      <c r="CT24" s="71">
        <v>37</v>
      </c>
      <c r="CU24" s="71">
        <v>19</v>
      </c>
      <c r="CV24" s="72">
        <v>221</v>
      </c>
      <c r="CW24" s="73">
        <v>319</v>
      </c>
      <c r="CX24" s="123">
        <v>3</v>
      </c>
      <c r="CY24" s="82">
        <v>3</v>
      </c>
      <c r="CZ24" s="83">
        <v>6</v>
      </c>
      <c r="DA24" s="241"/>
      <c r="DB24" s="82">
        <v>7</v>
      </c>
      <c r="DC24" s="82">
        <v>7</v>
      </c>
      <c r="DD24" s="82">
        <v>10</v>
      </c>
      <c r="DE24" s="82">
        <v>8</v>
      </c>
      <c r="DF24" s="82">
        <v>7</v>
      </c>
      <c r="DG24" s="84">
        <v>39</v>
      </c>
      <c r="DH24" s="85">
        <v>45</v>
      </c>
      <c r="DI24" s="70">
        <v>0</v>
      </c>
      <c r="DJ24" s="71">
        <v>0</v>
      </c>
      <c r="DK24" s="72">
        <v>0</v>
      </c>
      <c r="DL24" s="244"/>
      <c r="DM24" s="71">
        <v>0</v>
      </c>
      <c r="DN24" s="71">
        <v>1</v>
      </c>
      <c r="DO24" s="71">
        <v>1</v>
      </c>
      <c r="DP24" s="71">
        <v>0</v>
      </c>
      <c r="DQ24" s="71">
        <v>0</v>
      </c>
      <c r="DR24" s="72">
        <v>2</v>
      </c>
      <c r="DS24" s="73">
        <v>2</v>
      </c>
      <c r="DT24" s="70">
        <v>0</v>
      </c>
      <c r="DU24" s="71">
        <v>0</v>
      </c>
      <c r="DV24" s="72">
        <v>0</v>
      </c>
      <c r="DW24" s="244"/>
      <c r="DX24" s="71">
        <v>0</v>
      </c>
      <c r="DY24" s="71">
        <v>0</v>
      </c>
      <c r="DZ24" s="71">
        <v>1</v>
      </c>
      <c r="EA24" s="71">
        <v>0</v>
      </c>
      <c r="EB24" s="71">
        <v>0</v>
      </c>
      <c r="EC24" s="72">
        <v>1</v>
      </c>
      <c r="ED24" s="73">
        <v>1</v>
      </c>
      <c r="EE24" s="70">
        <v>0</v>
      </c>
      <c r="EF24" s="71">
        <v>1</v>
      </c>
      <c r="EG24" s="72">
        <v>1</v>
      </c>
      <c r="EH24" s="244"/>
      <c r="EI24" s="71">
        <v>0</v>
      </c>
      <c r="EJ24" s="71">
        <v>0</v>
      </c>
      <c r="EK24" s="71">
        <v>0</v>
      </c>
      <c r="EL24" s="71">
        <v>0</v>
      </c>
      <c r="EM24" s="71">
        <v>0</v>
      </c>
      <c r="EN24" s="72">
        <v>0</v>
      </c>
      <c r="EO24" s="73">
        <v>1</v>
      </c>
      <c r="EP24" s="70">
        <v>0</v>
      </c>
      <c r="EQ24" s="71">
        <v>0</v>
      </c>
      <c r="ER24" s="72">
        <v>0</v>
      </c>
      <c r="ES24" s="244"/>
      <c r="ET24" s="71">
        <v>2</v>
      </c>
      <c r="EU24" s="71">
        <v>1</v>
      </c>
      <c r="EV24" s="71">
        <v>1</v>
      </c>
      <c r="EW24" s="71">
        <v>0</v>
      </c>
      <c r="EX24" s="71">
        <v>0</v>
      </c>
      <c r="EY24" s="72">
        <v>4</v>
      </c>
      <c r="EZ24" s="73">
        <v>4</v>
      </c>
      <c r="FA24" s="70">
        <v>1</v>
      </c>
      <c r="FB24" s="71">
        <v>2</v>
      </c>
      <c r="FC24" s="72">
        <v>3</v>
      </c>
      <c r="FD24" s="244"/>
      <c r="FE24" s="71">
        <v>3</v>
      </c>
      <c r="FF24" s="71">
        <v>1</v>
      </c>
      <c r="FG24" s="71">
        <v>2</v>
      </c>
      <c r="FH24" s="71">
        <v>4</v>
      </c>
      <c r="FI24" s="71">
        <v>3</v>
      </c>
      <c r="FJ24" s="72">
        <v>13</v>
      </c>
      <c r="FK24" s="73">
        <v>16</v>
      </c>
      <c r="FL24" s="70">
        <v>2</v>
      </c>
      <c r="FM24" s="71">
        <v>0</v>
      </c>
      <c r="FN24" s="72">
        <v>2</v>
      </c>
      <c r="FO24" s="244"/>
      <c r="FP24" s="71">
        <v>2</v>
      </c>
      <c r="FQ24" s="71">
        <v>4</v>
      </c>
      <c r="FR24" s="71">
        <v>5</v>
      </c>
      <c r="FS24" s="71">
        <v>4</v>
      </c>
      <c r="FT24" s="71">
        <v>4</v>
      </c>
      <c r="FU24" s="72">
        <v>19</v>
      </c>
      <c r="FV24" s="73">
        <v>21</v>
      </c>
      <c r="FW24" s="70">
        <v>0</v>
      </c>
      <c r="FX24" s="71">
        <v>0</v>
      </c>
      <c r="FY24" s="72">
        <v>0</v>
      </c>
      <c r="FZ24" s="244"/>
      <c r="GA24" s="71">
        <v>0</v>
      </c>
      <c r="GB24" s="71">
        <v>0</v>
      </c>
      <c r="GC24" s="71">
        <v>0</v>
      </c>
      <c r="GD24" s="71">
        <v>0</v>
      </c>
      <c r="GE24" s="71">
        <v>0</v>
      </c>
      <c r="GF24" s="72">
        <v>0</v>
      </c>
      <c r="GG24" s="73">
        <v>0</v>
      </c>
      <c r="GH24" s="70">
        <v>3</v>
      </c>
      <c r="GI24" s="71">
        <v>3</v>
      </c>
      <c r="GJ24" s="72">
        <v>6</v>
      </c>
      <c r="GK24" s="244"/>
      <c r="GL24" s="71">
        <v>7</v>
      </c>
      <c r="GM24" s="71">
        <v>7</v>
      </c>
      <c r="GN24" s="71">
        <v>10</v>
      </c>
      <c r="GO24" s="71">
        <v>8</v>
      </c>
      <c r="GP24" s="71">
        <v>7</v>
      </c>
      <c r="GQ24" s="72">
        <v>39</v>
      </c>
      <c r="GR24" s="73">
        <v>45</v>
      </c>
      <c r="GS24" s="123">
        <v>55</v>
      </c>
      <c r="GT24" s="82">
        <v>49</v>
      </c>
      <c r="GU24" s="83">
        <v>104</v>
      </c>
      <c r="GV24" s="241"/>
      <c r="GW24" s="82">
        <v>71</v>
      </c>
      <c r="GX24" s="82">
        <v>68</v>
      </c>
      <c r="GY24" s="82">
        <v>50</v>
      </c>
      <c r="GZ24" s="82">
        <v>45</v>
      </c>
      <c r="HA24" s="82">
        <v>26</v>
      </c>
      <c r="HB24" s="84">
        <v>260</v>
      </c>
      <c r="HC24" s="85">
        <v>364</v>
      </c>
      <c r="HD24" s="70">
        <v>0</v>
      </c>
      <c r="HE24" s="71">
        <v>2</v>
      </c>
      <c r="HF24" s="72">
        <v>2</v>
      </c>
      <c r="HG24" s="244"/>
      <c r="HH24" s="71">
        <v>0</v>
      </c>
      <c r="HI24" s="71">
        <v>3</v>
      </c>
      <c r="HJ24" s="71">
        <v>1</v>
      </c>
      <c r="HK24" s="71">
        <v>0</v>
      </c>
      <c r="HL24" s="71">
        <v>1</v>
      </c>
      <c r="HM24" s="72">
        <v>5</v>
      </c>
      <c r="HN24" s="73">
        <v>7</v>
      </c>
      <c r="HO24" s="70">
        <v>2</v>
      </c>
      <c r="HP24" s="71">
        <v>3</v>
      </c>
      <c r="HQ24" s="72">
        <v>5</v>
      </c>
      <c r="HR24" s="244"/>
      <c r="HS24" s="71">
        <v>4</v>
      </c>
      <c r="HT24" s="71">
        <v>4</v>
      </c>
      <c r="HU24" s="71">
        <v>4</v>
      </c>
      <c r="HV24" s="71">
        <v>3</v>
      </c>
      <c r="HW24" s="71">
        <v>1</v>
      </c>
      <c r="HX24" s="72">
        <v>16</v>
      </c>
      <c r="HY24" s="73">
        <v>21</v>
      </c>
      <c r="HZ24" s="70">
        <v>6</v>
      </c>
      <c r="IA24" s="71">
        <v>5</v>
      </c>
      <c r="IB24" s="72">
        <v>11</v>
      </c>
      <c r="IC24" s="244"/>
      <c r="ID24" s="71">
        <v>8</v>
      </c>
      <c r="IE24" s="71">
        <v>7</v>
      </c>
      <c r="IF24" s="71">
        <v>4</v>
      </c>
      <c r="IG24" s="71">
        <v>3</v>
      </c>
      <c r="IH24" s="71">
        <v>1</v>
      </c>
      <c r="II24" s="72">
        <v>23</v>
      </c>
      <c r="IJ24" s="73">
        <v>34</v>
      </c>
      <c r="IK24" s="70">
        <v>10</v>
      </c>
      <c r="IL24" s="71">
        <v>9</v>
      </c>
      <c r="IM24" s="72">
        <v>19</v>
      </c>
      <c r="IN24" s="244"/>
      <c r="IO24" s="71">
        <v>16</v>
      </c>
      <c r="IP24" s="71">
        <v>17</v>
      </c>
      <c r="IQ24" s="71">
        <v>7</v>
      </c>
      <c r="IR24" s="71">
        <v>6</v>
      </c>
      <c r="IS24" s="71">
        <v>2</v>
      </c>
      <c r="IT24" s="72">
        <v>48</v>
      </c>
      <c r="IU24" s="73">
        <v>67</v>
      </c>
      <c r="IV24" s="70">
        <v>21</v>
      </c>
      <c r="IW24" s="71">
        <v>16</v>
      </c>
      <c r="IX24" s="72">
        <v>37</v>
      </c>
      <c r="IY24" s="244"/>
      <c r="IZ24" s="71">
        <v>24</v>
      </c>
      <c r="JA24" s="71">
        <v>17</v>
      </c>
      <c r="JB24" s="71">
        <v>14</v>
      </c>
      <c r="JC24" s="71">
        <v>21</v>
      </c>
      <c r="JD24" s="71">
        <v>13</v>
      </c>
      <c r="JE24" s="72">
        <v>89</v>
      </c>
      <c r="JF24" s="73">
        <v>126</v>
      </c>
      <c r="JG24" s="70">
        <v>16</v>
      </c>
      <c r="JH24" s="71">
        <v>14</v>
      </c>
      <c r="JI24" s="72">
        <v>30</v>
      </c>
      <c r="JJ24" s="244"/>
      <c r="JK24" s="71">
        <v>19</v>
      </c>
      <c r="JL24" s="71">
        <v>20</v>
      </c>
      <c r="JM24" s="71">
        <v>20</v>
      </c>
      <c r="JN24" s="71">
        <v>12</v>
      </c>
      <c r="JO24" s="71">
        <v>8</v>
      </c>
      <c r="JP24" s="72">
        <v>79</v>
      </c>
      <c r="JQ24" s="73">
        <v>109</v>
      </c>
      <c r="JR24" s="70">
        <v>0</v>
      </c>
      <c r="JS24" s="71">
        <v>0</v>
      </c>
      <c r="JT24" s="72">
        <v>0</v>
      </c>
      <c r="JU24" s="244"/>
      <c r="JV24" s="71">
        <v>0</v>
      </c>
      <c r="JW24" s="71">
        <v>0</v>
      </c>
      <c r="JX24" s="71">
        <v>0</v>
      </c>
      <c r="JY24" s="71">
        <v>0</v>
      </c>
      <c r="JZ24" s="71">
        <v>0</v>
      </c>
      <c r="KA24" s="72">
        <v>0</v>
      </c>
      <c r="KB24" s="73">
        <v>0</v>
      </c>
      <c r="KC24" s="70">
        <v>55</v>
      </c>
      <c r="KD24" s="71">
        <v>49</v>
      </c>
      <c r="KE24" s="72">
        <v>104</v>
      </c>
      <c r="KF24" s="244"/>
      <c r="KG24" s="71">
        <v>71</v>
      </c>
      <c r="KH24" s="71">
        <v>68</v>
      </c>
      <c r="KI24" s="71">
        <v>50</v>
      </c>
      <c r="KJ24" s="71">
        <v>45</v>
      </c>
      <c r="KK24" s="71">
        <v>26</v>
      </c>
      <c r="KL24" s="72">
        <v>260</v>
      </c>
      <c r="KM24" s="73">
        <v>364</v>
      </c>
    </row>
    <row r="25" spans="2:299" ht="21" customHeight="1" x14ac:dyDescent="0.2">
      <c r="B25" s="126" t="s">
        <v>22</v>
      </c>
      <c r="C25" s="315">
        <v>23</v>
      </c>
      <c r="D25" s="82">
        <v>18</v>
      </c>
      <c r="E25" s="83">
        <v>41</v>
      </c>
      <c r="F25" s="241"/>
      <c r="G25" s="82">
        <v>35</v>
      </c>
      <c r="H25" s="82">
        <v>33</v>
      </c>
      <c r="I25" s="82">
        <v>15</v>
      </c>
      <c r="J25" s="82">
        <v>20</v>
      </c>
      <c r="K25" s="82">
        <v>5</v>
      </c>
      <c r="L25" s="84">
        <v>108</v>
      </c>
      <c r="M25" s="85">
        <v>149</v>
      </c>
      <c r="N25" s="70">
        <v>1</v>
      </c>
      <c r="O25" s="71">
        <v>0</v>
      </c>
      <c r="P25" s="72">
        <v>1</v>
      </c>
      <c r="Q25" s="244"/>
      <c r="R25" s="71">
        <v>0</v>
      </c>
      <c r="S25" s="71">
        <v>0</v>
      </c>
      <c r="T25" s="71">
        <v>0</v>
      </c>
      <c r="U25" s="71">
        <v>0</v>
      </c>
      <c r="V25" s="71">
        <v>0</v>
      </c>
      <c r="W25" s="72">
        <v>0</v>
      </c>
      <c r="X25" s="73">
        <v>1</v>
      </c>
      <c r="Y25" s="70">
        <v>0</v>
      </c>
      <c r="Z25" s="71">
        <v>0</v>
      </c>
      <c r="AA25" s="72">
        <v>0</v>
      </c>
      <c r="AB25" s="244"/>
      <c r="AC25" s="71">
        <v>3</v>
      </c>
      <c r="AD25" s="71">
        <v>1</v>
      </c>
      <c r="AE25" s="71">
        <v>1</v>
      </c>
      <c r="AF25" s="71">
        <v>2</v>
      </c>
      <c r="AG25" s="71">
        <v>0</v>
      </c>
      <c r="AH25" s="72">
        <v>7</v>
      </c>
      <c r="AI25" s="73">
        <v>7</v>
      </c>
      <c r="AJ25" s="70">
        <v>1</v>
      </c>
      <c r="AK25" s="71">
        <v>2</v>
      </c>
      <c r="AL25" s="72">
        <v>3</v>
      </c>
      <c r="AM25" s="244"/>
      <c r="AN25" s="71">
        <v>3</v>
      </c>
      <c r="AO25" s="71">
        <v>2</v>
      </c>
      <c r="AP25" s="71">
        <v>4</v>
      </c>
      <c r="AQ25" s="71">
        <v>0</v>
      </c>
      <c r="AR25" s="71">
        <v>1</v>
      </c>
      <c r="AS25" s="72">
        <v>10</v>
      </c>
      <c r="AT25" s="73">
        <v>13</v>
      </c>
      <c r="AU25" s="70">
        <v>6</v>
      </c>
      <c r="AV25" s="71">
        <v>0</v>
      </c>
      <c r="AW25" s="72">
        <v>6</v>
      </c>
      <c r="AX25" s="244"/>
      <c r="AY25" s="71">
        <v>5</v>
      </c>
      <c r="AZ25" s="71">
        <v>9</v>
      </c>
      <c r="BA25" s="71">
        <v>3</v>
      </c>
      <c r="BB25" s="71">
        <v>7</v>
      </c>
      <c r="BC25" s="71">
        <v>2</v>
      </c>
      <c r="BD25" s="72">
        <v>26</v>
      </c>
      <c r="BE25" s="73">
        <v>32</v>
      </c>
      <c r="BF25" s="70">
        <v>7</v>
      </c>
      <c r="BG25" s="71">
        <v>11</v>
      </c>
      <c r="BH25" s="72">
        <v>18</v>
      </c>
      <c r="BI25" s="244"/>
      <c r="BJ25" s="71">
        <v>12</v>
      </c>
      <c r="BK25" s="71">
        <v>10</v>
      </c>
      <c r="BL25" s="71">
        <v>3</v>
      </c>
      <c r="BM25" s="71">
        <v>5</v>
      </c>
      <c r="BN25" s="71">
        <v>0</v>
      </c>
      <c r="BO25" s="72">
        <v>30</v>
      </c>
      <c r="BP25" s="73">
        <v>48</v>
      </c>
      <c r="BQ25" s="70">
        <v>8</v>
      </c>
      <c r="BR25" s="71">
        <v>5</v>
      </c>
      <c r="BS25" s="72">
        <v>13</v>
      </c>
      <c r="BT25" s="244"/>
      <c r="BU25" s="71">
        <v>12</v>
      </c>
      <c r="BV25" s="71">
        <v>11</v>
      </c>
      <c r="BW25" s="71">
        <v>4</v>
      </c>
      <c r="BX25" s="71">
        <v>6</v>
      </c>
      <c r="BY25" s="71">
        <v>2</v>
      </c>
      <c r="BZ25" s="72">
        <v>35</v>
      </c>
      <c r="CA25" s="73">
        <v>48</v>
      </c>
      <c r="CB25" s="70">
        <v>0</v>
      </c>
      <c r="CC25" s="71">
        <v>0</v>
      </c>
      <c r="CD25" s="72">
        <v>0</v>
      </c>
      <c r="CE25" s="244"/>
      <c r="CF25" s="71">
        <v>0</v>
      </c>
      <c r="CG25" s="71">
        <v>0</v>
      </c>
      <c r="CH25" s="71">
        <v>0</v>
      </c>
      <c r="CI25" s="71">
        <v>0</v>
      </c>
      <c r="CJ25" s="71">
        <v>0</v>
      </c>
      <c r="CK25" s="72">
        <v>0</v>
      </c>
      <c r="CL25" s="73">
        <v>0</v>
      </c>
      <c r="CM25" s="70">
        <v>23</v>
      </c>
      <c r="CN25" s="71">
        <v>18</v>
      </c>
      <c r="CO25" s="72">
        <v>41</v>
      </c>
      <c r="CP25" s="244"/>
      <c r="CQ25" s="71">
        <v>35</v>
      </c>
      <c r="CR25" s="71">
        <v>33</v>
      </c>
      <c r="CS25" s="71">
        <v>15</v>
      </c>
      <c r="CT25" s="71">
        <v>20</v>
      </c>
      <c r="CU25" s="71">
        <v>5</v>
      </c>
      <c r="CV25" s="72">
        <v>108</v>
      </c>
      <c r="CW25" s="73">
        <v>149</v>
      </c>
      <c r="CX25" s="123">
        <v>3</v>
      </c>
      <c r="CY25" s="82">
        <v>2</v>
      </c>
      <c r="CZ25" s="83">
        <v>5</v>
      </c>
      <c r="DA25" s="241"/>
      <c r="DB25" s="82">
        <v>5</v>
      </c>
      <c r="DC25" s="82">
        <v>3</v>
      </c>
      <c r="DD25" s="82">
        <v>2</v>
      </c>
      <c r="DE25" s="82">
        <v>2</v>
      </c>
      <c r="DF25" s="82">
        <v>2</v>
      </c>
      <c r="DG25" s="84">
        <v>14</v>
      </c>
      <c r="DH25" s="85">
        <v>19</v>
      </c>
      <c r="DI25" s="70">
        <v>0</v>
      </c>
      <c r="DJ25" s="71">
        <v>0</v>
      </c>
      <c r="DK25" s="72">
        <v>0</v>
      </c>
      <c r="DL25" s="244"/>
      <c r="DM25" s="71">
        <v>0</v>
      </c>
      <c r="DN25" s="71">
        <v>0</v>
      </c>
      <c r="DO25" s="71">
        <v>0</v>
      </c>
      <c r="DP25" s="71">
        <v>0</v>
      </c>
      <c r="DQ25" s="71">
        <v>0</v>
      </c>
      <c r="DR25" s="72">
        <v>0</v>
      </c>
      <c r="DS25" s="73">
        <v>0</v>
      </c>
      <c r="DT25" s="70">
        <v>0</v>
      </c>
      <c r="DU25" s="71">
        <v>0</v>
      </c>
      <c r="DV25" s="72">
        <v>0</v>
      </c>
      <c r="DW25" s="244"/>
      <c r="DX25" s="71">
        <v>0</v>
      </c>
      <c r="DY25" s="71">
        <v>0</v>
      </c>
      <c r="DZ25" s="71">
        <v>0</v>
      </c>
      <c r="EA25" s="71">
        <v>0</v>
      </c>
      <c r="EB25" s="71">
        <v>0</v>
      </c>
      <c r="EC25" s="72">
        <v>0</v>
      </c>
      <c r="ED25" s="73">
        <v>0</v>
      </c>
      <c r="EE25" s="70">
        <v>1</v>
      </c>
      <c r="EF25" s="71">
        <v>1</v>
      </c>
      <c r="EG25" s="72">
        <v>2</v>
      </c>
      <c r="EH25" s="244"/>
      <c r="EI25" s="71">
        <v>1</v>
      </c>
      <c r="EJ25" s="71">
        <v>0</v>
      </c>
      <c r="EK25" s="71">
        <v>1</v>
      </c>
      <c r="EL25" s="71">
        <v>0</v>
      </c>
      <c r="EM25" s="71">
        <v>0</v>
      </c>
      <c r="EN25" s="72">
        <v>2</v>
      </c>
      <c r="EO25" s="73">
        <v>4</v>
      </c>
      <c r="EP25" s="70">
        <v>1</v>
      </c>
      <c r="EQ25" s="71">
        <v>0</v>
      </c>
      <c r="ER25" s="72">
        <v>1</v>
      </c>
      <c r="ES25" s="244"/>
      <c r="ET25" s="71">
        <v>1</v>
      </c>
      <c r="EU25" s="71">
        <v>0</v>
      </c>
      <c r="EV25" s="71">
        <v>0</v>
      </c>
      <c r="EW25" s="71">
        <v>0</v>
      </c>
      <c r="EX25" s="71">
        <v>1</v>
      </c>
      <c r="EY25" s="72">
        <v>2</v>
      </c>
      <c r="EZ25" s="73">
        <v>3</v>
      </c>
      <c r="FA25" s="70">
        <v>0</v>
      </c>
      <c r="FB25" s="71">
        <v>0</v>
      </c>
      <c r="FC25" s="72">
        <v>0</v>
      </c>
      <c r="FD25" s="244"/>
      <c r="FE25" s="71">
        <v>2</v>
      </c>
      <c r="FF25" s="71">
        <v>2</v>
      </c>
      <c r="FG25" s="71">
        <v>0</v>
      </c>
      <c r="FH25" s="71">
        <v>0</v>
      </c>
      <c r="FI25" s="71">
        <v>0</v>
      </c>
      <c r="FJ25" s="72">
        <v>4</v>
      </c>
      <c r="FK25" s="73">
        <v>4</v>
      </c>
      <c r="FL25" s="70">
        <v>1</v>
      </c>
      <c r="FM25" s="71">
        <v>1</v>
      </c>
      <c r="FN25" s="72">
        <v>2</v>
      </c>
      <c r="FO25" s="244"/>
      <c r="FP25" s="71">
        <v>1</v>
      </c>
      <c r="FQ25" s="71">
        <v>1</v>
      </c>
      <c r="FR25" s="71">
        <v>1</v>
      </c>
      <c r="FS25" s="71">
        <v>2</v>
      </c>
      <c r="FT25" s="71">
        <v>1</v>
      </c>
      <c r="FU25" s="72">
        <v>6</v>
      </c>
      <c r="FV25" s="73">
        <v>8</v>
      </c>
      <c r="FW25" s="70">
        <v>0</v>
      </c>
      <c r="FX25" s="71">
        <v>0</v>
      </c>
      <c r="FY25" s="72">
        <v>0</v>
      </c>
      <c r="FZ25" s="244"/>
      <c r="GA25" s="71">
        <v>0</v>
      </c>
      <c r="GB25" s="71">
        <v>0</v>
      </c>
      <c r="GC25" s="71">
        <v>0</v>
      </c>
      <c r="GD25" s="71">
        <v>0</v>
      </c>
      <c r="GE25" s="71">
        <v>0</v>
      </c>
      <c r="GF25" s="72">
        <v>0</v>
      </c>
      <c r="GG25" s="73">
        <v>0</v>
      </c>
      <c r="GH25" s="70">
        <v>3</v>
      </c>
      <c r="GI25" s="71">
        <v>2</v>
      </c>
      <c r="GJ25" s="72">
        <v>5</v>
      </c>
      <c r="GK25" s="244"/>
      <c r="GL25" s="71">
        <v>5</v>
      </c>
      <c r="GM25" s="71">
        <v>3</v>
      </c>
      <c r="GN25" s="71">
        <v>2</v>
      </c>
      <c r="GO25" s="71">
        <v>2</v>
      </c>
      <c r="GP25" s="71">
        <v>2</v>
      </c>
      <c r="GQ25" s="72">
        <v>14</v>
      </c>
      <c r="GR25" s="73">
        <v>19</v>
      </c>
      <c r="GS25" s="123">
        <v>26</v>
      </c>
      <c r="GT25" s="82">
        <v>20</v>
      </c>
      <c r="GU25" s="83">
        <v>46</v>
      </c>
      <c r="GV25" s="241"/>
      <c r="GW25" s="82">
        <v>40</v>
      </c>
      <c r="GX25" s="82">
        <v>36</v>
      </c>
      <c r="GY25" s="82">
        <v>17</v>
      </c>
      <c r="GZ25" s="82">
        <v>22</v>
      </c>
      <c r="HA25" s="82">
        <v>7</v>
      </c>
      <c r="HB25" s="84">
        <v>122</v>
      </c>
      <c r="HC25" s="85">
        <v>168</v>
      </c>
      <c r="HD25" s="70">
        <v>1</v>
      </c>
      <c r="HE25" s="71">
        <v>0</v>
      </c>
      <c r="HF25" s="72">
        <v>1</v>
      </c>
      <c r="HG25" s="244"/>
      <c r="HH25" s="71">
        <v>0</v>
      </c>
      <c r="HI25" s="71">
        <v>0</v>
      </c>
      <c r="HJ25" s="71">
        <v>0</v>
      </c>
      <c r="HK25" s="71">
        <v>0</v>
      </c>
      <c r="HL25" s="71">
        <v>0</v>
      </c>
      <c r="HM25" s="72">
        <v>0</v>
      </c>
      <c r="HN25" s="73">
        <v>1</v>
      </c>
      <c r="HO25" s="70">
        <v>0</v>
      </c>
      <c r="HP25" s="71">
        <v>0</v>
      </c>
      <c r="HQ25" s="72">
        <v>0</v>
      </c>
      <c r="HR25" s="244"/>
      <c r="HS25" s="71">
        <v>3</v>
      </c>
      <c r="HT25" s="71">
        <v>1</v>
      </c>
      <c r="HU25" s="71">
        <v>1</v>
      </c>
      <c r="HV25" s="71">
        <v>2</v>
      </c>
      <c r="HW25" s="71">
        <v>0</v>
      </c>
      <c r="HX25" s="72">
        <v>7</v>
      </c>
      <c r="HY25" s="73">
        <v>7</v>
      </c>
      <c r="HZ25" s="70">
        <v>2</v>
      </c>
      <c r="IA25" s="71">
        <v>3</v>
      </c>
      <c r="IB25" s="72">
        <v>5</v>
      </c>
      <c r="IC25" s="244"/>
      <c r="ID25" s="71">
        <v>4</v>
      </c>
      <c r="IE25" s="71">
        <v>2</v>
      </c>
      <c r="IF25" s="71">
        <v>5</v>
      </c>
      <c r="IG25" s="71">
        <v>0</v>
      </c>
      <c r="IH25" s="71">
        <v>1</v>
      </c>
      <c r="II25" s="72">
        <v>12</v>
      </c>
      <c r="IJ25" s="73">
        <v>17</v>
      </c>
      <c r="IK25" s="70">
        <v>7</v>
      </c>
      <c r="IL25" s="71">
        <v>0</v>
      </c>
      <c r="IM25" s="72">
        <v>7</v>
      </c>
      <c r="IN25" s="244"/>
      <c r="IO25" s="71">
        <v>6</v>
      </c>
      <c r="IP25" s="71">
        <v>9</v>
      </c>
      <c r="IQ25" s="71">
        <v>3</v>
      </c>
      <c r="IR25" s="71">
        <v>7</v>
      </c>
      <c r="IS25" s="71">
        <v>3</v>
      </c>
      <c r="IT25" s="72">
        <v>28</v>
      </c>
      <c r="IU25" s="73">
        <v>35</v>
      </c>
      <c r="IV25" s="70">
        <v>7</v>
      </c>
      <c r="IW25" s="71">
        <v>11</v>
      </c>
      <c r="IX25" s="72">
        <v>18</v>
      </c>
      <c r="IY25" s="244"/>
      <c r="IZ25" s="71">
        <v>14</v>
      </c>
      <c r="JA25" s="71">
        <v>12</v>
      </c>
      <c r="JB25" s="71">
        <v>3</v>
      </c>
      <c r="JC25" s="71">
        <v>5</v>
      </c>
      <c r="JD25" s="71">
        <v>0</v>
      </c>
      <c r="JE25" s="72">
        <v>34</v>
      </c>
      <c r="JF25" s="73">
        <v>52</v>
      </c>
      <c r="JG25" s="70">
        <v>9</v>
      </c>
      <c r="JH25" s="71">
        <v>6</v>
      </c>
      <c r="JI25" s="72">
        <v>15</v>
      </c>
      <c r="JJ25" s="244"/>
      <c r="JK25" s="71">
        <v>13</v>
      </c>
      <c r="JL25" s="71">
        <v>12</v>
      </c>
      <c r="JM25" s="71">
        <v>5</v>
      </c>
      <c r="JN25" s="71">
        <v>8</v>
      </c>
      <c r="JO25" s="71">
        <v>3</v>
      </c>
      <c r="JP25" s="72">
        <v>41</v>
      </c>
      <c r="JQ25" s="73">
        <v>56</v>
      </c>
      <c r="JR25" s="70">
        <v>0</v>
      </c>
      <c r="JS25" s="71">
        <v>0</v>
      </c>
      <c r="JT25" s="72">
        <v>0</v>
      </c>
      <c r="JU25" s="244"/>
      <c r="JV25" s="71">
        <v>0</v>
      </c>
      <c r="JW25" s="71">
        <v>0</v>
      </c>
      <c r="JX25" s="71">
        <v>0</v>
      </c>
      <c r="JY25" s="71">
        <v>0</v>
      </c>
      <c r="JZ25" s="71">
        <v>0</v>
      </c>
      <c r="KA25" s="72">
        <v>0</v>
      </c>
      <c r="KB25" s="73">
        <v>0</v>
      </c>
      <c r="KC25" s="70">
        <v>26</v>
      </c>
      <c r="KD25" s="71">
        <v>20</v>
      </c>
      <c r="KE25" s="72">
        <v>46</v>
      </c>
      <c r="KF25" s="244"/>
      <c r="KG25" s="71">
        <v>40</v>
      </c>
      <c r="KH25" s="71">
        <v>36</v>
      </c>
      <c r="KI25" s="71">
        <v>17</v>
      </c>
      <c r="KJ25" s="71">
        <v>22</v>
      </c>
      <c r="KK25" s="71">
        <v>7</v>
      </c>
      <c r="KL25" s="72">
        <v>122</v>
      </c>
      <c r="KM25" s="73">
        <v>168</v>
      </c>
    </row>
    <row r="26" spans="2:299" ht="21" customHeight="1" x14ac:dyDescent="0.2">
      <c r="B26" s="126" t="s">
        <v>23</v>
      </c>
      <c r="C26" s="315">
        <v>31</v>
      </c>
      <c r="D26" s="82">
        <v>32</v>
      </c>
      <c r="E26" s="83">
        <v>63</v>
      </c>
      <c r="F26" s="241"/>
      <c r="G26" s="82">
        <v>61</v>
      </c>
      <c r="H26" s="82">
        <v>33</v>
      </c>
      <c r="I26" s="82">
        <v>18</v>
      </c>
      <c r="J26" s="82">
        <v>14</v>
      </c>
      <c r="K26" s="82">
        <v>11</v>
      </c>
      <c r="L26" s="84">
        <v>137</v>
      </c>
      <c r="M26" s="85">
        <v>200</v>
      </c>
      <c r="N26" s="70">
        <v>0</v>
      </c>
      <c r="O26" s="71">
        <v>0</v>
      </c>
      <c r="P26" s="72">
        <v>0</v>
      </c>
      <c r="Q26" s="244"/>
      <c r="R26" s="71">
        <v>2</v>
      </c>
      <c r="S26" s="71">
        <v>1</v>
      </c>
      <c r="T26" s="71">
        <v>1</v>
      </c>
      <c r="U26" s="71">
        <v>0</v>
      </c>
      <c r="V26" s="71">
        <v>0</v>
      </c>
      <c r="W26" s="72">
        <v>4</v>
      </c>
      <c r="X26" s="73">
        <v>4</v>
      </c>
      <c r="Y26" s="70">
        <v>3</v>
      </c>
      <c r="Z26" s="71">
        <v>1</v>
      </c>
      <c r="AA26" s="72">
        <v>4</v>
      </c>
      <c r="AB26" s="244"/>
      <c r="AC26" s="71">
        <v>2</v>
      </c>
      <c r="AD26" s="71">
        <v>1</v>
      </c>
      <c r="AE26" s="71">
        <v>0</v>
      </c>
      <c r="AF26" s="71">
        <v>2</v>
      </c>
      <c r="AG26" s="71">
        <v>3</v>
      </c>
      <c r="AH26" s="72">
        <v>8</v>
      </c>
      <c r="AI26" s="73">
        <v>12</v>
      </c>
      <c r="AJ26" s="70">
        <v>4</v>
      </c>
      <c r="AK26" s="71">
        <v>4</v>
      </c>
      <c r="AL26" s="72">
        <v>8</v>
      </c>
      <c r="AM26" s="244"/>
      <c r="AN26" s="71">
        <v>8</v>
      </c>
      <c r="AO26" s="71">
        <v>5</v>
      </c>
      <c r="AP26" s="71">
        <v>1</v>
      </c>
      <c r="AQ26" s="71">
        <v>1</v>
      </c>
      <c r="AR26" s="71">
        <v>1</v>
      </c>
      <c r="AS26" s="72">
        <v>16</v>
      </c>
      <c r="AT26" s="73">
        <v>24</v>
      </c>
      <c r="AU26" s="70">
        <v>8</v>
      </c>
      <c r="AV26" s="71">
        <v>8</v>
      </c>
      <c r="AW26" s="72">
        <v>16</v>
      </c>
      <c r="AX26" s="244"/>
      <c r="AY26" s="71">
        <v>21</v>
      </c>
      <c r="AZ26" s="71">
        <v>11</v>
      </c>
      <c r="BA26" s="71">
        <v>4</v>
      </c>
      <c r="BB26" s="71">
        <v>4</v>
      </c>
      <c r="BC26" s="71">
        <v>1</v>
      </c>
      <c r="BD26" s="72">
        <v>41</v>
      </c>
      <c r="BE26" s="73">
        <v>57</v>
      </c>
      <c r="BF26" s="70">
        <v>13</v>
      </c>
      <c r="BG26" s="71">
        <v>10</v>
      </c>
      <c r="BH26" s="72">
        <v>23</v>
      </c>
      <c r="BI26" s="244"/>
      <c r="BJ26" s="71">
        <v>17</v>
      </c>
      <c r="BK26" s="71">
        <v>6</v>
      </c>
      <c r="BL26" s="71">
        <v>3</v>
      </c>
      <c r="BM26" s="71">
        <v>2</v>
      </c>
      <c r="BN26" s="71">
        <v>3</v>
      </c>
      <c r="BO26" s="72">
        <v>31</v>
      </c>
      <c r="BP26" s="73">
        <v>54</v>
      </c>
      <c r="BQ26" s="70">
        <v>3</v>
      </c>
      <c r="BR26" s="71">
        <v>9</v>
      </c>
      <c r="BS26" s="72">
        <v>12</v>
      </c>
      <c r="BT26" s="244"/>
      <c r="BU26" s="71">
        <v>11</v>
      </c>
      <c r="BV26" s="71">
        <v>9</v>
      </c>
      <c r="BW26" s="71">
        <v>9</v>
      </c>
      <c r="BX26" s="71">
        <v>5</v>
      </c>
      <c r="BY26" s="71">
        <v>3</v>
      </c>
      <c r="BZ26" s="72">
        <v>37</v>
      </c>
      <c r="CA26" s="73">
        <v>49</v>
      </c>
      <c r="CB26" s="70">
        <v>0</v>
      </c>
      <c r="CC26" s="71">
        <v>0</v>
      </c>
      <c r="CD26" s="72">
        <v>0</v>
      </c>
      <c r="CE26" s="244"/>
      <c r="CF26" s="71">
        <v>0</v>
      </c>
      <c r="CG26" s="71">
        <v>0</v>
      </c>
      <c r="CH26" s="71">
        <v>0</v>
      </c>
      <c r="CI26" s="71">
        <v>0</v>
      </c>
      <c r="CJ26" s="71">
        <v>0</v>
      </c>
      <c r="CK26" s="72">
        <v>0</v>
      </c>
      <c r="CL26" s="73">
        <v>0</v>
      </c>
      <c r="CM26" s="70">
        <v>31</v>
      </c>
      <c r="CN26" s="71">
        <v>32</v>
      </c>
      <c r="CO26" s="72">
        <v>63</v>
      </c>
      <c r="CP26" s="244"/>
      <c r="CQ26" s="71">
        <v>61</v>
      </c>
      <c r="CR26" s="71">
        <v>33</v>
      </c>
      <c r="CS26" s="71">
        <v>18</v>
      </c>
      <c r="CT26" s="71">
        <v>14</v>
      </c>
      <c r="CU26" s="71">
        <v>11</v>
      </c>
      <c r="CV26" s="72">
        <v>137</v>
      </c>
      <c r="CW26" s="73">
        <v>200</v>
      </c>
      <c r="CX26" s="123">
        <v>5</v>
      </c>
      <c r="CY26" s="82">
        <v>4</v>
      </c>
      <c r="CZ26" s="83">
        <v>9</v>
      </c>
      <c r="DA26" s="241"/>
      <c r="DB26" s="82">
        <v>6</v>
      </c>
      <c r="DC26" s="82">
        <v>7</v>
      </c>
      <c r="DD26" s="82">
        <v>3</v>
      </c>
      <c r="DE26" s="82">
        <v>3</v>
      </c>
      <c r="DF26" s="82">
        <v>3</v>
      </c>
      <c r="DG26" s="84">
        <v>22</v>
      </c>
      <c r="DH26" s="85">
        <v>31</v>
      </c>
      <c r="DI26" s="70">
        <v>0</v>
      </c>
      <c r="DJ26" s="71">
        <v>0</v>
      </c>
      <c r="DK26" s="72">
        <v>0</v>
      </c>
      <c r="DL26" s="244"/>
      <c r="DM26" s="71">
        <v>0</v>
      </c>
      <c r="DN26" s="71">
        <v>0</v>
      </c>
      <c r="DO26" s="71">
        <v>0</v>
      </c>
      <c r="DP26" s="71">
        <v>0</v>
      </c>
      <c r="DQ26" s="71">
        <v>0</v>
      </c>
      <c r="DR26" s="72">
        <v>0</v>
      </c>
      <c r="DS26" s="73">
        <v>0</v>
      </c>
      <c r="DT26" s="70">
        <v>1</v>
      </c>
      <c r="DU26" s="71">
        <v>1</v>
      </c>
      <c r="DV26" s="72">
        <v>2</v>
      </c>
      <c r="DW26" s="244"/>
      <c r="DX26" s="71">
        <v>2</v>
      </c>
      <c r="DY26" s="71">
        <v>1</v>
      </c>
      <c r="DZ26" s="71">
        <v>1</v>
      </c>
      <c r="EA26" s="71">
        <v>1</v>
      </c>
      <c r="EB26" s="71">
        <v>0</v>
      </c>
      <c r="EC26" s="72">
        <v>5</v>
      </c>
      <c r="ED26" s="73">
        <v>7</v>
      </c>
      <c r="EE26" s="70">
        <v>1</v>
      </c>
      <c r="EF26" s="71">
        <v>1</v>
      </c>
      <c r="EG26" s="72">
        <v>2</v>
      </c>
      <c r="EH26" s="244"/>
      <c r="EI26" s="71">
        <v>0</v>
      </c>
      <c r="EJ26" s="71">
        <v>2</v>
      </c>
      <c r="EK26" s="71">
        <v>0</v>
      </c>
      <c r="EL26" s="71">
        <v>1</v>
      </c>
      <c r="EM26" s="71">
        <v>1</v>
      </c>
      <c r="EN26" s="72">
        <v>4</v>
      </c>
      <c r="EO26" s="73">
        <v>6</v>
      </c>
      <c r="EP26" s="70">
        <v>1</v>
      </c>
      <c r="EQ26" s="71">
        <v>1</v>
      </c>
      <c r="ER26" s="72">
        <v>2</v>
      </c>
      <c r="ES26" s="244"/>
      <c r="ET26" s="71">
        <v>4</v>
      </c>
      <c r="EU26" s="71">
        <v>1</v>
      </c>
      <c r="EV26" s="71">
        <v>0</v>
      </c>
      <c r="EW26" s="71">
        <v>0</v>
      </c>
      <c r="EX26" s="71">
        <v>0</v>
      </c>
      <c r="EY26" s="72">
        <v>5</v>
      </c>
      <c r="EZ26" s="73">
        <v>7</v>
      </c>
      <c r="FA26" s="70">
        <v>2</v>
      </c>
      <c r="FB26" s="71">
        <v>1</v>
      </c>
      <c r="FC26" s="72">
        <v>3</v>
      </c>
      <c r="FD26" s="244"/>
      <c r="FE26" s="71">
        <v>0</v>
      </c>
      <c r="FF26" s="71">
        <v>2</v>
      </c>
      <c r="FG26" s="71">
        <v>1</v>
      </c>
      <c r="FH26" s="71">
        <v>1</v>
      </c>
      <c r="FI26" s="71">
        <v>1</v>
      </c>
      <c r="FJ26" s="72">
        <v>5</v>
      </c>
      <c r="FK26" s="73">
        <v>8</v>
      </c>
      <c r="FL26" s="70">
        <v>0</v>
      </c>
      <c r="FM26" s="71">
        <v>0</v>
      </c>
      <c r="FN26" s="72">
        <v>0</v>
      </c>
      <c r="FO26" s="244"/>
      <c r="FP26" s="71">
        <v>0</v>
      </c>
      <c r="FQ26" s="71">
        <v>1</v>
      </c>
      <c r="FR26" s="71">
        <v>1</v>
      </c>
      <c r="FS26" s="71">
        <v>0</v>
      </c>
      <c r="FT26" s="71">
        <v>1</v>
      </c>
      <c r="FU26" s="72">
        <v>3</v>
      </c>
      <c r="FV26" s="73">
        <v>3</v>
      </c>
      <c r="FW26" s="70">
        <v>0</v>
      </c>
      <c r="FX26" s="71">
        <v>0</v>
      </c>
      <c r="FY26" s="72">
        <v>0</v>
      </c>
      <c r="FZ26" s="244"/>
      <c r="GA26" s="71">
        <v>0</v>
      </c>
      <c r="GB26" s="71">
        <v>0</v>
      </c>
      <c r="GC26" s="71">
        <v>0</v>
      </c>
      <c r="GD26" s="71">
        <v>0</v>
      </c>
      <c r="GE26" s="71">
        <v>0</v>
      </c>
      <c r="GF26" s="72">
        <v>0</v>
      </c>
      <c r="GG26" s="73">
        <v>0</v>
      </c>
      <c r="GH26" s="70">
        <v>5</v>
      </c>
      <c r="GI26" s="71">
        <v>4</v>
      </c>
      <c r="GJ26" s="72">
        <v>9</v>
      </c>
      <c r="GK26" s="244"/>
      <c r="GL26" s="71">
        <v>6</v>
      </c>
      <c r="GM26" s="71">
        <v>7</v>
      </c>
      <c r="GN26" s="71">
        <v>3</v>
      </c>
      <c r="GO26" s="71">
        <v>3</v>
      </c>
      <c r="GP26" s="71">
        <v>3</v>
      </c>
      <c r="GQ26" s="72">
        <v>22</v>
      </c>
      <c r="GR26" s="73">
        <v>31</v>
      </c>
      <c r="GS26" s="123">
        <v>36</v>
      </c>
      <c r="GT26" s="82">
        <v>36</v>
      </c>
      <c r="GU26" s="83">
        <v>72</v>
      </c>
      <c r="GV26" s="241"/>
      <c r="GW26" s="82">
        <v>67</v>
      </c>
      <c r="GX26" s="82">
        <v>40</v>
      </c>
      <c r="GY26" s="82">
        <v>21</v>
      </c>
      <c r="GZ26" s="82">
        <v>17</v>
      </c>
      <c r="HA26" s="82">
        <v>14</v>
      </c>
      <c r="HB26" s="84">
        <v>159</v>
      </c>
      <c r="HC26" s="85">
        <v>231</v>
      </c>
      <c r="HD26" s="70">
        <v>0</v>
      </c>
      <c r="HE26" s="71">
        <v>0</v>
      </c>
      <c r="HF26" s="72">
        <v>0</v>
      </c>
      <c r="HG26" s="244"/>
      <c r="HH26" s="71">
        <v>2</v>
      </c>
      <c r="HI26" s="71">
        <v>1</v>
      </c>
      <c r="HJ26" s="71">
        <v>1</v>
      </c>
      <c r="HK26" s="71">
        <v>0</v>
      </c>
      <c r="HL26" s="71">
        <v>0</v>
      </c>
      <c r="HM26" s="72">
        <v>4</v>
      </c>
      <c r="HN26" s="73">
        <v>4</v>
      </c>
      <c r="HO26" s="70">
        <v>4</v>
      </c>
      <c r="HP26" s="71">
        <v>2</v>
      </c>
      <c r="HQ26" s="72">
        <v>6</v>
      </c>
      <c r="HR26" s="244"/>
      <c r="HS26" s="71">
        <v>4</v>
      </c>
      <c r="HT26" s="71">
        <v>2</v>
      </c>
      <c r="HU26" s="71">
        <v>1</v>
      </c>
      <c r="HV26" s="71">
        <v>3</v>
      </c>
      <c r="HW26" s="71">
        <v>3</v>
      </c>
      <c r="HX26" s="72">
        <v>13</v>
      </c>
      <c r="HY26" s="73">
        <v>19</v>
      </c>
      <c r="HZ26" s="70">
        <v>5</v>
      </c>
      <c r="IA26" s="71">
        <v>5</v>
      </c>
      <c r="IB26" s="72">
        <v>10</v>
      </c>
      <c r="IC26" s="244"/>
      <c r="ID26" s="71">
        <v>8</v>
      </c>
      <c r="IE26" s="71">
        <v>7</v>
      </c>
      <c r="IF26" s="71">
        <v>1</v>
      </c>
      <c r="IG26" s="71">
        <v>2</v>
      </c>
      <c r="IH26" s="71">
        <v>2</v>
      </c>
      <c r="II26" s="72">
        <v>20</v>
      </c>
      <c r="IJ26" s="73">
        <v>30</v>
      </c>
      <c r="IK26" s="70">
        <v>9</v>
      </c>
      <c r="IL26" s="71">
        <v>9</v>
      </c>
      <c r="IM26" s="72">
        <v>18</v>
      </c>
      <c r="IN26" s="244"/>
      <c r="IO26" s="71">
        <v>25</v>
      </c>
      <c r="IP26" s="71">
        <v>12</v>
      </c>
      <c r="IQ26" s="71">
        <v>4</v>
      </c>
      <c r="IR26" s="71">
        <v>4</v>
      </c>
      <c r="IS26" s="71">
        <v>1</v>
      </c>
      <c r="IT26" s="72">
        <v>46</v>
      </c>
      <c r="IU26" s="73">
        <v>64</v>
      </c>
      <c r="IV26" s="70">
        <v>15</v>
      </c>
      <c r="IW26" s="71">
        <v>11</v>
      </c>
      <c r="IX26" s="72">
        <v>26</v>
      </c>
      <c r="IY26" s="244"/>
      <c r="IZ26" s="71">
        <v>17</v>
      </c>
      <c r="JA26" s="71">
        <v>8</v>
      </c>
      <c r="JB26" s="71">
        <v>4</v>
      </c>
      <c r="JC26" s="71">
        <v>3</v>
      </c>
      <c r="JD26" s="71">
        <v>4</v>
      </c>
      <c r="JE26" s="72">
        <v>36</v>
      </c>
      <c r="JF26" s="73">
        <v>62</v>
      </c>
      <c r="JG26" s="70">
        <v>3</v>
      </c>
      <c r="JH26" s="71">
        <v>9</v>
      </c>
      <c r="JI26" s="72">
        <v>12</v>
      </c>
      <c r="JJ26" s="244"/>
      <c r="JK26" s="71">
        <v>11</v>
      </c>
      <c r="JL26" s="71">
        <v>10</v>
      </c>
      <c r="JM26" s="71">
        <v>10</v>
      </c>
      <c r="JN26" s="71">
        <v>5</v>
      </c>
      <c r="JO26" s="71">
        <v>4</v>
      </c>
      <c r="JP26" s="72">
        <v>40</v>
      </c>
      <c r="JQ26" s="73">
        <v>52</v>
      </c>
      <c r="JR26" s="70">
        <v>0</v>
      </c>
      <c r="JS26" s="71">
        <v>0</v>
      </c>
      <c r="JT26" s="72">
        <v>0</v>
      </c>
      <c r="JU26" s="244"/>
      <c r="JV26" s="71">
        <v>0</v>
      </c>
      <c r="JW26" s="71">
        <v>0</v>
      </c>
      <c r="JX26" s="71">
        <v>0</v>
      </c>
      <c r="JY26" s="71">
        <v>0</v>
      </c>
      <c r="JZ26" s="71">
        <v>0</v>
      </c>
      <c r="KA26" s="72">
        <v>0</v>
      </c>
      <c r="KB26" s="73">
        <v>0</v>
      </c>
      <c r="KC26" s="70">
        <v>36</v>
      </c>
      <c r="KD26" s="71">
        <v>36</v>
      </c>
      <c r="KE26" s="72">
        <v>72</v>
      </c>
      <c r="KF26" s="244"/>
      <c r="KG26" s="71">
        <v>67</v>
      </c>
      <c r="KH26" s="71">
        <v>40</v>
      </c>
      <c r="KI26" s="71">
        <v>21</v>
      </c>
      <c r="KJ26" s="71">
        <v>17</v>
      </c>
      <c r="KK26" s="71">
        <v>14</v>
      </c>
      <c r="KL26" s="72">
        <v>159</v>
      </c>
      <c r="KM26" s="73">
        <v>231</v>
      </c>
    </row>
    <row r="27" spans="2:299" ht="21" customHeight="1" x14ac:dyDescent="0.2">
      <c r="B27" s="126" t="s">
        <v>24</v>
      </c>
      <c r="C27" s="315">
        <v>32</v>
      </c>
      <c r="D27" s="82">
        <v>21</v>
      </c>
      <c r="E27" s="83">
        <v>53</v>
      </c>
      <c r="F27" s="241"/>
      <c r="G27" s="82">
        <v>46</v>
      </c>
      <c r="H27" s="82">
        <v>30</v>
      </c>
      <c r="I27" s="82">
        <v>24</v>
      </c>
      <c r="J27" s="82">
        <v>7</v>
      </c>
      <c r="K27" s="82">
        <v>8</v>
      </c>
      <c r="L27" s="84">
        <v>115</v>
      </c>
      <c r="M27" s="85">
        <v>168</v>
      </c>
      <c r="N27" s="70">
        <v>0</v>
      </c>
      <c r="O27" s="71">
        <v>0</v>
      </c>
      <c r="P27" s="72">
        <v>0</v>
      </c>
      <c r="Q27" s="244"/>
      <c r="R27" s="71">
        <v>0</v>
      </c>
      <c r="S27" s="71">
        <v>0</v>
      </c>
      <c r="T27" s="71">
        <v>2</v>
      </c>
      <c r="U27" s="71">
        <v>0</v>
      </c>
      <c r="V27" s="71">
        <v>0</v>
      </c>
      <c r="W27" s="72">
        <v>2</v>
      </c>
      <c r="X27" s="73">
        <v>2</v>
      </c>
      <c r="Y27" s="70">
        <v>0</v>
      </c>
      <c r="Z27" s="71">
        <v>1</v>
      </c>
      <c r="AA27" s="72">
        <v>1</v>
      </c>
      <c r="AB27" s="244"/>
      <c r="AC27" s="71">
        <v>3</v>
      </c>
      <c r="AD27" s="71">
        <v>4</v>
      </c>
      <c r="AE27" s="71">
        <v>0</v>
      </c>
      <c r="AF27" s="71">
        <v>0</v>
      </c>
      <c r="AG27" s="71">
        <v>1</v>
      </c>
      <c r="AH27" s="72">
        <v>8</v>
      </c>
      <c r="AI27" s="73">
        <v>9</v>
      </c>
      <c r="AJ27" s="70">
        <v>2</v>
      </c>
      <c r="AK27" s="71">
        <v>2</v>
      </c>
      <c r="AL27" s="72">
        <v>4</v>
      </c>
      <c r="AM27" s="244"/>
      <c r="AN27" s="71">
        <v>5</v>
      </c>
      <c r="AO27" s="71">
        <v>2</v>
      </c>
      <c r="AP27" s="71">
        <v>2</v>
      </c>
      <c r="AQ27" s="71">
        <v>1</v>
      </c>
      <c r="AR27" s="71">
        <v>0</v>
      </c>
      <c r="AS27" s="72">
        <v>10</v>
      </c>
      <c r="AT27" s="73">
        <v>14</v>
      </c>
      <c r="AU27" s="70">
        <v>3</v>
      </c>
      <c r="AV27" s="71">
        <v>5</v>
      </c>
      <c r="AW27" s="72">
        <v>8</v>
      </c>
      <c r="AX27" s="244"/>
      <c r="AY27" s="71">
        <v>5</v>
      </c>
      <c r="AZ27" s="71">
        <v>4</v>
      </c>
      <c r="BA27" s="71">
        <v>2</v>
      </c>
      <c r="BB27" s="71">
        <v>1</v>
      </c>
      <c r="BC27" s="71">
        <v>2</v>
      </c>
      <c r="BD27" s="72">
        <v>14</v>
      </c>
      <c r="BE27" s="73">
        <v>22</v>
      </c>
      <c r="BF27" s="70">
        <v>12</v>
      </c>
      <c r="BG27" s="71">
        <v>4</v>
      </c>
      <c r="BH27" s="72">
        <v>16</v>
      </c>
      <c r="BI27" s="244"/>
      <c r="BJ27" s="71">
        <v>14</v>
      </c>
      <c r="BK27" s="71">
        <v>11</v>
      </c>
      <c r="BL27" s="71">
        <v>6</v>
      </c>
      <c r="BM27" s="71">
        <v>4</v>
      </c>
      <c r="BN27" s="71">
        <v>2</v>
      </c>
      <c r="BO27" s="72">
        <v>37</v>
      </c>
      <c r="BP27" s="73">
        <v>53</v>
      </c>
      <c r="BQ27" s="70">
        <v>15</v>
      </c>
      <c r="BR27" s="71">
        <v>9</v>
      </c>
      <c r="BS27" s="72">
        <v>24</v>
      </c>
      <c r="BT27" s="244"/>
      <c r="BU27" s="71">
        <v>19</v>
      </c>
      <c r="BV27" s="71">
        <v>9</v>
      </c>
      <c r="BW27" s="71">
        <v>12</v>
      </c>
      <c r="BX27" s="71">
        <v>1</v>
      </c>
      <c r="BY27" s="71">
        <v>3</v>
      </c>
      <c r="BZ27" s="72">
        <v>44</v>
      </c>
      <c r="CA27" s="73">
        <v>68</v>
      </c>
      <c r="CB27" s="70">
        <v>0</v>
      </c>
      <c r="CC27" s="71">
        <v>0</v>
      </c>
      <c r="CD27" s="72">
        <v>0</v>
      </c>
      <c r="CE27" s="244"/>
      <c r="CF27" s="71">
        <v>0</v>
      </c>
      <c r="CG27" s="71">
        <v>0</v>
      </c>
      <c r="CH27" s="71">
        <v>0</v>
      </c>
      <c r="CI27" s="71">
        <v>0</v>
      </c>
      <c r="CJ27" s="71">
        <v>0</v>
      </c>
      <c r="CK27" s="72">
        <v>0</v>
      </c>
      <c r="CL27" s="73">
        <v>0</v>
      </c>
      <c r="CM27" s="70">
        <v>32</v>
      </c>
      <c r="CN27" s="71">
        <v>21</v>
      </c>
      <c r="CO27" s="72">
        <v>53</v>
      </c>
      <c r="CP27" s="244"/>
      <c r="CQ27" s="71">
        <v>46</v>
      </c>
      <c r="CR27" s="71">
        <v>30</v>
      </c>
      <c r="CS27" s="71">
        <v>24</v>
      </c>
      <c r="CT27" s="71">
        <v>7</v>
      </c>
      <c r="CU27" s="71">
        <v>8</v>
      </c>
      <c r="CV27" s="72">
        <v>115</v>
      </c>
      <c r="CW27" s="73">
        <v>168</v>
      </c>
      <c r="CX27" s="123">
        <v>3</v>
      </c>
      <c r="CY27" s="82">
        <v>2</v>
      </c>
      <c r="CZ27" s="83">
        <v>5</v>
      </c>
      <c r="DA27" s="241"/>
      <c r="DB27" s="82">
        <v>6</v>
      </c>
      <c r="DC27" s="82">
        <v>1</v>
      </c>
      <c r="DD27" s="82">
        <v>5</v>
      </c>
      <c r="DE27" s="82">
        <v>3</v>
      </c>
      <c r="DF27" s="82">
        <v>2</v>
      </c>
      <c r="DG27" s="84">
        <v>17</v>
      </c>
      <c r="DH27" s="85">
        <v>22</v>
      </c>
      <c r="DI27" s="70">
        <v>0</v>
      </c>
      <c r="DJ27" s="71">
        <v>0</v>
      </c>
      <c r="DK27" s="72">
        <v>0</v>
      </c>
      <c r="DL27" s="244"/>
      <c r="DM27" s="71">
        <v>0</v>
      </c>
      <c r="DN27" s="71">
        <v>0</v>
      </c>
      <c r="DO27" s="71">
        <v>0</v>
      </c>
      <c r="DP27" s="71">
        <v>0</v>
      </c>
      <c r="DQ27" s="71">
        <v>0</v>
      </c>
      <c r="DR27" s="72">
        <v>0</v>
      </c>
      <c r="DS27" s="73">
        <v>0</v>
      </c>
      <c r="DT27" s="70">
        <v>1</v>
      </c>
      <c r="DU27" s="71">
        <v>0</v>
      </c>
      <c r="DV27" s="72">
        <v>1</v>
      </c>
      <c r="DW27" s="244"/>
      <c r="DX27" s="71">
        <v>0</v>
      </c>
      <c r="DY27" s="71">
        <v>0</v>
      </c>
      <c r="DZ27" s="71">
        <v>0</v>
      </c>
      <c r="EA27" s="71">
        <v>0</v>
      </c>
      <c r="EB27" s="71">
        <v>0</v>
      </c>
      <c r="EC27" s="72">
        <v>0</v>
      </c>
      <c r="ED27" s="73">
        <v>1</v>
      </c>
      <c r="EE27" s="70">
        <v>0</v>
      </c>
      <c r="EF27" s="71">
        <v>0</v>
      </c>
      <c r="EG27" s="72">
        <v>0</v>
      </c>
      <c r="EH27" s="244"/>
      <c r="EI27" s="71">
        <v>0</v>
      </c>
      <c r="EJ27" s="71">
        <v>0</v>
      </c>
      <c r="EK27" s="71">
        <v>1</v>
      </c>
      <c r="EL27" s="71">
        <v>0</v>
      </c>
      <c r="EM27" s="71">
        <v>0</v>
      </c>
      <c r="EN27" s="72">
        <v>1</v>
      </c>
      <c r="EO27" s="73">
        <v>1</v>
      </c>
      <c r="EP27" s="70">
        <v>0</v>
      </c>
      <c r="EQ27" s="71">
        <v>0</v>
      </c>
      <c r="ER27" s="72">
        <v>0</v>
      </c>
      <c r="ES27" s="244"/>
      <c r="ET27" s="71">
        <v>1</v>
      </c>
      <c r="EU27" s="71">
        <v>0</v>
      </c>
      <c r="EV27" s="71">
        <v>0</v>
      </c>
      <c r="EW27" s="71">
        <v>2</v>
      </c>
      <c r="EX27" s="71">
        <v>0</v>
      </c>
      <c r="EY27" s="72">
        <v>3</v>
      </c>
      <c r="EZ27" s="73">
        <v>3</v>
      </c>
      <c r="FA27" s="70">
        <v>2</v>
      </c>
      <c r="FB27" s="71">
        <v>2</v>
      </c>
      <c r="FC27" s="72">
        <v>4</v>
      </c>
      <c r="FD27" s="244"/>
      <c r="FE27" s="71">
        <v>1</v>
      </c>
      <c r="FF27" s="71">
        <v>1</v>
      </c>
      <c r="FG27" s="71">
        <v>2</v>
      </c>
      <c r="FH27" s="71">
        <v>0</v>
      </c>
      <c r="FI27" s="71">
        <v>0</v>
      </c>
      <c r="FJ27" s="72">
        <v>4</v>
      </c>
      <c r="FK27" s="73">
        <v>8</v>
      </c>
      <c r="FL27" s="70">
        <v>0</v>
      </c>
      <c r="FM27" s="71">
        <v>0</v>
      </c>
      <c r="FN27" s="72">
        <v>0</v>
      </c>
      <c r="FO27" s="244"/>
      <c r="FP27" s="71">
        <v>4</v>
      </c>
      <c r="FQ27" s="71">
        <v>0</v>
      </c>
      <c r="FR27" s="71">
        <v>2</v>
      </c>
      <c r="FS27" s="71">
        <v>1</v>
      </c>
      <c r="FT27" s="71">
        <v>2</v>
      </c>
      <c r="FU27" s="72">
        <v>9</v>
      </c>
      <c r="FV27" s="73">
        <v>9</v>
      </c>
      <c r="FW27" s="70">
        <v>0</v>
      </c>
      <c r="FX27" s="71">
        <v>0</v>
      </c>
      <c r="FY27" s="72">
        <v>0</v>
      </c>
      <c r="FZ27" s="244"/>
      <c r="GA27" s="71">
        <v>0</v>
      </c>
      <c r="GB27" s="71">
        <v>0</v>
      </c>
      <c r="GC27" s="71">
        <v>0</v>
      </c>
      <c r="GD27" s="71">
        <v>0</v>
      </c>
      <c r="GE27" s="71">
        <v>0</v>
      </c>
      <c r="GF27" s="72">
        <v>0</v>
      </c>
      <c r="GG27" s="73">
        <v>0</v>
      </c>
      <c r="GH27" s="70">
        <v>3</v>
      </c>
      <c r="GI27" s="71">
        <v>2</v>
      </c>
      <c r="GJ27" s="72">
        <v>5</v>
      </c>
      <c r="GK27" s="244"/>
      <c r="GL27" s="71">
        <v>6</v>
      </c>
      <c r="GM27" s="71">
        <v>1</v>
      </c>
      <c r="GN27" s="71">
        <v>5</v>
      </c>
      <c r="GO27" s="71">
        <v>3</v>
      </c>
      <c r="GP27" s="71">
        <v>2</v>
      </c>
      <c r="GQ27" s="72">
        <v>17</v>
      </c>
      <c r="GR27" s="73">
        <v>22</v>
      </c>
      <c r="GS27" s="123">
        <v>35</v>
      </c>
      <c r="GT27" s="82">
        <v>23</v>
      </c>
      <c r="GU27" s="83">
        <v>58</v>
      </c>
      <c r="GV27" s="241"/>
      <c r="GW27" s="82">
        <v>52</v>
      </c>
      <c r="GX27" s="82">
        <v>31</v>
      </c>
      <c r="GY27" s="82">
        <v>29</v>
      </c>
      <c r="GZ27" s="82">
        <v>10</v>
      </c>
      <c r="HA27" s="82">
        <v>10</v>
      </c>
      <c r="HB27" s="84">
        <v>132</v>
      </c>
      <c r="HC27" s="85">
        <v>190</v>
      </c>
      <c r="HD27" s="70">
        <v>0</v>
      </c>
      <c r="HE27" s="71">
        <v>0</v>
      </c>
      <c r="HF27" s="72">
        <v>0</v>
      </c>
      <c r="HG27" s="244"/>
      <c r="HH27" s="71">
        <v>0</v>
      </c>
      <c r="HI27" s="71">
        <v>0</v>
      </c>
      <c r="HJ27" s="71">
        <v>2</v>
      </c>
      <c r="HK27" s="71">
        <v>0</v>
      </c>
      <c r="HL27" s="71">
        <v>0</v>
      </c>
      <c r="HM27" s="72">
        <v>2</v>
      </c>
      <c r="HN27" s="73">
        <v>2</v>
      </c>
      <c r="HO27" s="70">
        <v>1</v>
      </c>
      <c r="HP27" s="71">
        <v>1</v>
      </c>
      <c r="HQ27" s="72">
        <v>2</v>
      </c>
      <c r="HR27" s="244"/>
      <c r="HS27" s="71">
        <v>3</v>
      </c>
      <c r="HT27" s="71">
        <v>4</v>
      </c>
      <c r="HU27" s="71">
        <v>0</v>
      </c>
      <c r="HV27" s="71">
        <v>0</v>
      </c>
      <c r="HW27" s="71">
        <v>1</v>
      </c>
      <c r="HX27" s="72">
        <v>8</v>
      </c>
      <c r="HY27" s="73">
        <v>10</v>
      </c>
      <c r="HZ27" s="70">
        <v>2</v>
      </c>
      <c r="IA27" s="71">
        <v>2</v>
      </c>
      <c r="IB27" s="72">
        <v>4</v>
      </c>
      <c r="IC27" s="244"/>
      <c r="ID27" s="71">
        <v>5</v>
      </c>
      <c r="IE27" s="71">
        <v>2</v>
      </c>
      <c r="IF27" s="71">
        <v>3</v>
      </c>
      <c r="IG27" s="71">
        <v>1</v>
      </c>
      <c r="IH27" s="71">
        <v>0</v>
      </c>
      <c r="II27" s="72">
        <v>11</v>
      </c>
      <c r="IJ27" s="73">
        <v>15</v>
      </c>
      <c r="IK27" s="70">
        <v>3</v>
      </c>
      <c r="IL27" s="71">
        <v>5</v>
      </c>
      <c r="IM27" s="72">
        <v>8</v>
      </c>
      <c r="IN27" s="244"/>
      <c r="IO27" s="71">
        <v>6</v>
      </c>
      <c r="IP27" s="71">
        <v>4</v>
      </c>
      <c r="IQ27" s="71">
        <v>2</v>
      </c>
      <c r="IR27" s="71">
        <v>3</v>
      </c>
      <c r="IS27" s="71">
        <v>2</v>
      </c>
      <c r="IT27" s="72">
        <v>17</v>
      </c>
      <c r="IU27" s="73">
        <v>25</v>
      </c>
      <c r="IV27" s="70">
        <v>14</v>
      </c>
      <c r="IW27" s="71">
        <v>6</v>
      </c>
      <c r="IX27" s="72">
        <v>20</v>
      </c>
      <c r="IY27" s="244"/>
      <c r="IZ27" s="71">
        <v>15</v>
      </c>
      <c r="JA27" s="71">
        <v>12</v>
      </c>
      <c r="JB27" s="71">
        <v>8</v>
      </c>
      <c r="JC27" s="71">
        <v>4</v>
      </c>
      <c r="JD27" s="71">
        <v>2</v>
      </c>
      <c r="JE27" s="72">
        <v>41</v>
      </c>
      <c r="JF27" s="73">
        <v>61</v>
      </c>
      <c r="JG27" s="70">
        <v>15</v>
      </c>
      <c r="JH27" s="71">
        <v>9</v>
      </c>
      <c r="JI27" s="72">
        <v>24</v>
      </c>
      <c r="JJ27" s="244"/>
      <c r="JK27" s="71">
        <v>23</v>
      </c>
      <c r="JL27" s="71">
        <v>9</v>
      </c>
      <c r="JM27" s="71">
        <v>14</v>
      </c>
      <c r="JN27" s="71">
        <v>2</v>
      </c>
      <c r="JO27" s="71">
        <v>5</v>
      </c>
      <c r="JP27" s="72">
        <v>53</v>
      </c>
      <c r="JQ27" s="73">
        <v>77</v>
      </c>
      <c r="JR27" s="70">
        <v>0</v>
      </c>
      <c r="JS27" s="71">
        <v>0</v>
      </c>
      <c r="JT27" s="72">
        <v>0</v>
      </c>
      <c r="JU27" s="244"/>
      <c r="JV27" s="71">
        <v>0</v>
      </c>
      <c r="JW27" s="71">
        <v>0</v>
      </c>
      <c r="JX27" s="71">
        <v>0</v>
      </c>
      <c r="JY27" s="71">
        <v>0</v>
      </c>
      <c r="JZ27" s="71">
        <v>0</v>
      </c>
      <c r="KA27" s="72">
        <v>0</v>
      </c>
      <c r="KB27" s="73">
        <v>0</v>
      </c>
      <c r="KC27" s="70">
        <v>35</v>
      </c>
      <c r="KD27" s="71">
        <v>23</v>
      </c>
      <c r="KE27" s="72">
        <v>58</v>
      </c>
      <c r="KF27" s="244"/>
      <c r="KG27" s="71">
        <v>52</v>
      </c>
      <c r="KH27" s="71">
        <v>31</v>
      </c>
      <c r="KI27" s="71">
        <v>29</v>
      </c>
      <c r="KJ27" s="71">
        <v>10</v>
      </c>
      <c r="KK27" s="71">
        <v>10</v>
      </c>
      <c r="KL27" s="72">
        <v>132</v>
      </c>
      <c r="KM27" s="73">
        <v>190</v>
      </c>
    </row>
    <row r="28" spans="2:299" ht="21" customHeight="1" x14ac:dyDescent="0.2">
      <c r="B28" s="126" t="s">
        <v>25</v>
      </c>
      <c r="C28" s="315">
        <v>17</v>
      </c>
      <c r="D28" s="82">
        <v>20</v>
      </c>
      <c r="E28" s="83">
        <v>37</v>
      </c>
      <c r="F28" s="241"/>
      <c r="G28" s="82">
        <v>29</v>
      </c>
      <c r="H28" s="82">
        <v>10</v>
      </c>
      <c r="I28" s="82">
        <v>15</v>
      </c>
      <c r="J28" s="82">
        <v>12</v>
      </c>
      <c r="K28" s="82">
        <v>8</v>
      </c>
      <c r="L28" s="84">
        <v>74</v>
      </c>
      <c r="M28" s="85">
        <v>111</v>
      </c>
      <c r="N28" s="70">
        <v>0</v>
      </c>
      <c r="O28" s="71">
        <v>1</v>
      </c>
      <c r="P28" s="72">
        <v>1</v>
      </c>
      <c r="Q28" s="244"/>
      <c r="R28" s="71">
        <v>1</v>
      </c>
      <c r="S28" s="71">
        <v>0</v>
      </c>
      <c r="T28" s="71">
        <v>0</v>
      </c>
      <c r="U28" s="71">
        <v>0</v>
      </c>
      <c r="V28" s="71">
        <v>0</v>
      </c>
      <c r="W28" s="72">
        <v>1</v>
      </c>
      <c r="X28" s="73">
        <v>2</v>
      </c>
      <c r="Y28" s="70">
        <v>1</v>
      </c>
      <c r="Z28" s="71">
        <v>2</v>
      </c>
      <c r="AA28" s="72">
        <v>3</v>
      </c>
      <c r="AB28" s="244"/>
      <c r="AC28" s="71">
        <v>1</v>
      </c>
      <c r="AD28" s="71">
        <v>0</v>
      </c>
      <c r="AE28" s="71">
        <v>0</v>
      </c>
      <c r="AF28" s="71">
        <v>1</v>
      </c>
      <c r="AG28" s="71">
        <v>0</v>
      </c>
      <c r="AH28" s="72">
        <v>2</v>
      </c>
      <c r="AI28" s="73">
        <v>5</v>
      </c>
      <c r="AJ28" s="70">
        <v>5</v>
      </c>
      <c r="AK28" s="71">
        <v>5</v>
      </c>
      <c r="AL28" s="72">
        <v>10</v>
      </c>
      <c r="AM28" s="244"/>
      <c r="AN28" s="71">
        <v>4</v>
      </c>
      <c r="AO28" s="71">
        <v>0</v>
      </c>
      <c r="AP28" s="71">
        <v>0</v>
      </c>
      <c r="AQ28" s="71">
        <v>2</v>
      </c>
      <c r="AR28" s="71">
        <v>1</v>
      </c>
      <c r="AS28" s="72">
        <v>7</v>
      </c>
      <c r="AT28" s="73">
        <v>17</v>
      </c>
      <c r="AU28" s="70">
        <v>1</v>
      </c>
      <c r="AV28" s="71">
        <v>7</v>
      </c>
      <c r="AW28" s="72">
        <v>8</v>
      </c>
      <c r="AX28" s="244"/>
      <c r="AY28" s="71">
        <v>4</v>
      </c>
      <c r="AZ28" s="71">
        <v>1</v>
      </c>
      <c r="BA28" s="71">
        <v>6</v>
      </c>
      <c r="BB28" s="71">
        <v>2</v>
      </c>
      <c r="BC28" s="71">
        <v>3</v>
      </c>
      <c r="BD28" s="72">
        <v>16</v>
      </c>
      <c r="BE28" s="73">
        <v>24</v>
      </c>
      <c r="BF28" s="70">
        <v>4</v>
      </c>
      <c r="BG28" s="71">
        <v>4</v>
      </c>
      <c r="BH28" s="72">
        <v>8</v>
      </c>
      <c r="BI28" s="244"/>
      <c r="BJ28" s="71">
        <v>11</v>
      </c>
      <c r="BK28" s="71">
        <v>5</v>
      </c>
      <c r="BL28" s="71">
        <v>4</v>
      </c>
      <c r="BM28" s="71">
        <v>3</v>
      </c>
      <c r="BN28" s="71">
        <v>2</v>
      </c>
      <c r="BO28" s="72">
        <v>25</v>
      </c>
      <c r="BP28" s="73">
        <v>33</v>
      </c>
      <c r="BQ28" s="70">
        <v>6</v>
      </c>
      <c r="BR28" s="71">
        <v>1</v>
      </c>
      <c r="BS28" s="72">
        <v>7</v>
      </c>
      <c r="BT28" s="244"/>
      <c r="BU28" s="71">
        <v>8</v>
      </c>
      <c r="BV28" s="71">
        <v>4</v>
      </c>
      <c r="BW28" s="71">
        <v>5</v>
      </c>
      <c r="BX28" s="71">
        <v>4</v>
      </c>
      <c r="BY28" s="71">
        <v>2</v>
      </c>
      <c r="BZ28" s="72">
        <v>23</v>
      </c>
      <c r="CA28" s="73">
        <v>30</v>
      </c>
      <c r="CB28" s="70">
        <v>0</v>
      </c>
      <c r="CC28" s="71">
        <v>0</v>
      </c>
      <c r="CD28" s="72">
        <v>0</v>
      </c>
      <c r="CE28" s="244"/>
      <c r="CF28" s="71">
        <v>0</v>
      </c>
      <c r="CG28" s="71">
        <v>0</v>
      </c>
      <c r="CH28" s="71">
        <v>0</v>
      </c>
      <c r="CI28" s="71">
        <v>0</v>
      </c>
      <c r="CJ28" s="71">
        <v>0</v>
      </c>
      <c r="CK28" s="72">
        <v>0</v>
      </c>
      <c r="CL28" s="73">
        <v>0</v>
      </c>
      <c r="CM28" s="70">
        <v>17</v>
      </c>
      <c r="CN28" s="71">
        <v>20</v>
      </c>
      <c r="CO28" s="72">
        <v>37</v>
      </c>
      <c r="CP28" s="244"/>
      <c r="CQ28" s="71">
        <v>29</v>
      </c>
      <c r="CR28" s="71">
        <v>10</v>
      </c>
      <c r="CS28" s="71">
        <v>15</v>
      </c>
      <c r="CT28" s="71">
        <v>12</v>
      </c>
      <c r="CU28" s="71">
        <v>8</v>
      </c>
      <c r="CV28" s="72">
        <v>74</v>
      </c>
      <c r="CW28" s="73">
        <v>111</v>
      </c>
      <c r="CX28" s="123">
        <v>3</v>
      </c>
      <c r="CY28" s="82">
        <v>3</v>
      </c>
      <c r="CZ28" s="83">
        <v>6</v>
      </c>
      <c r="DA28" s="241"/>
      <c r="DB28" s="82">
        <v>3</v>
      </c>
      <c r="DC28" s="82">
        <v>3</v>
      </c>
      <c r="DD28" s="82">
        <v>0</v>
      </c>
      <c r="DE28" s="82">
        <v>0</v>
      </c>
      <c r="DF28" s="82">
        <v>0</v>
      </c>
      <c r="DG28" s="84">
        <v>6</v>
      </c>
      <c r="DH28" s="85">
        <v>12</v>
      </c>
      <c r="DI28" s="70">
        <v>0</v>
      </c>
      <c r="DJ28" s="71">
        <v>0</v>
      </c>
      <c r="DK28" s="72">
        <v>0</v>
      </c>
      <c r="DL28" s="244"/>
      <c r="DM28" s="71">
        <v>0</v>
      </c>
      <c r="DN28" s="71">
        <v>0</v>
      </c>
      <c r="DO28" s="71">
        <v>0</v>
      </c>
      <c r="DP28" s="71">
        <v>0</v>
      </c>
      <c r="DQ28" s="71">
        <v>0</v>
      </c>
      <c r="DR28" s="72">
        <v>0</v>
      </c>
      <c r="DS28" s="73">
        <v>0</v>
      </c>
      <c r="DT28" s="70">
        <v>0</v>
      </c>
      <c r="DU28" s="71">
        <v>0</v>
      </c>
      <c r="DV28" s="72">
        <v>0</v>
      </c>
      <c r="DW28" s="244"/>
      <c r="DX28" s="71">
        <v>0</v>
      </c>
      <c r="DY28" s="71">
        <v>1</v>
      </c>
      <c r="DZ28" s="71">
        <v>0</v>
      </c>
      <c r="EA28" s="71">
        <v>0</v>
      </c>
      <c r="EB28" s="71">
        <v>0</v>
      </c>
      <c r="EC28" s="72">
        <v>1</v>
      </c>
      <c r="ED28" s="73">
        <v>1</v>
      </c>
      <c r="EE28" s="70">
        <v>0</v>
      </c>
      <c r="EF28" s="71">
        <v>1</v>
      </c>
      <c r="EG28" s="72">
        <v>1</v>
      </c>
      <c r="EH28" s="244"/>
      <c r="EI28" s="71">
        <v>0</v>
      </c>
      <c r="EJ28" s="71">
        <v>1</v>
      </c>
      <c r="EK28" s="71">
        <v>0</v>
      </c>
      <c r="EL28" s="71">
        <v>0</v>
      </c>
      <c r="EM28" s="71">
        <v>0</v>
      </c>
      <c r="EN28" s="72">
        <v>1</v>
      </c>
      <c r="EO28" s="73">
        <v>2</v>
      </c>
      <c r="EP28" s="70">
        <v>0</v>
      </c>
      <c r="EQ28" s="71">
        <v>1</v>
      </c>
      <c r="ER28" s="72">
        <v>1</v>
      </c>
      <c r="ES28" s="244"/>
      <c r="ET28" s="71">
        <v>0</v>
      </c>
      <c r="EU28" s="71">
        <v>0</v>
      </c>
      <c r="EV28" s="71">
        <v>0</v>
      </c>
      <c r="EW28" s="71">
        <v>0</v>
      </c>
      <c r="EX28" s="71">
        <v>0</v>
      </c>
      <c r="EY28" s="72">
        <v>0</v>
      </c>
      <c r="EZ28" s="73">
        <v>1</v>
      </c>
      <c r="FA28" s="70">
        <v>1</v>
      </c>
      <c r="FB28" s="71">
        <v>1</v>
      </c>
      <c r="FC28" s="72">
        <v>2</v>
      </c>
      <c r="FD28" s="244"/>
      <c r="FE28" s="71">
        <v>1</v>
      </c>
      <c r="FF28" s="71">
        <v>0</v>
      </c>
      <c r="FG28" s="71">
        <v>0</v>
      </c>
      <c r="FH28" s="71">
        <v>0</v>
      </c>
      <c r="FI28" s="71">
        <v>0</v>
      </c>
      <c r="FJ28" s="72">
        <v>1</v>
      </c>
      <c r="FK28" s="73">
        <v>3</v>
      </c>
      <c r="FL28" s="70">
        <v>2</v>
      </c>
      <c r="FM28" s="71">
        <v>0</v>
      </c>
      <c r="FN28" s="72">
        <v>2</v>
      </c>
      <c r="FO28" s="244"/>
      <c r="FP28" s="71">
        <v>2</v>
      </c>
      <c r="FQ28" s="71">
        <v>1</v>
      </c>
      <c r="FR28" s="71">
        <v>0</v>
      </c>
      <c r="FS28" s="71">
        <v>0</v>
      </c>
      <c r="FT28" s="71">
        <v>0</v>
      </c>
      <c r="FU28" s="72">
        <v>3</v>
      </c>
      <c r="FV28" s="73">
        <v>5</v>
      </c>
      <c r="FW28" s="70">
        <v>0</v>
      </c>
      <c r="FX28" s="71">
        <v>0</v>
      </c>
      <c r="FY28" s="72">
        <v>0</v>
      </c>
      <c r="FZ28" s="244"/>
      <c r="GA28" s="71">
        <v>0</v>
      </c>
      <c r="GB28" s="71">
        <v>0</v>
      </c>
      <c r="GC28" s="71">
        <v>0</v>
      </c>
      <c r="GD28" s="71">
        <v>0</v>
      </c>
      <c r="GE28" s="71">
        <v>0</v>
      </c>
      <c r="GF28" s="72">
        <v>0</v>
      </c>
      <c r="GG28" s="73">
        <v>0</v>
      </c>
      <c r="GH28" s="70">
        <v>3</v>
      </c>
      <c r="GI28" s="71">
        <v>3</v>
      </c>
      <c r="GJ28" s="72">
        <v>6</v>
      </c>
      <c r="GK28" s="244"/>
      <c r="GL28" s="71">
        <v>3</v>
      </c>
      <c r="GM28" s="71">
        <v>3</v>
      </c>
      <c r="GN28" s="71">
        <v>0</v>
      </c>
      <c r="GO28" s="71">
        <v>0</v>
      </c>
      <c r="GP28" s="71">
        <v>0</v>
      </c>
      <c r="GQ28" s="72">
        <v>6</v>
      </c>
      <c r="GR28" s="73">
        <v>12</v>
      </c>
      <c r="GS28" s="123">
        <v>20</v>
      </c>
      <c r="GT28" s="82">
        <v>23</v>
      </c>
      <c r="GU28" s="83">
        <v>43</v>
      </c>
      <c r="GV28" s="241"/>
      <c r="GW28" s="82">
        <v>32</v>
      </c>
      <c r="GX28" s="82">
        <v>13</v>
      </c>
      <c r="GY28" s="82">
        <v>15</v>
      </c>
      <c r="GZ28" s="82">
        <v>12</v>
      </c>
      <c r="HA28" s="82">
        <v>8</v>
      </c>
      <c r="HB28" s="84">
        <v>80</v>
      </c>
      <c r="HC28" s="85">
        <v>123</v>
      </c>
      <c r="HD28" s="70">
        <v>0</v>
      </c>
      <c r="HE28" s="71">
        <v>1</v>
      </c>
      <c r="HF28" s="72">
        <v>1</v>
      </c>
      <c r="HG28" s="244"/>
      <c r="HH28" s="71">
        <v>1</v>
      </c>
      <c r="HI28" s="71">
        <v>0</v>
      </c>
      <c r="HJ28" s="71">
        <v>0</v>
      </c>
      <c r="HK28" s="71">
        <v>0</v>
      </c>
      <c r="HL28" s="71">
        <v>0</v>
      </c>
      <c r="HM28" s="72">
        <v>1</v>
      </c>
      <c r="HN28" s="73">
        <v>2</v>
      </c>
      <c r="HO28" s="70">
        <v>1</v>
      </c>
      <c r="HP28" s="71">
        <v>2</v>
      </c>
      <c r="HQ28" s="72">
        <v>3</v>
      </c>
      <c r="HR28" s="244"/>
      <c r="HS28" s="71">
        <v>1</v>
      </c>
      <c r="HT28" s="71">
        <v>1</v>
      </c>
      <c r="HU28" s="71">
        <v>0</v>
      </c>
      <c r="HV28" s="71">
        <v>1</v>
      </c>
      <c r="HW28" s="71">
        <v>0</v>
      </c>
      <c r="HX28" s="72">
        <v>3</v>
      </c>
      <c r="HY28" s="73">
        <v>6</v>
      </c>
      <c r="HZ28" s="70">
        <v>5</v>
      </c>
      <c r="IA28" s="71">
        <v>6</v>
      </c>
      <c r="IB28" s="72">
        <v>11</v>
      </c>
      <c r="IC28" s="244"/>
      <c r="ID28" s="71">
        <v>4</v>
      </c>
      <c r="IE28" s="71">
        <v>1</v>
      </c>
      <c r="IF28" s="71">
        <v>0</v>
      </c>
      <c r="IG28" s="71">
        <v>2</v>
      </c>
      <c r="IH28" s="71">
        <v>1</v>
      </c>
      <c r="II28" s="72">
        <v>8</v>
      </c>
      <c r="IJ28" s="73">
        <v>19</v>
      </c>
      <c r="IK28" s="70">
        <v>1</v>
      </c>
      <c r="IL28" s="71">
        <v>8</v>
      </c>
      <c r="IM28" s="72">
        <v>9</v>
      </c>
      <c r="IN28" s="244"/>
      <c r="IO28" s="71">
        <v>4</v>
      </c>
      <c r="IP28" s="71">
        <v>1</v>
      </c>
      <c r="IQ28" s="71">
        <v>6</v>
      </c>
      <c r="IR28" s="71">
        <v>2</v>
      </c>
      <c r="IS28" s="71">
        <v>3</v>
      </c>
      <c r="IT28" s="72">
        <v>16</v>
      </c>
      <c r="IU28" s="73">
        <v>25</v>
      </c>
      <c r="IV28" s="70">
        <v>5</v>
      </c>
      <c r="IW28" s="71">
        <v>5</v>
      </c>
      <c r="IX28" s="72">
        <v>10</v>
      </c>
      <c r="IY28" s="244"/>
      <c r="IZ28" s="71">
        <v>12</v>
      </c>
      <c r="JA28" s="71">
        <v>5</v>
      </c>
      <c r="JB28" s="71">
        <v>4</v>
      </c>
      <c r="JC28" s="71">
        <v>3</v>
      </c>
      <c r="JD28" s="71">
        <v>2</v>
      </c>
      <c r="JE28" s="72">
        <v>26</v>
      </c>
      <c r="JF28" s="73">
        <v>36</v>
      </c>
      <c r="JG28" s="70">
        <v>8</v>
      </c>
      <c r="JH28" s="71">
        <v>1</v>
      </c>
      <c r="JI28" s="72">
        <v>9</v>
      </c>
      <c r="JJ28" s="244"/>
      <c r="JK28" s="71">
        <v>10</v>
      </c>
      <c r="JL28" s="71">
        <v>5</v>
      </c>
      <c r="JM28" s="71">
        <v>5</v>
      </c>
      <c r="JN28" s="71">
        <v>4</v>
      </c>
      <c r="JO28" s="71">
        <v>2</v>
      </c>
      <c r="JP28" s="72">
        <v>26</v>
      </c>
      <c r="JQ28" s="73">
        <v>35</v>
      </c>
      <c r="JR28" s="70">
        <v>0</v>
      </c>
      <c r="JS28" s="71">
        <v>0</v>
      </c>
      <c r="JT28" s="72">
        <v>0</v>
      </c>
      <c r="JU28" s="244"/>
      <c r="JV28" s="71">
        <v>0</v>
      </c>
      <c r="JW28" s="71">
        <v>0</v>
      </c>
      <c r="JX28" s="71">
        <v>0</v>
      </c>
      <c r="JY28" s="71">
        <v>0</v>
      </c>
      <c r="JZ28" s="71">
        <v>0</v>
      </c>
      <c r="KA28" s="72">
        <v>0</v>
      </c>
      <c r="KB28" s="73">
        <v>0</v>
      </c>
      <c r="KC28" s="70">
        <v>20</v>
      </c>
      <c r="KD28" s="71">
        <v>23</v>
      </c>
      <c r="KE28" s="72">
        <v>43</v>
      </c>
      <c r="KF28" s="244"/>
      <c r="KG28" s="71">
        <v>32</v>
      </c>
      <c r="KH28" s="71">
        <v>13</v>
      </c>
      <c r="KI28" s="71">
        <v>15</v>
      </c>
      <c r="KJ28" s="71">
        <v>12</v>
      </c>
      <c r="KK28" s="71">
        <v>8</v>
      </c>
      <c r="KL28" s="72">
        <v>80</v>
      </c>
      <c r="KM28" s="73">
        <v>123</v>
      </c>
    </row>
    <row r="29" spans="2:299" ht="21" customHeight="1" x14ac:dyDescent="0.2">
      <c r="B29" s="126" t="s">
        <v>26</v>
      </c>
      <c r="C29" s="315">
        <v>21</v>
      </c>
      <c r="D29" s="82">
        <v>12</v>
      </c>
      <c r="E29" s="83">
        <v>33</v>
      </c>
      <c r="F29" s="241"/>
      <c r="G29" s="82">
        <v>25</v>
      </c>
      <c r="H29" s="82">
        <v>29</v>
      </c>
      <c r="I29" s="82">
        <v>15</v>
      </c>
      <c r="J29" s="82">
        <v>13</v>
      </c>
      <c r="K29" s="82">
        <v>6</v>
      </c>
      <c r="L29" s="84">
        <v>88</v>
      </c>
      <c r="M29" s="85">
        <v>121</v>
      </c>
      <c r="N29" s="70">
        <v>0</v>
      </c>
      <c r="O29" s="71">
        <v>0</v>
      </c>
      <c r="P29" s="72">
        <v>0</v>
      </c>
      <c r="Q29" s="244"/>
      <c r="R29" s="71">
        <v>0</v>
      </c>
      <c r="S29" s="71">
        <v>0</v>
      </c>
      <c r="T29" s="71">
        <v>0</v>
      </c>
      <c r="U29" s="71">
        <v>0</v>
      </c>
      <c r="V29" s="71">
        <v>0</v>
      </c>
      <c r="W29" s="72">
        <v>0</v>
      </c>
      <c r="X29" s="73">
        <v>0</v>
      </c>
      <c r="Y29" s="70">
        <v>0</v>
      </c>
      <c r="Z29" s="71">
        <v>0</v>
      </c>
      <c r="AA29" s="72">
        <v>0</v>
      </c>
      <c r="AB29" s="244"/>
      <c r="AC29" s="71">
        <v>1</v>
      </c>
      <c r="AD29" s="71">
        <v>0</v>
      </c>
      <c r="AE29" s="71">
        <v>0</v>
      </c>
      <c r="AF29" s="71">
        <v>0</v>
      </c>
      <c r="AG29" s="71">
        <v>0</v>
      </c>
      <c r="AH29" s="72">
        <v>1</v>
      </c>
      <c r="AI29" s="73">
        <v>1</v>
      </c>
      <c r="AJ29" s="70">
        <v>3</v>
      </c>
      <c r="AK29" s="71">
        <v>0</v>
      </c>
      <c r="AL29" s="72">
        <v>3</v>
      </c>
      <c r="AM29" s="244"/>
      <c r="AN29" s="71">
        <v>3</v>
      </c>
      <c r="AO29" s="71">
        <v>5</v>
      </c>
      <c r="AP29" s="71">
        <v>3</v>
      </c>
      <c r="AQ29" s="71">
        <v>1</v>
      </c>
      <c r="AR29" s="71">
        <v>0</v>
      </c>
      <c r="AS29" s="72">
        <v>12</v>
      </c>
      <c r="AT29" s="73">
        <v>15</v>
      </c>
      <c r="AU29" s="70">
        <v>4</v>
      </c>
      <c r="AV29" s="71">
        <v>2</v>
      </c>
      <c r="AW29" s="72">
        <v>6</v>
      </c>
      <c r="AX29" s="244"/>
      <c r="AY29" s="71">
        <v>11</v>
      </c>
      <c r="AZ29" s="71">
        <v>4</v>
      </c>
      <c r="BA29" s="71">
        <v>3</v>
      </c>
      <c r="BB29" s="71">
        <v>1</v>
      </c>
      <c r="BC29" s="71">
        <v>0</v>
      </c>
      <c r="BD29" s="72">
        <v>19</v>
      </c>
      <c r="BE29" s="73">
        <v>25</v>
      </c>
      <c r="BF29" s="70">
        <v>6</v>
      </c>
      <c r="BG29" s="71">
        <v>5</v>
      </c>
      <c r="BH29" s="72">
        <v>11</v>
      </c>
      <c r="BI29" s="244"/>
      <c r="BJ29" s="71">
        <v>7</v>
      </c>
      <c r="BK29" s="71">
        <v>13</v>
      </c>
      <c r="BL29" s="71">
        <v>5</v>
      </c>
      <c r="BM29" s="71">
        <v>5</v>
      </c>
      <c r="BN29" s="71">
        <v>1</v>
      </c>
      <c r="BO29" s="72">
        <v>31</v>
      </c>
      <c r="BP29" s="73">
        <v>42</v>
      </c>
      <c r="BQ29" s="70">
        <v>8</v>
      </c>
      <c r="BR29" s="71">
        <v>5</v>
      </c>
      <c r="BS29" s="72">
        <v>13</v>
      </c>
      <c r="BT29" s="244"/>
      <c r="BU29" s="71">
        <v>3</v>
      </c>
      <c r="BV29" s="71">
        <v>7</v>
      </c>
      <c r="BW29" s="71">
        <v>4</v>
      </c>
      <c r="BX29" s="71">
        <v>6</v>
      </c>
      <c r="BY29" s="71">
        <v>5</v>
      </c>
      <c r="BZ29" s="72">
        <v>25</v>
      </c>
      <c r="CA29" s="73">
        <v>38</v>
      </c>
      <c r="CB29" s="70">
        <v>0</v>
      </c>
      <c r="CC29" s="71">
        <v>0</v>
      </c>
      <c r="CD29" s="72">
        <v>0</v>
      </c>
      <c r="CE29" s="244"/>
      <c r="CF29" s="71">
        <v>0</v>
      </c>
      <c r="CG29" s="71">
        <v>0</v>
      </c>
      <c r="CH29" s="71">
        <v>0</v>
      </c>
      <c r="CI29" s="71">
        <v>0</v>
      </c>
      <c r="CJ29" s="71">
        <v>0</v>
      </c>
      <c r="CK29" s="72">
        <v>0</v>
      </c>
      <c r="CL29" s="73">
        <v>0</v>
      </c>
      <c r="CM29" s="70">
        <v>21</v>
      </c>
      <c r="CN29" s="71">
        <v>12</v>
      </c>
      <c r="CO29" s="72">
        <v>33</v>
      </c>
      <c r="CP29" s="244"/>
      <c r="CQ29" s="71">
        <v>25</v>
      </c>
      <c r="CR29" s="71">
        <v>29</v>
      </c>
      <c r="CS29" s="71">
        <v>15</v>
      </c>
      <c r="CT29" s="71">
        <v>13</v>
      </c>
      <c r="CU29" s="71">
        <v>6</v>
      </c>
      <c r="CV29" s="72">
        <v>88</v>
      </c>
      <c r="CW29" s="73">
        <v>121</v>
      </c>
      <c r="CX29" s="123">
        <v>1</v>
      </c>
      <c r="CY29" s="82">
        <v>3</v>
      </c>
      <c r="CZ29" s="83">
        <v>4</v>
      </c>
      <c r="DA29" s="241"/>
      <c r="DB29" s="82">
        <v>3</v>
      </c>
      <c r="DC29" s="82">
        <v>3</v>
      </c>
      <c r="DD29" s="82">
        <v>2</v>
      </c>
      <c r="DE29" s="82">
        <v>0</v>
      </c>
      <c r="DF29" s="82">
        <v>1</v>
      </c>
      <c r="DG29" s="84">
        <v>9</v>
      </c>
      <c r="DH29" s="85">
        <v>13</v>
      </c>
      <c r="DI29" s="70">
        <v>0</v>
      </c>
      <c r="DJ29" s="71">
        <v>0</v>
      </c>
      <c r="DK29" s="72">
        <v>0</v>
      </c>
      <c r="DL29" s="244"/>
      <c r="DM29" s="71">
        <v>0</v>
      </c>
      <c r="DN29" s="71">
        <v>0</v>
      </c>
      <c r="DO29" s="71">
        <v>0</v>
      </c>
      <c r="DP29" s="71">
        <v>0</v>
      </c>
      <c r="DQ29" s="71">
        <v>0</v>
      </c>
      <c r="DR29" s="72">
        <v>0</v>
      </c>
      <c r="DS29" s="73">
        <v>0</v>
      </c>
      <c r="DT29" s="70">
        <v>0</v>
      </c>
      <c r="DU29" s="71">
        <v>0</v>
      </c>
      <c r="DV29" s="72">
        <v>0</v>
      </c>
      <c r="DW29" s="244"/>
      <c r="DX29" s="71">
        <v>0</v>
      </c>
      <c r="DY29" s="71">
        <v>0</v>
      </c>
      <c r="DZ29" s="71">
        <v>0</v>
      </c>
      <c r="EA29" s="71">
        <v>0</v>
      </c>
      <c r="EB29" s="71">
        <v>0</v>
      </c>
      <c r="EC29" s="72">
        <v>0</v>
      </c>
      <c r="ED29" s="73">
        <v>0</v>
      </c>
      <c r="EE29" s="70">
        <v>0</v>
      </c>
      <c r="EF29" s="71">
        <v>0</v>
      </c>
      <c r="EG29" s="72">
        <v>0</v>
      </c>
      <c r="EH29" s="244"/>
      <c r="EI29" s="71">
        <v>0</v>
      </c>
      <c r="EJ29" s="71">
        <v>0</v>
      </c>
      <c r="EK29" s="71">
        <v>0</v>
      </c>
      <c r="EL29" s="71">
        <v>0</v>
      </c>
      <c r="EM29" s="71">
        <v>0</v>
      </c>
      <c r="EN29" s="72">
        <v>0</v>
      </c>
      <c r="EO29" s="73">
        <v>0</v>
      </c>
      <c r="EP29" s="70">
        <v>0</v>
      </c>
      <c r="EQ29" s="71">
        <v>0</v>
      </c>
      <c r="ER29" s="72">
        <v>0</v>
      </c>
      <c r="ES29" s="244"/>
      <c r="ET29" s="71">
        <v>0</v>
      </c>
      <c r="EU29" s="71">
        <v>1</v>
      </c>
      <c r="EV29" s="71">
        <v>1</v>
      </c>
      <c r="EW29" s="71">
        <v>0</v>
      </c>
      <c r="EX29" s="71">
        <v>0</v>
      </c>
      <c r="EY29" s="72">
        <v>2</v>
      </c>
      <c r="EZ29" s="73">
        <v>2</v>
      </c>
      <c r="FA29" s="70">
        <v>0</v>
      </c>
      <c r="FB29" s="71">
        <v>1</v>
      </c>
      <c r="FC29" s="72">
        <v>1</v>
      </c>
      <c r="FD29" s="244"/>
      <c r="FE29" s="71">
        <v>1</v>
      </c>
      <c r="FF29" s="71">
        <v>1</v>
      </c>
      <c r="FG29" s="71">
        <v>0</v>
      </c>
      <c r="FH29" s="71">
        <v>0</v>
      </c>
      <c r="FI29" s="71">
        <v>0</v>
      </c>
      <c r="FJ29" s="72">
        <v>2</v>
      </c>
      <c r="FK29" s="73">
        <v>3</v>
      </c>
      <c r="FL29" s="70">
        <v>1</v>
      </c>
      <c r="FM29" s="71">
        <v>2</v>
      </c>
      <c r="FN29" s="72">
        <v>3</v>
      </c>
      <c r="FO29" s="244"/>
      <c r="FP29" s="71">
        <v>2</v>
      </c>
      <c r="FQ29" s="71">
        <v>1</v>
      </c>
      <c r="FR29" s="71">
        <v>1</v>
      </c>
      <c r="FS29" s="71">
        <v>0</v>
      </c>
      <c r="FT29" s="71">
        <v>1</v>
      </c>
      <c r="FU29" s="72">
        <v>5</v>
      </c>
      <c r="FV29" s="73">
        <v>8</v>
      </c>
      <c r="FW29" s="70">
        <v>0</v>
      </c>
      <c r="FX29" s="71">
        <v>0</v>
      </c>
      <c r="FY29" s="72">
        <v>0</v>
      </c>
      <c r="FZ29" s="244"/>
      <c r="GA29" s="71">
        <v>0</v>
      </c>
      <c r="GB29" s="71">
        <v>0</v>
      </c>
      <c r="GC29" s="71">
        <v>0</v>
      </c>
      <c r="GD29" s="71">
        <v>0</v>
      </c>
      <c r="GE29" s="71">
        <v>0</v>
      </c>
      <c r="GF29" s="72">
        <v>0</v>
      </c>
      <c r="GG29" s="73">
        <v>0</v>
      </c>
      <c r="GH29" s="70">
        <v>1</v>
      </c>
      <c r="GI29" s="71">
        <v>3</v>
      </c>
      <c r="GJ29" s="72">
        <v>4</v>
      </c>
      <c r="GK29" s="244"/>
      <c r="GL29" s="71">
        <v>3</v>
      </c>
      <c r="GM29" s="71">
        <v>3</v>
      </c>
      <c r="GN29" s="71">
        <v>2</v>
      </c>
      <c r="GO29" s="71">
        <v>0</v>
      </c>
      <c r="GP29" s="71">
        <v>1</v>
      </c>
      <c r="GQ29" s="72">
        <v>9</v>
      </c>
      <c r="GR29" s="73">
        <v>13</v>
      </c>
      <c r="GS29" s="123">
        <v>22</v>
      </c>
      <c r="GT29" s="82">
        <v>15</v>
      </c>
      <c r="GU29" s="83">
        <v>37</v>
      </c>
      <c r="GV29" s="241"/>
      <c r="GW29" s="82">
        <v>28</v>
      </c>
      <c r="GX29" s="82">
        <v>32</v>
      </c>
      <c r="GY29" s="82">
        <v>17</v>
      </c>
      <c r="GZ29" s="82">
        <v>13</v>
      </c>
      <c r="HA29" s="82">
        <v>7</v>
      </c>
      <c r="HB29" s="84">
        <v>97</v>
      </c>
      <c r="HC29" s="85">
        <v>134</v>
      </c>
      <c r="HD29" s="70">
        <v>0</v>
      </c>
      <c r="HE29" s="71">
        <v>0</v>
      </c>
      <c r="HF29" s="72">
        <v>0</v>
      </c>
      <c r="HG29" s="244"/>
      <c r="HH29" s="71">
        <v>0</v>
      </c>
      <c r="HI29" s="71">
        <v>0</v>
      </c>
      <c r="HJ29" s="71">
        <v>0</v>
      </c>
      <c r="HK29" s="71">
        <v>0</v>
      </c>
      <c r="HL29" s="71">
        <v>0</v>
      </c>
      <c r="HM29" s="72">
        <v>0</v>
      </c>
      <c r="HN29" s="73">
        <v>0</v>
      </c>
      <c r="HO29" s="70">
        <v>0</v>
      </c>
      <c r="HP29" s="71">
        <v>0</v>
      </c>
      <c r="HQ29" s="72">
        <v>0</v>
      </c>
      <c r="HR29" s="244"/>
      <c r="HS29" s="71">
        <v>1</v>
      </c>
      <c r="HT29" s="71">
        <v>0</v>
      </c>
      <c r="HU29" s="71">
        <v>0</v>
      </c>
      <c r="HV29" s="71">
        <v>0</v>
      </c>
      <c r="HW29" s="71">
        <v>0</v>
      </c>
      <c r="HX29" s="72">
        <v>1</v>
      </c>
      <c r="HY29" s="73">
        <v>1</v>
      </c>
      <c r="HZ29" s="70">
        <v>3</v>
      </c>
      <c r="IA29" s="71">
        <v>0</v>
      </c>
      <c r="IB29" s="72">
        <v>3</v>
      </c>
      <c r="IC29" s="244"/>
      <c r="ID29" s="71">
        <v>3</v>
      </c>
      <c r="IE29" s="71">
        <v>5</v>
      </c>
      <c r="IF29" s="71">
        <v>3</v>
      </c>
      <c r="IG29" s="71">
        <v>1</v>
      </c>
      <c r="IH29" s="71">
        <v>0</v>
      </c>
      <c r="II29" s="72">
        <v>12</v>
      </c>
      <c r="IJ29" s="73">
        <v>15</v>
      </c>
      <c r="IK29" s="70">
        <v>4</v>
      </c>
      <c r="IL29" s="71">
        <v>2</v>
      </c>
      <c r="IM29" s="72">
        <v>6</v>
      </c>
      <c r="IN29" s="244"/>
      <c r="IO29" s="71">
        <v>11</v>
      </c>
      <c r="IP29" s="71">
        <v>5</v>
      </c>
      <c r="IQ29" s="71">
        <v>4</v>
      </c>
      <c r="IR29" s="71">
        <v>1</v>
      </c>
      <c r="IS29" s="71">
        <v>0</v>
      </c>
      <c r="IT29" s="72">
        <v>21</v>
      </c>
      <c r="IU29" s="73">
        <v>27</v>
      </c>
      <c r="IV29" s="70">
        <v>6</v>
      </c>
      <c r="IW29" s="71">
        <v>6</v>
      </c>
      <c r="IX29" s="72">
        <v>12</v>
      </c>
      <c r="IY29" s="244"/>
      <c r="IZ29" s="71">
        <v>8</v>
      </c>
      <c r="JA29" s="71">
        <v>14</v>
      </c>
      <c r="JB29" s="71">
        <v>5</v>
      </c>
      <c r="JC29" s="71">
        <v>5</v>
      </c>
      <c r="JD29" s="71">
        <v>1</v>
      </c>
      <c r="JE29" s="72">
        <v>33</v>
      </c>
      <c r="JF29" s="73">
        <v>45</v>
      </c>
      <c r="JG29" s="70">
        <v>9</v>
      </c>
      <c r="JH29" s="71">
        <v>7</v>
      </c>
      <c r="JI29" s="72">
        <v>16</v>
      </c>
      <c r="JJ29" s="244"/>
      <c r="JK29" s="71">
        <v>5</v>
      </c>
      <c r="JL29" s="71">
        <v>8</v>
      </c>
      <c r="JM29" s="71">
        <v>5</v>
      </c>
      <c r="JN29" s="71">
        <v>6</v>
      </c>
      <c r="JO29" s="71">
        <v>6</v>
      </c>
      <c r="JP29" s="72">
        <v>30</v>
      </c>
      <c r="JQ29" s="73">
        <v>46</v>
      </c>
      <c r="JR29" s="70">
        <v>0</v>
      </c>
      <c r="JS29" s="71">
        <v>0</v>
      </c>
      <c r="JT29" s="72">
        <v>0</v>
      </c>
      <c r="JU29" s="244"/>
      <c r="JV29" s="71">
        <v>0</v>
      </c>
      <c r="JW29" s="71">
        <v>0</v>
      </c>
      <c r="JX29" s="71">
        <v>0</v>
      </c>
      <c r="JY29" s="71">
        <v>0</v>
      </c>
      <c r="JZ29" s="71">
        <v>0</v>
      </c>
      <c r="KA29" s="72">
        <v>0</v>
      </c>
      <c r="KB29" s="73">
        <v>0</v>
      </c>
      <c r="KC29" s="70">
        <v>22</v>
      </c>
      <c r="KD29" s="71">
        <v>15</v>
      </c>
      <c r="KE29" s="72">
        <v>37</v>
      </c>
      <c r="KF29" s="244"/>
      <c r="KG29" s="71">
        <v>28</v>
      </c>
      <c r="KH29" s="71">
        <v>32</v>
      </c>
      <c r="KI29" s="71">
        <v>17</v>
      </c>
      <c r="KJ29" s="71">
        <v>13</v>
      </c>
      <c r="KK29" s="71">
        <v>7</v>
      </c>
      <c r="KL29" s="72">
        <v>97</v>
      </c>
      <c r="KM29" s="73">
        <v>134</v>
      </c>
    </row>
    <row r="30" spans="2:299" ht="21" customHeight="1" x14ac:dyDescent="0.2">
      <c r="B30" s="126" t="s">
        <v>27</v>
      </c>
      <c r="C30" s="315">
        <v>16</v>
      </c>
      <c r="D30" s="82">
        <v>26</v>
      </c>
      <c r="E30" s="83">
        <v>42</v>
      </c>
      <c r="F30" s="241"/>
      <c r="G30" s="82">
        <v>19</v>
      </c>
      <c r="H30" s="82">
        <v>16</v>
      </c>
      <c r="I30" s="82">
        <v>20</v>
      </c>
      <c r="J30" s="82">
        <v>13</v>
      </c>
      <c r="K30" s="82">
        <v>5</v>
      </c>
      <c r="L30" s="84">
        <v>73</v>
      </c>
      <c r="M30" s="85">
        <v>115</v>
      </c>
      <c r="N30" s="70">
        <v>0</v>
      </c>
      <c r="O30" s="71">
        <v>1</v>
      </c>
      <c r="P30" s="72">
        <v>1</v>
      </c>
      <c r="Q30" s="244"/>
      <c r="R30" s="71">
        <v>0</v>
      </c>
      <c r="S30" s="71">
        <v>0</v>
      </c>
      <c r="T30" s="71">
        <v>0</v>
      </c>
      <c r="U30" s="71">
        <v>0</v>
      </c>
      <c r="V30" s="71">
        <v>0</v>
      </c>
      <c r="W30" s="72">
        <v>0</v>
      </c>
      <c r="X30" s="73">
        <v>1</v>
      </c>
      <c r="Y30" s="70">
        <v>0</v>
      </c>
      <c r="Z30" s="71">
        <v>2</v>
      </c>
      <c r="AA30" s="72">
        <v>2</v>
      </c>
      <c r="AB30" s="244"/>
      <c r="AC30" s="71">
        <v>1</v>
      </c>
      <c r="AD30" s="71">
        <v>1</v>
      </c>
      <c r="AE30" s="71">
        <v>0</v>
      </c>
      <c r="AF30" s="71">
        <v>0</v>
      </c>
      <c r="AG30" s="71">
        <v>0</v>
      </c>
      <c r="AH30" s="72">
        <v>2</v>
      </c>
      <c r="AI30" s="73">
        <v>4</v>
      </c>
      <c r="AJ30" s="70">
        <v>2</v>
      </c>
      <c r="AK30" s="71">
        <v>1</v>
      </c>
      <c r="AL30" s="72">
        <v>3</v>
      </c>
      <c r="AM30" s="244"/>
      <c r="AN30" s="71">
        <v>1</v>
      </c>
      <c r="AO30" s="71">
        <v>0</v>
      </c>
      <c r="AP30" s="71">
        <v>2</v>
      </c>
      <c r="AQ30" s="71">
        <v>1</v>
      </c>
      <c r="AR30" s="71">
        <v>0</v>
      </c>
      <c r="AS30" s="72">
        <v>4</v>
      </c>
      <c r="AT30" s="73">
        <v>7</v>
      </c>
      <c r="AU30" s="70">
        <v>4</v>
      </c>
      <c r="AV30" s="71">
        <v>2</v>
      </c>
      <c r="AW30" s="72">
        <v>6</v>
      </c>
      <c r="AX30" s="244"/>
      <c r="AY30" s="71">
        <v>6</v>
      </c>
      <c r="AZ30" s="71">
        <v>3</v>
      </c>
      <c r="BA30" s="71">
        <v>5</v>
      </c>
      <c r="BB30" s="71">
        <v>1</v>
      </c>
      <c r="BC30" s="71">
        <v>2</v>
      </c>
      <c r="BD30" s="72">
        <v>17</v>
      </c>
      <c r="BE30" s="73">
        <v>23</v>
      </c>
      <c r="BF30" s="70">
        <v>5</v>
      </c>
      <c r="BG30" s="71">
        <v>11</v>
      </c>
      <c r="BH30" s="72">
        <v>16</v>
      </c>
      <c r="BI30" s="244"/>
      <c r="BJ30" s="71">
        <v>4</v>
      </c>
      <c r="BK30" s="71">
        <v>5</v>
      </c>
      <c r="BL30" s="71">
        <v>6</v>
      </c>
      <c r="BM30" s="71">
        <v>8</v>
      </c>
      <c r="BN30" s="71">
        <v>2</v>
      </c>
      <c r="BO30" s="72">
        <v>25</v>
      </c>
      <c r="BP30" s="73">
        <v>41</v>
      </c>
      <c r="BQ30" s="70">
        <v>5</v>
      </c>
      <c r="BR30" s="71">
        <v>9</v>
      </c>
      <c r="BS30" s="72">
        <v>14</v>
      </c>
      <c r="BT30" s="244"/>
      <c r="BU30" s="71">
        <v>7</v>
      </c>
      <c r="BV30" s="71">
        <v>7</v>
      </c>
      <c r="BW30" s="71">
        <v>7</v>
      </c>
      <c r="BX30" s="71">
        <v>3</v>
      </c>
      <c r="BY30" s="71">
        <v>1</v>
      </c>
      <c r="BZ30" s="72">
        <v>25</v>
      </c>
      <c r="CA30" s="73">
        <v>39</v>
      </c>
      <c r="CB30" s="70">
        <v>0</v>
      </c>
      <c r="CC30" s="71">
        <v>0</v>
      </c>
      <c r="CD30" s="72">
        <v>0</v>
      </c>
      <c r="CE30" s="244"/>
      <c r="CF30" s="71">
        <v>0</v>
      </c>
      <c r="CG30" s="71">
        <v>0</v>
      </c>
      <c r="CH30" s="71">
        <v>0</v>
      </c>
      <c r="CI30" s="71">
        <v>0</v>
      </c>
      <c r="CJ30" s="71">
        <v>0</v>
      </c>
      <c r="CK30" s="72">
        <v>0</v>
      </c>
      <c r="CL30" s="73">
        <v>0</v>
      </c>
      <c r="CM30" s="70">
        <v>16</v>
      </c>
      <c r="CN30" s="71">
        <v>26</v>
      </c>
      <c r="CO30" s="72">
        <v>42</v>
      </c>
      <c r="CP30" s="244"/>
      <c r="CQ30" s="71">
        <v>19</v>
      </c>
      <c r="CR30" s="71">
        <v>16</v>
      </c>
      <c r="CS30" s="71">
        <v>20</v>
      </c>
      <c r="CT30" s="71">
        <v>13</v>
      </c>
      <c r="CU30" s="71">
        <v>5</v>
      </c>
      <c r="CV30" s="72">
        <v>73</v>
      </c>
      <c r="CW30" s="73">
        <v>115</v>
      </c>
      <c r="CX30" s="123">
        <v>4</v>
      </c>
      <c r="CY30" s="82">
        <v>1</v>
      </c>
      <c r="CZ30" s="83">
        <v>5</v>
      </c>
      <c r="DA30" s="241"/>
      <c r="DB30" s="82">
        <v>5</v>
      </c>
      <c r="DC30" s="82">
        <v>2</v>
      </c>
      <c r="DD30" s="82">
        <v>2</v>
      </c>
      <c r="DE30" s="82">
        <v>4</v>
      </c>
      <c r="DF30" s="82">
        <v>1</v>
      </c>
      <c r="DG30" s="84">
        <v>14</v>
      </c>
      <c r="DH30" s="85">
        <v>19</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0</v>
      </c>
      <c r="DZ30" s="71">
        <v>0</v>
      </c>
      <c r="EA30" s="71">
        <v>0</v>
      </c>
      <c r="EB30" s="71">
        <v>0</v>
      </c>
      <c r="EC30" s="72">
        <v>0</v>
      </c>
      <c r="ED30" s="73">
        <v>0</v>
      </c>
      <c r="EE30" s="70">
        <v>0</v>
      </c>
      <c r="EF30" s="71">
        <v>0</v>
      </c>
      <c r="EG30" s="72">
        <v>0</v>
      </c>
      <c r="EH30" s="244"/>
      <c r="EI30" s="71">
        <v>0</v>
      </c>
      <c r="EJ30" s="71">
        <v>0</v>
      </c>
      <c r="EK30" s="71">
        <v>0</v>
      </c>
      <c r="EL30" s="71">
        <v>0</v>
      </c>
      <c r="EM30" s="71">
        <v>0</v>
      </c>
      <c r="EN30" s="72">
        <v>0</v>
      </c>
      <c r="EO30" s="73">
        <v>0</v>
      </c>
      <c r="EP30" s="70">
        <v>0</v>
      </c>
      <c r="EQ30" s="71">
        <v>0</v>
      </c>
      <c r="ER30" s="72">
        <v>0</v>
      </c>
      <c r="ES30" s="244"/>
      <c r="ET30" s="71">
        <v>2</v>
      </c>
      <c r="EU30" s="71">
        <v>0</v>
      </c>
      <c r="EV30" s="71">
        <v>0</v>
      </c>
      <c r="EW30" s="71">
        <v>0</v>
      </c>
      <c r="EX30" s="71">
        <v>0</v>
      </c>
      <c r="EY30" s="72">
        <v>2</v>
      </c>
      <c r="EZ30" s="73">
        <v>2</v>
      </c>
      <c r="FA30" s="70">
        <v>3</v>
      </c>
      <c r="FB30" s="71">
        <v>0</v>
      </c>
      <c r="FC30" s="72">
        <v>3</v>
      </c>
      <c r="FD30" s="244"/>
      <c r="FE30" s="71">
        <v>2</v>
      </c>
      <c r="FF30" s="71">
        <v>1</v>
      </c>
      <c r="FG30" s="71">
        <v>0</v>
      </c>
      <c r="FH30" s="71">
        <v>0</v>
      </c>
      <c r="FI30" s="71">
        <v>1</v>
      </c>
      <c r="FJ30" s="72">
        <v>4</v>
      </c>
      <c r="FK30" s="73">
        <v>7</v>
      </c>
      <c r="FL30" s="70">
        <v>1</v>
      </c>
      <c r="FM30" s="71">
        <v>1</v>
      </c>
      <c r="FN30" s="72">
        <v>2</v>
      </c>
      <c r="FO30" s="244"/>
      <c r="FP30" s="71">
        <v>1</v>
      </c>
      <c r="FQ30" s="71">
        <v>1</v>
      </c>
      <c r="FR30" s="71">
        <v>2</v>
      </c>
      <c r="FS30" s="71">
        <v>4</v>
      </c>
      <c r="FT30" s="71">
        <v>0</v>
      </c>
      <c r="FU30" s="72">
        <v>8</v>
      </c>
      <c r="FV30" s="73">
        <v>10</v>
      </c>
      <c r="FW30" s="70">
        <v>0</v>
      </c>
      <c r="FX30" s="71">
        <v>0</v>
      </c>
      <c r="FY30" s="72">
        <v>0</v>
      </c>
      <c r="FZ30" s="244"/>
      <c r="GA30" s="71">
        <v>0</v>
      </c>
      <c r="GB30" s="71">
        <v>0</v>
      </c>
      <c r="GC30" s="71">
        <v>0</v>
      </c>
      <c r="GD30" s="71">
        <v>0</v>
      </c>
      <c r="GE30" s="71">
        <v>0</v>
      </c>
      <c r="GF30" s="72">
        <v>0</v>
      </c>
      <c r="GG30" s="73">
        <v>0</v>
      </c>
      <c r="GH30" s="70">
        <v>4</v>
      </c>
      <c r="GI30" s="71">
        <v>1</v>
      </c>
      <c r="GJ30" s="72">
        <v>5</v>
      </c>
      <c r="GK30" s="244"/>
      <c r="GL30" s="71">
        <v>5</v>
      </c>
      <c r="GM30" s="71">
        <v>2</v>
      </c>
      <c r="GN30" s="71">
        <v>2</v>
      </c>
      <c r="GO30" s="71">
        <v>4</v>
      </c>
      <c r="GP30" s="71">
        <v>1</v>
      </c>
      <c r="GQ30" s="72">
        <v>14</v>
      </c>
      <c r="GR30" s="73">
        <v>19</v>
      </c>
      <c r="GS30" s="123">
        <v>20</v>
      </c>
      <c r="GT30" s="82">
        <v>27</v>
      </c>
      <c r="GU30" s="83">
        <v>47</v>
      </c>
      <c r="GV30" s="241"/>
      <c r="GW30" s="82">
        <v>24</v>
      </c>
      <c r="GX30" s="82">
        <v>18</v>
      </c>
      <c r="GY30" s="82">
        <v>22</v>
      </c>
      <c r="GZ30" s="82">
        <v>17</v>
      </c>
      <c r="HA30" s="82">
        <v>6</v>
      </c>
      <c r="HB30" s="84">
        <v>87</v>
      </c>
      <c r="HC30" s="85">
        <v>134</v>
      </c>
      <c r="HD30" s="70">
        <v>0</v>
      </c>
      <c r="HE30" s="71">
        <v>1</v>
      </c>
      <c r="HF30" s="72">
        <v>1</v>
      </c>
      <c r="HG30" s="244"/>
      <c r="HH30" s="71">
        <v>0</v>
      </c>
      <c r="HI30" s="71">
        <v>0</v>
      </c>
      <c r="HJ30" s="71">
        <v>0</v>
      </c>
      <c r="HK30" s="71">
        <v>0</v>
      </c>
      <c r="HL30" s="71">
        <v>0</v>
      </c>
      <c r="HM30" s="72">
        <v>0</v>
      </c>
      <c r="HN30" s="73">
        <v>1</v>
      </c>
      <c r="HO30" s="70">
        <v>0</v>
      </c>
      <c r="HP30" s="71">
        <v>2</v>
      </c>
      <c r="HQ30" s="72">
        <v>2</v>
      </c>
      <c r="HR30" s="244"/>
      <c r="HS30" s="71">
        <v>1</v>
      </c>
      <c r="HT30" s="71">
        <v>1</v>
      </c>
      <c r="HU30" s="71">
        <v>0</v>
      </c>
      <c r="HV30" s="71">
        <v>0</v>
      </c>
      <c r="HW30" s="71">
        <v>0</v>
      </c>
      <c r="HX30" s="72">
        <v>2</v>
      </c>
      <c r="HY30" s="73">
        <v>4</v>
      </c>
      <c r="HZ30" s="70">
        <v>2</v>
      </c>
      <c r="IA30" s="71">
        <v>1</v>
      </c>
      <c r="IB30" s="72">
        <v>3</v>
      </c>
      <c r="IC30" s="244"/>
      <c r="ID30" s="71">
        <v>1</v>
      </c>
      <c r="IE30" s="71">
        <v>0</v>
      </c>
      <c r="IF30" s="71">
        <v>2</v>
      </c>
      <c r="IG30" s="71">
        <v>1</v>
      </c>
      <c r="IH30" s="71">
        <v>0</v>
      </c>
      <c r="II30" s="72">
        <v>4</v>
      </c>
      <c r="IJ30" s="73">
        <v>7</v>
      </c>
      <c r="IK30" s="70">
        <v>4</v>
      </c>
      <c r="IL30" s="71">
        <v>2</v>
      </c>
      <c r="IM30" s="72">
        <v>6</v>
      </c>
      <c r="IN30" s="244"/>
      <c r="IO30" s="71">
        <v>8</v>
      </c>
      <c r="IP30" s="71">
        <v>3</v>
      </c>
      <c r="IQ30" s="71">
        <v>5</v>
      </c>
      <c r="IR30" s="71">
        <v>1</v>
      </c>
      <c r="IS30" s="71">
        <v>2</v>
      </c>
      <c r="IT30" s="72">
        <v>19</v>
      </c>
      <c r="IU30" s="73">
        <v>25</v>
      </c>
      <c r="IV30" s="70">
        <v>8</v>
      </c>
      <c r="IW30" s="71">
        <v>11</v>
      </c>
      <c r="IX30" s="72">
        <v>19</v>
      </c>
      <c r="IY30" s="244"/>
      <c r="IZ30" s="71">
        <v>6</v>
      </c>
      <c r="JA30" s="71">
        <v>6</v>
      </c>
      <c r="JB30" s="71">
        <v>6</v>
      </c>
      <c r="JC30" s="71">
        <v>8</v>
      </c>
      <c r="JD30" s="71">
        <v>3</v>
      </c>
      <c r="JE30" s="72">
        <v>29</v>
      </c>
      <c r="JF30" s="73">
        <v>48</v>
      </c>
      <c r="JG30" s="70">
        <v>6</v>
      </c>
      <c r="JH30" s="71">
        <v>10</v>
      </c>
      <c r="JI30" s="72">
        <v>16</v>
      </c>
      <c r="JJ30" s="244"/>
      <c r="JK30" s="71">
        <v>8</v>
      </c>
      <c r="JL30" s="71">
        <v>8</v>
      </c>
      <c r="JM30" s="71">
        <v>9</v>
      </c>
      <c r="JN30" s="71">
        <v>7</v>
      </c>
      <c r="JO30" s="71">
        <v>1</v>
      </c>
      <c r="JP30" s="72">
        <v>33</v>
      </c>
      <c r="JQ30" s="73">
        <v>49</v>
      </c>
      <c r="JR30" s="70">
        <v>0</v>
      </c>
      <c r="JS30" s="71">
        <v>0</v>
      </c>
      <c r="JT30" s="72">
        <v>0</v>
      </c>
      <c r="JU30" s="244"/>
      <c r="JV30" s="71">
        <v>0</v>
      </c>
      <c r="JW30" s="71">
        <v>0</v>
      </c>
      <c r="JX30" s="71">
        <v>0</v>
      </c>
      <c r="JY30" s="71">
        <v>0</v>
      </c>
      <c r="JZ30" s="71">
        <v>0</v>
      </c>
      <c r="KA30" s="72">
        <v>0</v>
      </c>
      <c r="KB30" s="73">
        <v>0</v>
      </c>
      <c r="KC30" s="70">
        <v>20</v>
      </c>
      <c r="KD30" s="71">
        <v>27</v>
      </c>
      <c r="KE30" s="72">
        <v>47</v>
      </c>
      <c r="KF30" s="244"/>
      <c r="KG30" s="71">
        <v>24</v>
      </c>
      <c r="KH30" s="71">
        <v>18</v>
      </c>
      <c r="KI30" s="71">
        <v>22</v>
      </c>
      <c r="KJ30" s="71">
        <v>17</v>
      </c>
      <c r="KK30" s="71">
        <v>6</v>
      </c>
      <c r="KL30" s="72">
        <v>87</v>
      </c>
      <c r="KM30" s="73">
        <v>134</v>
      </c>
    </row>
    <row r="31" spans="2:299" ht="21" customHeight="1" x14ac:dyDescent="0.2">
      <c r="B31" s="126" t="s">
        <v>28</v>
      </c>
      <c r="C31" s="315">
        <v>1</v>
      </c>
      <c r="D31" s="82">
        <v>2</v>
      </c>
      <c r="E31" s="83">
        <v>3</v>
      </c>
      <c r="F31" s="241"/>
      <c r="G31" s="82">
        <v>6</v>
      </c>
      <c r="H31" s="82">
        <v>6</v>
      </c>
      <c r="I31" s="82">
        <v>2</v>
      </c>
      <c r="J31" s="82">
        <v>4</v>
      </c>
      <c r="K31" s="82">
        <v>0</v>
      </c>
      <c r="L31" s="84">
        <v>18</v>
      </c>
      <c r="M31" s="85">
        <v>21</v>
      </c>
      <c r="N31" s="70">
        <v>0</v>
      </c>
      <c r="O31" s="71">
        <v>0</v>
      </c>
      <c r="P31" s="72">
        <v>0</v>
      </c>
      <c r="Q31" s="244"/>
      <c r="R31" s="71">
        <v>0</v>
      </c>
      <c r="S31" s="71">
        <v>0</v>
      </c>
      <c r="T31" s="71">
        <v>0</v>
      </c>
      <c r="U31" s="71">
        <v>0</v>
      </c>
      <c r="V31" s="71">
        <v>0</v>
      </c>
      <c r="W31" s="72">
        <v>0</v>
      </c>
      <c r="X31" s="73">
        <v>0</v>
      </c>
      <c r="Y31" s="70">
        <v>0</v>
      </c>
      <c r="Z31" s="71">
        <v>0</v>
      </c>
      <c r="AA31" s="72">
        <v>0</v>
      </c>
      <c r="AB31" s="244"/>
      <c r="AC31" s="71">
        <v>0</v>
      </c>
      <c r="AD31" s="71">
        <v>2</v>
      </c>
      <c r="AE31" s="71">
        <v>0</v>
      </c>
      <c r="AF31" s="71">
        <v>0</v>
      </c>
      <c r="AG31" s="71">
        <v>0</v>
      </c>
      <c r="AH31" s="72">
        <v>2</v>
      </c>
      <c r="AI31" s="73">
        <v>2</v>
      </c>
      <c r="AJ31" s="70">
        <v>0</v>
      </c>
      <c r="AK31" s="71">
        <v>0</v>
      </c>
      <c r="AL31" s="72">
        <v>0</v>
      </c>
      <c r="AM31" s="244"/>
      <c r="AN31" s="71">
        <v>0</v>
      </c>
      <c r="AO31" s="71">
        <v>0</v>
      </c>
      <c r="AP31" s="71">
        <v>0</v>
      </c>
      <c r="AQ31" s="71">
        <v>1</v>
      </c>
      <c r="AR31" s="71">
        <v>0</v>
      </c>
      <c r="AS31" s="72">
        <v>1</v>
      </c>
      <c r="AT31" s="73">
        <v>1</v>
      </c>
      <c r="AU31" s="70">
        <v>1</v>
      </c>
      <c r="AV31" s="71">
        <v>0</v>
      </c>
      <c r="AW31" s="72">
        <v>1</v>
      </c>
      <c r="AX31" s="244"/>
      <c r="AY31" s="71">
        <v>1</v>
      </c>
      <c r="AZ31" s="71">
        <v>2</v>
      </c>
      <c r="BA31" s="71">
        <v>1</v>
      </c>
      <c r="BB31" s="71">
        <v>1</v>
      </c>
      <c r="BC31" s="71">
        <v>0</v>
      </c>
      <c r="BD31" s="72">
        <v>5</v>
      </c>
      <c r="BE31" s="73">
        <v>6</v>
      </c>
      <c r="BF31" s="70">
        <v>0</v>
      </c>
      <c r="BG31" s="71">
        <v>2</v>
      </c>
      <c r="BH31" s="72">
        <v>2</v>
      </c>
      <c r="BI31" s="244"/>
      <c r="BJ31" s="71">
        <v>4</v>
      </c>
      <c r="BK31" s="71">
        <v>1</v>
      </c>
      <c r="BL31" s="71">
        <v>1</v>
      </c>
      <c r="BM31" s="71">
        <v>1</v>
      </c>
      <c r="BN31" s="71">
        <v>0</v>
      </c>
      <c r="BO31" s="72">
        <v>7</v>
      </c>
      <c r="BP31" s="73">
        <v>9</v>
      </c>
      <c r="BQ31" s="70">
        <v>0</v>
      </c>
      <c r="BR31" s="71">
        <v>0</v>
      </c>
      <c r="BS31" s="72">
        <v>0</v>
      </c>
      <c r="BT31" s="244"/>
      <c r="BU31" s="71">
        <v>1</v>
      </c>
      <c r="BV31" s="71">
        <v>1</v>
      </c>
      <c r="BW31" s="71">
        <v>0</v>
      </c>
      <c r="BX31" s="71">
        <v>1</v>
      </c>
      <c r="BY31" s="71">
        <v>0</v>
      </c>
      <c r="BZ31" s="72">
        <v>3</v>
      </c>
      <c r="CA31" s="73">
        <v>3</v>
      </c>
      <c r="CB31" s="70">
        <v>0</v>
      </c>
      <c r="CC31" s="71">
        <v>0</v>
      </c>
      <c r="CD31" s="72">
        <v>0</v>
      </c>
      <c r="CE31" s="244"/>
      <c r="CF31" s="71">
        <v>0</v>
      </c>
      <c r="CG31" s="71">
        <v>0</v>
      </c>
      <c r="CH31" s="71">
        <v>0</v>
      </c>
      <c r="CI31" s="71">
        <v>0</v>
      </c>
      <c r="CJ31" s="71">
        <v>0</v>
      </c>
      <c r="CK31" s="72">
        <v>0</v>
      </c>
      <c r="CL31" s="73">
        <v>0</v>
      </c>
      <c r="CM31" s="70">
        <v>1</v>
      </c>
      <c r="CN31" s="71">
        <v>2</v>
      </c>
      <c r="CO31" s="72">
        <v>3</v>
      </c>
      <c r="CP31" s="244"/>
      <c r="CQ31" s="71">
        <v>6</v>
      </c>
      <c r="CR31" s="71">
        <v>6</v>
      </c>
      <c r="CS31" s="71">
        <v>2</v>
      </c>
      <c r="CT31" s="71">
        <v>4</v>
      </c>
      <c r="CU31" s="71">
        <v>0</v>
      </c>
      <c r="CV31" s="72">
        <v>18</v>
      </c>
      <c r="CW31" s="73">
        <v>21</v>
      </c>
      <c r="CX31" s="123">
        <v>0</v>
      </c>
      <c r="CY31" s="82">
        <v>2</v>
      </c>
      <c r="CZ31" s="83">
        <v>2</v>
      </c>
      <c r="DA31" s="241"/>
      <c r="DB31" s="82">
        <v>3</v>
      </c>
      <c r="DC31" s="82">
        <v>1</v>
      </c>
      <c r="DD31" s="82">
        <v>0</v>
      </c>
      <c r="DE31" s="82">
        <v>1</v>
      </c>
      <c r="DF31" s="82">
        <v>2</v>
      </c>
      <c r="DG31" s="84">
        <v>7</v>
      </c>
      <c r="DH31" s="85">
        <v>9</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0</v>
      </c>
      <c r="EA31" s="71">
        <v>0</v>
      </c>
      <c r="EB31" s="71">
        <v>0</v>
      </c>
      <c r="EC31" s="72">
        <v>0</v>
      </c>
      <c r="ED31" s="73">
        <v>0</v>
      </c>
      <c r="EE31" s="70">
        <v>0</v>
      </c>
      <c r="EF31" s="71">
        <v>1</v>
      </c>
      <c r="EG31" s="72">
        <v>1</v>
      </c>
      <c r="EH31" s="244"/>
      <c r="EI31" s="71">
        <v>0</v>
      </c>
      <c r="EJ31" s="71">
        <v>0</v>
      </c>
      <c r="EK31" s="71">
        <v>0</v>
      </c>
      <c r="EL31" s="71">
        <v>0</v>
      </c>
      <c r="EM31" s="71">
        <v>0</v>
      </c>
      <c r="EN31" s="72">
        <v>0</v>
      </c>
      <c r="EO31" s="73">
        <v>1</v>
      </c>
      <c r="EP31" s="70">
        <v>0</v>
      </c>
      <c r="EQ31" s="71">
        <v>0</v>
      </c>
      <c r="ER31" s="72">
        <v>0</v>
      </c>
      <c r="ES31" s="244"/>
      <c r="ET31" s="71">
        <v>0</v>
      </c>
      <c r="EU31" s="71">
        <v>0</v>
      </c>
      <c r="EV31" s="71">
        <v>0</v>
      </c>
      <c r="EW31" s="71">
        <v>0</v>
      </c>
      <c r="EX31" s="71">
        <v>1</v>
      </c>
      <c r="EY31" s="72">
        <v>1</v>
      </c>
      <c r="EZ31" s="73">
        <v>1</v>
      </c>
      <c r="FA31" s="70">
        <v>0</v>
      </c>
      <c r="FB31" s="71">
        <v>0</v>
      </c>
      <c r="FC31" s="72">
        <v>0</v>
      </c>
      <c r="FD31" s="244"/>
      <c r="FE31" s="71">
        <v>2</v>
      </c>
      <c r="FF31" s="71">
        <v>1</v>
      </c>
      <c r="FG31" s="71">
        <v>0</v>
      </c>
      <c r="FH31" s="71">
        <v>0</v>
      </c>
      <c r="FI31" s="71">
        <v>1</v>
      </c>
      <c r="FJ31" s="72">
        <v>4</v>
      </c>
      <c r="FK31" s="73">
        <v>4</v>
      </c>
      <c r="FL31" s="70">
        <v>0</v>
      </c>
      <c r="FM31" s="71">
        <v>1</v>
      </c>
      <c r="FN31" s="72">
        <v>1</v>
      </c>
      <c r="FO31" s="244"/>
      <c r="FP31" s="71">
        <v>1</v>
      </c>
      <c r="FQ31" s="71">
        <v>0</v>
      </c>
      <c r="FR31" s="71">
        <v>0</v>
      </c>
      <c r="FS31" s="71">
        <v>1</v>
      </c>
      <c r="FT31" s="71">
        <v>0</v>
      </c>
      <c r="FU31" s="72">
        <v>2</v>
      </c>
      <c r="FV31" s="73">
        <v>3</v>
      </c>
      <c r="FW31" s="70">
        <v>0</v>
      </c>
      <c r="FX31" s="71">
        <v>0</v>
      </c>
      <c r="FY31" s="72">
        <v>0</v>
      </c>
      <c r="FZ31" s="244"/>
      <c r="GA31" s="71">
        <v>0</v>
      </c>
      <c r="GB31" s="71">
        <v>0</v>
      </c>
      <c r="GC31" s="71">
        <v>0</v>
      </c>
      <c r="GD31" s="71">
        <v>0</v>
      </c>
      <c r="GE31" s="71">
        <v>0</v>
      </c>
      <c r="GF31" s="72">
        <v>0</v>
      </c>
      <c r="GG31" s="73">
        <v>0</v>
      </c>
      <c r="GH31" s="70">
        <v>0</v>
      </c>
      <c r="GI31" s="71">
        <v>2</v>
      </c>
      <c r="GJ31" s="72">
        <v>2</v>
      </c>
      <c r="GK31" s="244"/>
      <c r="GL31" s="71">
        <v>3</v>
      </c>
      <c r="GM31" s="71">
        <v>1</v>
      </c>
      <c r="GN31" s="71">
        <v>0</v>
      </c>
      <c r="GO31" s="71">
        <v>1</v>
      </c>
      <c r="GP31" s="71">
        <v>2</v>
      </c>
      <c r="GQ31" s="72">
        <v>7</v>
      </c>
      <c r="GR31" s="73">
        <v>9</v>
      </c>
      <c r="GS31" s="123">
        <v>1</v>
      </c>
      <c r="GT31" s="82">
        <v>4</v>
      </c>
      <c r="GU31" s="83">
        <v>5</v>
      </c>
      <c r="GV31" s="241"/>
      <c r="GW31" s="82">
        <v>9</v>
      </c>
      <c r="GX31" s="82">
        <v>7</v>
      </c>
      <c r="GY31" s="82">
        <v>2</v>
      </c>
      <c r="GZ31" s="82">
        <v>5</v>
      </c>
      <c r="HA31" s="82">
        <v>2</v>
      </c>
      <c r="HB31" s="84">
        <v>25</v>
      </c>
      <c r="HC31" s="85">
        <v>30</v>
      </c>
      <c r="HD31" s="70">
        <v>0</v>
      </c>
      <c r="HE31" s="71">
        <v>0</v>
      </c>
      <c r="HF31" s="72">
        <v>0</v>
      </c>
      <c r="HG31" s="244"/>
      <c r="HH31" s="71">
        <v>0</v>
      </c>
      <c r="HI31" s="71">
        <v>0</v>
      </c>
      <c r="HJ31" s="71">
        <v>0</v>
      </c>
      <c r="HK31" s="71">
        <v>0</v>
      </c>
      <c r="HL31" s="71">
        <v>0</v>
      </c>
      <c r="HM31" s="72">
        <v>0</v>
      </c>
      <c r="HN31" s="73">
        <v>0</v>
      </c>
      <c r="HO31" s="70">
        <v>0</v>
      </c>
      <c r="HP31" s="71">
        <v>0</v>
      </c>
      <c r="HQ31" s="72">
        <v>0</v>
      </c>
      <c r="HR31" s="244"/>
      <c r="HS31" s="71">
        <v>0</v>
      </c>
      <c r="HT31" s="71">
        <v>2</v>
      </c>
      <c r="HU31" s="71">
        <v>0</v>
      </c>
      <c r="HV31" s="71">
        <v>0</v>
      </c>
      <c r="HW31" s="71">
        <v>0</v>
      </c>
      <c r="HX31" s="72">
        <v>2</v>
      </c>
      <c r="HY31" s="73">
        <v>2</v>
      </c>
      <c r="HZ31" s="70">
        <v>0</v>
      </c>
      <c r="IA31" s="71">
        <v>1</v>
      </c>
      <c r="IB31" s="72">
        <v>1</v>
      </c>
      <c r="IC31" s="244"/>
      <c r="ID31" s="71">
        <v>0</v>
      </c>
      <c r="IE31" s="71">
        <v>0</v>
      </c>
      <c r="IF31" s="71">
        <v>0</v>
      </c>
      <c r="IG31" s="71">
        <v>1</v>
      </c>
      <c r="IH31" s="71">
        <v>0</v>
      </c>
      <c r="II31" s="72">
        <v>1</v>
      </c>
      <c r="IJ31" s="73">
        <v>2</v>
      </c>
      <c r="IK31" s="70">
        <v>1</v>
      </c>
      <c r="IL31" s="71">
        <v>0</v>
      </c>
      <c r="IM31" s="72">
        <v>1</v>
      </c>
      <c r="IN31" s="244"/>
      <c r="IO31" s="71">
        <v>1</v>
      </c>
      <c r="IP31" s="71">
        <v>2</v>
      </c>
      <c r="IQ31" s="71">
        <v>1</v>
      </c>
      <c r="IR31" s="71">
        <v>1</v>
      </c>
      <c r="IS31" s="71">
        <v>1</v>
      </c>
      <c r="IT31" s="72">
        <v>6</v>
      </c>
      <c r="IU31" s="73">
        <v>7</v>
      </c>
      <c r="IV31" s="70">
        <v>0</v>
      </c>
      <c r="IW31" s="71">
        <v>2</v>
      </c>
      <c r="IX31" s="72">
        <v>2</v>
      </c>
      <c r="IY31" s="244"/>
      <c r="IZ31" s="71">
        <v>6</v>
      </c>
      <c r="JA31" s="71">
        <v>2</v>
      </c>
      <c r="JB31" s="71">
        <v>1</v>
      </c>
      <c r="JC31" s="71">
        <v>1</v>
      </c>
      <c r="JD31" s="71">
        <v>1</v>
      </c>
      <c r="JE31" s="72">
        <v>11</v>
      </c>
      <c r="JF31" s="73">
        <v>13</v>
      </c>
      <c r="JG31" s="70">
        <v>0</v>
      </c>
      <c r="JH31" s="71">
        <v>1</v>
      </c>
      <c r="JI31" s="72">
        <v>1</v>
      </c>
      <c r="JJ31" s="244"/>
      <c r="JK31" s="71">
        <v>2</v>
      </c>
      <c r="JL31" s="71">
        <v>1</v>
      </c>
      <c r="JM31" s="71">
        <v>0</v>
      </c>
      <c r="JN31" s="71">
        <v>2</v>
      </c>
      <c r="JO31" s="71">
        <v>0</v>
      </c>
      <c r="JP31" s="72">
        <v>5</v>
      </c>
      <c r="JQ31" s="73">
        <v>6</v>
      </c>
      <c r="JR31" s="70">
        <v>0</v>
      </c>
      <c r="JS31" s="71">
        <v>0</v>
      </c>
      <c r="JT31" s="72">
        <v>0</v>
      </c>
      <c r="JU31" s="244"/>
      <c r="JV31" s="71">
        <v>0</v>
      </c>
      <c r="JW31" s="71">
        <v>0</v>
      </c>
      <c r="JX31" s="71">
        <v>0</v>
      </c>
      <c r="JY31" s="71">
        <v>0</v>
      </c>
      <c r="JZ31" s="71">
        <v>0</v>
      </c>
      <c r="KA31" s="72">
        <v>0</v>
      </c>
      <c r="KB31" s="73">
        <v>0</v>
      </c>
      <c r="KC31" s="70">
        <v>1</v>
      </c>
      <c r="KD31" s="71">
        <v>4</v>
      </c>
      <c r="KE31" s="72">
        <v>5</v>
      </c>
      <c r="KF31" s="244"/>
      <c r="KG31" s="71">
        <v>9</v>
      </c>
      <c r="KH31" s="71">
        <v>7</v>
      </c>
      <c r="KI31" s="71">
        <v>2</v>
      </c>
      <c r="KJ31" s="71">
        <v>5</v>
      </c>
      <c r="KK31" s="71">
        <v>2</v>
      </c>
      <c r="KL31" s="72">
        <v>25</v>
      </c>
      <c r="KM31" s="73">
        <v>30</v>
      </c>
    </row>
    <row r="32" spans="2:299" ht="21" customHeight="1" x14ac:dyDescent="0.2">
      <c r="B32" s="126" t="s">
        <v>29</v>
      </c>
      <c r="C32" s="315">
        <v>5</v>
      </c>
      <c r="D32" s="82">
        <v>2</v>
      </c>
      <c r="E32" s="83">
        <v>7</v>
      </c>
      <c r="F32" s="241"/>
      <c r="G32" s="82">
        <v>5</v>
      </c>
      <c r="H32" s="82">
        <v>7</v>
      </c>
      <c r="I32" s="82">
        <v>3</v>
      </c>
      <c r="J32" s="82">
        <v>2</v>
      </c>
      <c r="K32" s="82">
        <v>3</v>
      </c>
      <c r="L32" s="84">
        <v>20</v>
      </c>
      <c r="M32" s="85">
        <v>27</v>
      </c>
      <c r="N32" s="70">
        <v>0</v>
      </c>
      <c r="O32" s="71">
        <v>0</v>
      </c>
      <c r="P32" s="72">
        <v>0</v>
      </c>
      <c r="Q32" s="244"/>
      <c r="R32" s="71">
        <v>0</v>
      </c>
      <c r="S32" s="71">
        <v>0</v>
      </c>
      <c r="T32" s="71">
        <v>0</v>
      </c>
      <c r="U32" s="71">
        <v>0</v>
      </c>
      <c r="V32" s="71">
        <v>0</v>
      </c>
      <c r="W32" s="72">
        <v>0</v>
      </c>
      <c r="X32" s="73">
        <v>0</v>
      </c>
      <c r="Y32" s="70">
        <v>0</v>
      </c>
      <c r="Z32" s="71">
        <v>0</v>
      </c>
      <c r="AA32" s="72">
        <v>0</v>
      </c>
      <c r="AB32" s="244"/>
      <c r="AC32" s="71">
        <v>0</v>
      </c>
      <c r="AD32" s="71">
        <v>1</v>
      </c>
      <c r="AE32" s="71">
        <v>0</v>
      </c>
      <c r="AF32" s="71">
        <v>0</v>
      </c>
      <c r="AG32" s="71">
        <v>0</v>
      </c>
      <c r="AH32" s="72">
        <v>1</v>
      </c>
      <c r="AI32" s="73">
        <v>1</v>
      </c>
      <c r="AJ32" s="70">
        <v>1</v>
      </c>
      <c r="AK32" s="71">
        <v>0</v>
      </c>
      <c r="AL32" s="72">
        <v>1</v>
      </c>
      <c r="AM32" s="244"/>
      <c r="AN32" s="71">
        <v>0</v>
      </c>
      <c r="AO32" s="71">
        <v>0</v>
      </c>
      <c r="AP32" s="71">
        <v>0</v>
      </c>
      <c r="AQ32" s="71">
        <v>0</v>
      </c>
      <c r="AR32" s="71">
        <v>1</v>
      </c>
      <c r="AS32" s="72">
        <v>1</v>
      </c>
      <c r="AT32" s="73">
        <v>2</v>
      </c>
      <c r="AU32" s="70">
        <v>1</v>
      </c>
      <c r="AV32" s="71">
        <v>1</v>
      </c>
      <c r="AW32" s="72">
        <v>2</v>
      </c>
      <c r="AX32" s="244"/>
      <c r="AY32" s="71">
        <v>1</v>
      </c>
      <c r="AZ32" s="71">
        <v>1</v>
      </c>
      <c r="BA32" s="71">
        <v>0</v>
      </c>
      <c r="BB32" s="71">
        <v>1</v>
      </c>
      <c r="BC32" s="71">
        <v>0</v>
      </c>
      <c r="BD32" s="72">
        <v>3</v>
      </c>
      <c r="BE32" s="73">
        <v>5</v>
      </c>
      <c r="BF32" s="70">
        <v>0</v>
      </c>
      <c r="BG32" s="71">
        <v>1</v>
      </c>
      <c r="BH32" s="72">
        <v>1</v>
      </c>
      <c r="BI32" s="244"/>
      <c r="BJ32" s="71">
        <v>3</v>
      </c>
      <c r="BK32" s="71">
        <v>2</v>
      </c>
      <c r="BL32" s="71">
        <v>1</v>
      </c>
      <c r="BM32" s="71">
        <v>0</v>
      </c>
      <c r="BN32" s="71">
        <v>2</v>
      </c>
      <c r="BO32" s="72">
        <v>8</v>
      </c>
      <c r="BP32" s="73">
        <v>9</v>
      </c>
      <c r="BQ32" s="70">
        <v>3</v>
      </c>
      <c r="BR32" s="71">
        <v>0</v>
      </c>
      <c r="BS32" s="72">
        <v>3</v>
      </c>
      <c r="BT32" s="244"/>
      <c r="BU32" s="71">
        <v>1</v>
      </c>
      <c r="BV32" s="71">
        <v>3</v>
      </c>
      <c r="BW32" s="71">
        <v>2</v>
      </c>
      <c r="BX32" s="71">
        <v>1</v>
      </c>
      <c r="BY32" s="71">
        <v>0</v>
      </c>
      <c r="BZ32" s="72">
        <v>7</v>
      </c>
      <c r="CA32" s="73">
        <v>10</v>
      </c>
      <c r="CB32" s="70">
        <v>0</v>
      </c>
      <c r="CC32" s="71">
        <v>0</v>
      </c>
      <c r="CD32" s="72">
        <v>0</v>
      </c>
      <c r="CE32" s="244"/>
      <c r="CF32" s="71">
        <v>0</v>
      </c>
      <c r="CG32" s="71">
        <v>0</v>
      </c>
      <c r="CH32" s="71">
        <v>0</v>
      </c>
      <c r="CI32" s="71">
        <v>0</v>
      </c>
      <c r="CJ32" s="71">
        <v>0</v>
      </c>
      <c r="CK32" s="72">
        <v>0</v>
      </c>
      <c r="CL32" s="73">
        <v>0</v>
      </c>
      <c r="CM32" s="70">
        <v>5</v>
      </c>
      <c r="CN32" s="71">
        <v>2</v>
      </c>
      <c r="CO32" s="72">
        <v>7</v>
      </c>
      <c r="CP32" s="244"/>
      <c r="CQ32" s="71">
        <v>5</v>
      </c>
      <c r="CR32" s="71">
        <v>7</v>
      </c>
      <c r="CS32" s="71">
        <v>3</v>
      </c>
      <c r="CT32" s="71">
        <v>2</v>
      </c>
      <c r="CU32" s="71">
        <v>3</v>
      </c>
      <c r="CV32" s="72">
        <v>20</v>
      </c>
      <c r="CW32" s="73">
        <v>27</v>
      </c>
      <c r="CX32" s="123">
        <v>1</v>
      </c>
      <c r="CY32" s="82">
        <v>0</v>
      </c>
      <c r="CZ32" s="83">
        <v>1</v>
      </c>
      <c r="DA32" s="241"/>
      <c r="DB32" s="82">
        <v>2</v>
      </c>
      <c r="DC32" s="82">
        <v>1</v>
      </c>
      <c r="DD32" s="82">
        <v>0</v>
      </c>
      <c r="DE32" s="82">
        <v>0</v>
      </c>
      <c r="DF32" s="82">
        <v>0</v>
      </c>
      <c r="DG32" s="84">
        <v>3</v>
      </c>
      <c r="DH32" s="85">
        <v>4</v>
      </c>
      <c r="DI32" s="70">
        <v>0</v>
      </c>
      <c r="DJ32" s="71">
        <v>0</v>
      </c>
      <c r="DK32" s="72">
        <v>0</v>
      </c>
      <c r="DL32" s="244"/>
      <c r="DM32" s="71">
        <v>0</v>
      </c>
      <c r="DN32" s="71">
        <v>0</v>
      </c>
      <c r="DO32" s="71">
        <v>0</v>
      </c>
      <c r="DP32" s="71">
        <v>0</v>
      </c>
      <c r="DQ32" s="71">
        <v>0</v>
      </c>
      <c r="DR32" s="72">
        <v>0</v>
      </c>
      <c r="DS32" s="73">
        <v>0</v>
      </c>
      <c r="DT32" s="70">
        <v>0</v>
      </c>
      <c r="DU32" s="71">
        <v>0</v>
      </c>
      <c r="DV32" s="72">
        <v>0</v>
      </c>
      <c r="DW32" s="244"/>
      <c r="DX32" s="71">
        <v>1</v>
      </c>
      <c r="DY32" s="71">
        <v>0</v>
      </c>
      <c r="DZ32" s="71">
        <v>0</v>
      </c>
      <c r="EA32" s="71">
        <v>0</v>
      </c>
      <c r="EB32" s="71">
        <v>0</v>
      </c>
      <c r="EC32" s="72">
        <v>1</v>
      </c>
      <c r="ED32" s="73">
        <v>1</v>
      </c>
      <c r="EE32" s="70">
        <v>0</v>
      </c>
      <c r="EF32" s="71">
        <v>0</v>
      </c>
      <c r="EG32" s="72">
        <v>0</v>
      </c>
      <c r="EH32" s="244"/>
      <c r="EI32" s="71">
        <v>0</v>
      </c>
      <c r="EJ32" s="71">
        <v>0</v>
      </c>
      <c r="EK32" s="71">
        <v>0</v>
      </c>
      <c r="EL32" s="71">
        <v>0</v>
      </c>
      <c r="EM32" s="71">
        <v>0</v>
      </c>
      <c r="EN32" s="72">
        <v>0</v>
      </c>
      <c r="EO32" s="73">
        <v>0</v>
      </c>
      <c r="EP32" s="70">
        <v>1</v>
      </c>
      <c r="EQ32" s="71">
        <v>0</v>
      </c>
      <c r="ER32" s="72">
        <v>1</v>
      </c>
      <c r="ES32" s="244"/>
      <c r="ET32" s="71">
        <v>0</v>
      </c>
      <c r="EU32" s="71">
        <v>0</v>
      </c>
      <c r="EV32" s="71">
        <v>0</v>
      </c>
      <c r="EW32" s="71">
        <v>0</v>
      </c>
      <c r="EX32" s="71">
        <v>0</v>
      </c>
      <c r="EY32" s="72">
        <v>0</v>
      </c>
      <c r="EZ32" s="73">
        <v>1</v>
      </c>
      <c r="FA32" s="70">
        <v>0</v>
      </c>
      <c r="FB32" s="71">
        <v>0</v>
      </c>
      <c r="FC32" s="72">
        <v>0</v>
      </c>
      <c r="FD32" s="244"/>
      <c r="FE32" s="71">
        <v>1</v>
      </c>
      <c r="FF32" s="71">
        <v>0</v>
      </c>
      <c r="FG32" s="71">
        <v>0</v>
      </c>
      <c r="FH32" s="71">
        <v>0</v>
      </c>
      <c r="FI32" s="71">
        <v>0</v>
      </c>
      <c r="FJ32" s="72">
        <v>1</v>
      </c>
      <c r="FK32" s="73">
        <v>1</v>
      </c>
      <c r="FL32" s="70">
        <v>0</v>
      </c>
      <c r="FM32" s="71">
        <v>0</v>
      </c>
      <c r="FN32" s="72">
        <v>0</v>
      </c>
      <c r="FO32" s="244"/>
      <c r="FP32" s="71">
        <v>0</v>
      </c>
      <c r="FQ32" s="71">
        <v>1</v>
      </c>
      <c r="FR32" s="71">
        <v>0</v>
      </c>
      <c r="FS32" s="71">
        <v>0</v>
      </c>
      <c r="FT32" s="71">
        <v>0</v>
      </c>
      <c r="FU32" s="72">
        <v>1</v>
      </c>
      <c r="FV32" s="73">
        <v>1</v>
      </c>
      <c r="FW32" s="70">
        <v>0</v>
      </c>
      <c r="FX32" s="71">
        <v>0</v>
      </c>
      <c r="FY32" s="72">
        <v>0</v>
      </c>
      <c r="FZ32" s="244"/>
      <c r="GA32" s="71">
        <v>0</v>
      </c>
      <c r="GB32" s="71">
        <v>0</v>
      </c>
      <c r="GC32" s="71">
        <v>0</v>
      </c>
      <c r="GD32" s="71">
        <v>0</v>
      </c>
      <c r="GE32" s="71">
        <v>0</v>
      </c>
      <c r="GF32" s="72">
        <v>0</v>
      </c>
      <c r="GG32" s="73">
        <v>0</v>
      </c>
      <c r="GH32" s="70">
        <v>1</v>
      </c>
      <c r="GI32" s="71">
        <v>0</v>
      </c>
      <c r="GJ32" s="72">
        <v>1</v>
      </c>
      <c r="GK32" s="244"/>
      <c r="GL32" s="71">
        <v>2</v>
      </c>
      <c r="GM32" s="71">
        <v>1</v>
      </c>
      <c r="GN32" s="71">
        <v>0</v>
      </c>
      <c r="GO32" s="71">
        <v>0</v>
      </c>
      <c r="GP32" s="71">
        <v>0</v>
      </c>
      <c r="GQ32" s="72">
        <v>3</v>
      </c>
      <c r="GR32" s="73">
        <v>4</v>
      </c>
      <c r="GS32" s="123">
        <v>6</v>
      </c>
      <c r="GT32" s="82">
        <v>2</v>
      </c>
      <c r="GU32" s="83">
        <v>8</v>
      </c>
      <c r="GV32" s="241"/>
      <c r="GW32" s="82">
        <v>7</v>
      </c>
      <c r="GX32" s="82">
        <v>8</v>
      </c>
      <c r="GY32" s="82">
        <v>3</v>
      </c>
      <c r="GZ32" s="82">
        <v>2</v>
      </c>
      <c r="HA32" s="82">
        <v>3</v>
      </c>
      <c r="HB32" s="84">
        <v>23</v>
      </c>
      <c r="HC32" s="85">
        <v>31</v>
      </c>
      <c r="HD32" s="70">
        <v>0</v>
      </c>
      <c r="HE32" s="71">
        <v>0</v>
      </c>
      <c r="HF32" s="72">
        <v>0</v>
      </c>
      <c r="HG32" s="244"/>
      <c r="HH32" s="71">
        <v>0</v>
      </c>
      <c r="HI32" s="71">
        <v>0</v>
      </c>
      <c r="HJ32" s="71">
        <v>0</v>
      </c>
      <c r="HK32" s="71">
        <v>0</v>
      </c>
      <c r="HL32" s="71">
        <v>0</v>
      </c>
      <c r="HM32" s="72">
        <v>0</v>
      </c>
      <c r="HN32" s="73">
        <v>0</v>
      </c>
      <c r="HO32" s="70">
        <v>0</v>
      </c>
      <c r="HP32" s="71">
        <v>0</v>
      </c>
      <c r="HQ32" s="72">
        <v>0</v>
      </c>
      <c r="HR32" s="244"/>
      <c r="HS32" s="71">
        <v>1</v>
      </c>
      <c r="HT32" s="71">
        <v>1</v>
      </c>
      <c r="HU32" s="71">
        <v>0</v>
      </c>
      <c r="HV32" s="71">
        <v>0</v>
      </c>
      <c r="HW32" s="71">
        <v>0</v>
      </c>
      <c r="HX32" s="72">
        <v>2</v>
      </c>
      <c r="HY32" s="73">
        <v>2</v>
      </c>
      <c r="HZ32" s="70">
        <v>1</v>
      </c>
      <c r="IA32" s="71">
        <v>0</v>
      </c>
      <c r="IB32" s="72">
        <v>1</v>
      </c>
      <c r="IC32" s="244"/>
      <c r="ID32" s="71">
        <v>0</v>
      </c>
      <c r="IE32" s="71">
        <v>0</v>
      </c>
      <c r="IF32" s="71">
        <v>0</v>
      </c>
      <c r="IG32" s="71">
        <v>0</v>
      </c>
      <c r="IH32" s="71">
        <v>1</v>
      </c>
      <c r="II32" s="72">
        <v>1</v>
      </c>
      <c r="IJ32" s="73">
        <v>2</v>
      </c>
      <c r="IK32" s="70">
        <v>2</v>
      </c>
      <c r="IL32" s="71">
        <v>1</v>
      </c>
      <c r="IM32" s="72">
        <v>3</v>
      </c>
      <c r="IN32" s="244"/>
      <c r="IO32" s="71">
        <v>1</v>
      </c>
      <c r="IP32" s="71">
        <v>1</v>
      </c>
      <c r="IQ32" s="71">
        <v>0</v>
      </c>
      <c r="IR32" s="71">
        <v>1</v>
      </c>
      <c r="IS32" s="71">
        <v>0</v>
      </c>
      <c r="IT32" s="72">
        <v>3</v>
      </c>
      <c r="IU32" s="73">
        <v>6</v>
      </c>
      <c r="IV32" s="70">
        <v>0</v>
      </c>
      <c r="IW32" s="71">
        <v>1</v>
      </c>
      <c r="IX32" s="72">
        <v>1</v>
      </c>
      <c r="IY32" s="244"/>
      <c r="IZ32" s="71">
        <v>4</v>
      </c>
      <c r="JA32" s="71">
        <v>2</v>
      </c>
      <c r="JB32" s="71">
        <v>1</v>
      </c>
      <c r="JC32" s="71">
        <v>0</v>
      </c>
      <c r="JD32" s="71">
        <v>2</v>
      </c>
      <c r="JE32" s="72">
        <v>9</v>
      </c>
      <c r="JF32" s="73">
        <v>10</v>
      </c>
      <c r="JG32" s="70">
        <v>3</v>
      </c>
      <c r="JH32" s="71">
        <v>0</v>
      </c>
      <c r="JI32" s="72">
        <v>3</v>
      </c>
      <c r="JJ32" s="244"/>
      <c r="JK32" s="71">
        <v>1</v>
      </c>
      <c r="JL32" s="71">
        <v>4</v>
      </c>
      <c r="JM32" s="71">
        <v>2</v>
      </c>
      <c r="JN32" s="71">
        <v>1</v>
      </c>
      <c r="JO32" s="71">
        <v>0</v>
      </c>
      <c r="JP32" s="72">
        <v>8</v>
      </c>
      <c r="JQ32" s="73">
        <v>11</v>
      </c>
      <c r="JR32" s="70">
        <v>0</v>
      </c>
      <c r="JS32" s="71">
        <v>0</v>
      </c>
      <c r="JT32" s="72">
        <v>0</v>
      </c>
      <c r="JU32" s="244"/>
      <c r="JV32" s="71">
        <v>0</v>
      </c>
      <c r="JW32" s="71">
        <v>0</v>
      </c>
      <c r="JX32" s="71">
        <v>0</v>
      </c>
      <c r="JY32" s="71">
        <v>0</v>
      </c>
      <c r="JZ32" s="71">
        <v>0</v>
      </c>
      <c r="KA32" s="72">
        <v>0</v>
      </c>
      <c r="KB32" s="73">
        <v>0</v>
      </c>
      <c r="KC32" s="70">
        <v>6</v>
      </c>
      <c r="KD32" s="71">
        <v>2</v>
      </c>
      <c r="KE32" s="72">
        <v>8</v>
      </c>
      <c r="KF32" s="244"/>
      <c r="KG32" s="71">
        <v>7</v>
      </c>
      <c r="KH32" s="71">
        <v>8</v>
      </c>
      <c r="KI32" s="71">
        <v>3</v>
      </c>
      <c r="KJ32" s="71">
        <v>2</v>
      </c>
      <c r="KK32" s="71">
        <v>3</v>
      </c>
      <c r="KL32" s="72">
        <v>23</v>
      </c>
      <c r="KM32" s="73">
        <v>31</v>
      </c>
    </row>
    <row r="33" spans="2:299" ht="21" customHeight="1" x14ac:dyDescent="0.2">
      <c r="B33" s="126" t="s">
        <v>30</v>
      </c>
      <c r="C33" s="315">
        <v>3</v>
      </c>
      <c r="D33" s="82">
        <v>4</v>
      </c>
      <c r="E33" s="83">
        <v>7</v>
      </c>
      <c r="F33" s="241"/>
      <c r="G33" s="82">
        <v>8</v>
      </c>
      <c r="H33" s="82">
        <v>2</v>
      </c>
      <c r="I33" s="82">
        <v>2</v>
      </c>
      <c r="J33" s="82">
        <v>8</v>
      </c>
      <c r="K33" s="82">
        <v>1</v>
      </c>
      <c r="L33" s="84">
        <v>21</v>
      </c>
      <c r="M33" s="85">
        <v>28</v>
      </c>
      <c r="N33" s="70">
        <v>0</v>
      </c>
      <c r="O33" s="71">
        <v>0</v>
      </c>
      <c r="P33" s="72">
        <v>0</v>
      </c>
      <c r="Q33" s="244"/>
      <c r="R33" s="71">
        <v>0</v>
      </c>
      <c r="S33" s="71">
        <v>0</v>
      </c>
      <c r="T33" s="71">
        <v>0</v>
      </c>
      <c r="U33" s="71">
        <v>0</v>
      </c>
      <c r="V33" s="71">
        <v>0</v>
      </c>
      <c r="W33" s="72">
        <v>0</v>
      </c>
      <c r="X33" s="73">
        <v>0</v>
      </c>
      <c r="Y33" s="70">
        <v>1</v>
      </c>
      <c r="Z33" s="71">
        <v>2</v>
      </c>
      <c r="AA33" s="72">
        <v>3</v>
      </c>
      <c r="AB33" s="244"/>
      <c r="AC33" s="71">
        <v>0</v>
      </c>
      <c r="AD33" s="71">
        <v>0</v>
      </c>
      <c r="AE33" s="71">
        <v>0</v>
      </c>
      <c r="AF33" s="71">
        <v>0</v>
      </c>
      <c r="AG33" s="71">
        <v>0</v>
      </c>
      <c r="AH33" s="72">
        <v>0</v>
      </c>
      <c r="AI33" s="73">
        <v>3</v>
      </c>
      <c r="AJ33" s="70">
        <v>0</v>
      </c>
      <c r="AK33" s="71">
        <v>0</v>
      </c>
      <c r="AL33" s="72">
        <v>0</v>
      </c>
      <c r="AM33" s="244"/>
      <c r="AN33" s="71">
        <v>0</v>
      </c>
      <c r="AO33" s="71">
        <v>0</v>
      </c>
      <c r="AP33" s="71">
        <v>0</v>
      </c>
      <c r="AQ33" s="71">
        <v>2</v>
      </c>
      <c r="AR33" s="71">
        <v>0</v>
      </c>
      <c r="AS33" s="72">
        <v>2</v>
      </c>
      <c r="AT33" s="73">
        <v>2</v>
      </c>
      <c r="AU33" s="70">
        <v>0</v>
      </c>
      <c r="AV33" s="71">
        <v>0</v>
      </c>
      <c r="AW33" s="72">
        <v>0</v>
      </c>
      <c r="AX33" s="244"/>
      <c r="AY33" s="71">
        <v>1</v>
      </c>
      <c r="AZ33" s="71">
        <v>0</v>
      </c>
      <c r="BA33" s="71">
        <v>0</v>
      </c>
      <c r="BB33" s="71">
        <v>1</v>
      </c>
      <c r="BC33" s="71">
        <v>0</v>
      </c>
      <c r="BD33" s="72">
        <v>2</v>
      </c>
      <c r="BE33" s="73">
        <v>2</v>
      </c>
      <c r="BF33" s="70">
        <v>1</v>
      </c>
      <c r="BG33" s="71">
        <v>2</v>
      </c>
      <c r="BH33" s="72">
        <v>3</v>
      </c>
      <c r="BI33" s="244"/>
      <c r="BJ33" s="71">
        <v>3</v>
      </c>
      <c r="BK33" s="71">
        <v>0</v>
      </c>
      <c r="BL33" s="71">
        <v>0</v>
      </c>
      <c r="BM33" s="71">
        <v>2</v>
      </c>
      <c r="BN33" s="71">
        <v>0</v>
      </c>
      <c r="BO33" s="72">
        <v>5</v>
      </c>
      <c r="BP33" s="73">
        <v>8</v>
      </c>
      <c r="BQ33" s="70">
        <v>1</v>
      </c>
      <c r="BR33" s="71">
        <v>0</v>
      </c>
      <c r="BS33" s="72">
        <v>1</v>
      </c>
      <c r="BT33" s="244"/>
      <c r="BU33" s="71">
        <v>4</v>
      </c>
      <c r="BV33" s="71">
        <v>2</v>
      </c>
      <c r="BW33" s="71">
        <v>2</v>
      </c>
      <c r="BX33" s="71">
        <v>3</v>
      </c>
      <c r="BY33" s="71">
        <v>1</v>
      </c>
      <c r="BZ33" s="72">
        <v>12</v>
      </c>
      <c r="CA33" s="73">
        <v>13</v>
      </c>
      <c r="CB33" s="70">
        <v>0</v>
      </c>
      <c r="CC33" s="71">
        <v>0</v>
      </c>
      <c r="CD33" s="72">
        <v>0</v>
      </c>
      <c r="CE33" s="244"/>
      <c r="CF33" s="71">
        <v>0</v>
      </c>
      <c r="CG33" s="71">
        <v>0</v>
      </c>
      <c r="CH33" s="71">
        <v>0</v>
      </c>
      <c r="CI33" s="71">
        <v>0</v>
      </c>
      <c r="CJ33" s="71">
        <v>0</v>
      </c>
      <c r="CK33" s="72">
        <v>0</v>
      </c>
      <c r="CL33" s="73">
        <v>0</v>
      </c>
      <c r="CM33" s="70">
        <v>3</v>
      </c>
      <c r="CN33" s="71">
        <v>4</v>
      </c>
      <c r="CO33" s="72">
        <v>7</v>
      </c>
      <c r="CP33" s="244"/>
      <c r="CQ33" s="71">
        <v>8</v>
      </c>
      <c r="CR33" s="71">
        <v>2</v>
      </c>
      <c r="CS33" s="71">
        <v>2</v>
      </c>
      <c r="CT33" s="71">
        <v>8</v>
      </c>
      <c r="CU33" s="71">
        <v>1</v>
      </c>
      <c r="CV33" s="72">
        <v>21</v>
      </c>
      <c r="CW33" s="73">
        <v>28</v>
      </c>
      <c r="CX33" s="123">
        <v>1</v>
      </c>
      <c r="CY33" s="82">
        <v>1</v>
      </c>
      <c r="CZ33" s="83">
        <v>2</v>
      </c>
      <c r="DA33" s="241"/>
      <c r="DB33" s="82">
        <v>2</v>
      </c>
      <c r="DC33" s="82">
        <v>0</v>
      </c>
      <c r="DD33" s="82">
        <v>2</v>
      </c>
      <c r="DE33" s="82">
        <v>2</v>
      </c>
      <c r="DF33" s="82">
        <v>1</v>
      </c>
      <c r="DG33" s="84">
        <v>7</v>
      </c>
      <c r="DH33" s="85">
        <v>9</v>
      </c>
      <c r="DI33" s="70">
        <v>0</v>
      </c>
      <c r="DJ33" s="71">
        <v>0</v>
      </c>
      <c r="DK33" s="72">
        <v>0</v>
      </c>
      <c r="DL33" s="244"/>
      <c r="DM33" s="71">
        <v>0</v>
      </c>
      <c r="DN33" s="71">
        <v>0</v>
      </c>
      <c r="DO33" s="71">
        <v>0</v>
      </c>
      <c r="DP33" s="71">
        <v>0</v>
      </c>
      <c r="DQ33" s="71">
        <v>0</v>
      </c>
      <c r="DR33" s="72">
        <v>0</v>
      </c>
      <c r="DS33" s="73">
        <v>0</v>
      </c>
      <c r="DT33" s="70">
        <v>0</v>
      </c>
      <c r="DU33" s="71">
        <v>0</v>
      </c>
      <c r="DV33" s="72">
        <v>0</v>
      </c>
      <c r="DW33" s="244"/>
      <c r="DX33" s="71">
        <v>1</v>
      </c>
      <c r="DY33" s="71">
        <v>0</v>
      </c>
      <c r="DZ33" s="71">
        <v>0</v>
      </c>
      <c r="EA33" s="71">
        <v>0</v>
      </c>
      <c r="EB33" s="71">
        <v>0</v>
      </c>
      <c r="EC33" s="72">
        <v>1</v>
      </c>
      <c r="ED33" s="73">
        <v>1</v>
      </c>
      <c r="EE33" s="70">
        <v>0</v>
      </c>
      <c r="EF33" s="71">
        <v>0</v>
      </c>
      <c r="EG33" s="72">
        <v>0</v>
      </c>
      <c r="EH33" s="244"/>
      <c r="EI33" s="71">
        <v>0</v>
      </c>
      <c r="EJ33" s="71">
        <v>0</v>
      </c>
      <c r="EK33" s="71">
        <v>0</v>
      </c>
      <c r="EL33" s="71">
        <v>0</v>
      </c>
      <c r="EM33" s="71">
        <v>0</v>
      </c>
      <c r="EN33" s="72">
        <v>0</v>
      </c>
      <c r="EO33" s="73">
        <v>0</v>
      </c>
      <c r="EP33" s="70">
        <v>1</v>
      </c>
      <c r="EQ33" s="71">
        <v>0</v>
      </c>
      <c r="ER33" s="72">
        <v>1</v>
      </c>
      <c r="ES33" s="244"/>
      <c r="ET33" s="71">
        <v>1</v>
      </c>
      <c r="EU33" s="71">
        <v>0</v>
      </c>
      <c r="EV33" s="71">
        <v>0</v>
      </c>
      <c r="EW33" s="71">
        <v>0</v>
      </c>
      <c r="EX33" s="71">
        <v>0</v>
      </c>
      <c r="EY33" s="72">
        <v>1</v>
      </c>
      <c r="EZ33" s="73">
        <v>2</v>
      </c>
      <c r="FA33" s="70">
        <v>0</v>
      </c>
      <c r="FB33" s="71">
        <v>1</v>
      </c>
      <c r="FC33" s="72">
        <v>1</v>
      </c>
      <c r="FD33" s="244"/>
      <c r="FE33" s="71">
        <v>0</v>
      </c>
      <c r="FF33" s="71">
        <v>0</v>
      </c>
      <c r="FG33" s="71">
        <v>1</v>
      </c>
      <c r="FH33" s="71">
        <v>2</v>
      </c>
      <c r="FI33" s="71">
        <v>0</v>
      </c>
      <c r="FJ33" s="72">
        <v>3</v>
      </c>
      <c r="FK33" s="73">
        <v>4</v>
      </c>
      <c r="FL33" s="70">
        <v>0</v>
      </c>
      <c r="FM33" s="71">
        <v>0</v>
      </c>
      <c r="FN33" s="72">
        <v>0</v>
      </c>
      <c r="FO33" s="244"/>
      <c r="FP33" s="71">
        <v>0</v>
      </c>
      <c r="FQ33" s="71">
        <v>0</v>
      </c>
      <c r="FR33" s="71">
        <v>1</v>
      </c>
      <c r="FS33" s="71">
        <v>0</v>
      </c>
      <c r="FT33" s="71">
        <v>1</v>
      </c>
      <c r="FU33" s="72">
        <v>2</v>
      </c>
      <c r="FV33" s="73">
        <v>2</v>
      </c>
      <c r="FW33" s="70">
        <v>0</v>
      </c>
      <c r="FX33" s="71">
        <v>0</v>
      </c>
      <c r="FY33" s="72">
        <v>0</v>
      </c>
      <c r="FZ33" s="244"/>
      <c r="GA33" s="71">
        <v>0</v>
      </c>
      <c r="GB33" s="71">
        <v>0</v>
      </c>
      <c r="GC33" s="71">
        <v>0</v>
      </c>
      <c r="GD33" s="71">
        <v>0</v>
      </c>
      <c r="GE33" s="71">
        <v>0</v>
      </c>
      <c r="GF33" s="72">
        <v>0</v>
      </c>
      <c r="GG33" s="73">
        <v>0</v>
      </c>
      <c r="GH33" s="70">
        <v>1</v>
      </c>
      <c r="GI33" s="71">
        <v>1</v>
      </c>
      <c r="GJ33" s="72">
        <v>2</v>
      </c>
      <c r="GK33" s="244"/>
      <c r="GL33" s="71">
        <v>2</v>
      </c>
      <c r="GM33" s="71">
        <v>0</v>
      </c>
      <c r="GN33" s="71">
        <v>2</v>
      </c>
      <c r="GO33" s="71">
        <v>2</v>
      </c>
      <c r="GP33" s="71">
        <v>1</v>
      </c>
      <c r="GQ33" s="72">
        <v>7</v>
      </c>
      <c r="GR33" s="73">
        <v>9</v>
      </c>
      <c r="GS33" s="123">
        <v>4</v>
      </c>
      <c r="GT33" s="82">
        <v>5</v>
      </c>
      <c r="GU33" s="83">
        <v>9</v>
      </c>
      <c r="GV33" s="241"/>
      <c r="GW33" s="82">
        <v>10</v>
      </c>
      <c r="GX33" s="82">
        <v>2</v>
      </c>
      <c r="GY33" s="82">
        <v>4</v>
      </c>
      <c r="GZ33" s="82">
        <v>10</v>
      </c>
      <c r="HA33" s="82">
        <v>2</v>
      </c>
      <c r="HB33" s="84">
        <v>28</v>
      </c>
      <c r="HC33" s="85">
        <v>37</v>
      </c>
      <c r="HD33" s="70">
        <v>0</v>
      </c>
      <c r="HE33" s="71">
        <v>0</v>
      </c>
      <c r="HF33" s="72">
        <v>0</v>
      </c>
      <c r="HG33" s="244"/>
      <c r="HH33" s="71">
        <v>0</v>
      </c>
      <c r="HI33" s="71">
        <v>0</v>
      </c>
      <c r="HJ33" s="71">
        <v>0</v>
      </c>
      <c r="HK33" s="71">
        <v>0</v>
      </c>
      <c r="HL33" s="71">
        <v>0</v>
      </c>
      <c r="HM33" s="72">
        <v>0</v>
      </c>
      <c r="HN33" s="73">
        <v>0</v>
      </c>
      <c r="HO33" s="70">
        <v>1</v>
      </c>
      <c r="HP33" s="71">
        <v>2</v>
      </c>
      <c r="HQ33" s="72">
        <v>3</v>
      </c>
      <c r="HR33" s="244"/>
      <c r="HS33" s="71">
        <v>1</v>
      </c>
      <c r="HT33" s="71">
        <v>0</v>
      </c>
      <c r="HU33" s="71">
        <v>0</v>
      </c>
      <c r="HV33" s="71">
        <v>0</v>
      </c>
      <c r="HW33" s="71">
        <v>0</v>
      </c>
      <c r="HX33" s="72">
        <v>1</v>
      </c>
      <c r="HY33" s="73">
        <v>4</v>
      </c>
      <c r="HZ33" s="70">
        <v>0</v>
      </c>
      <c r="IA33" s="71">
        <v>0</v>
      </c>
      <c r="IB33" s="72">
        <v>0</v>
      </c>
      <c r="IC33" s="244"/>
      <c r="ID33" s="71">
        <v>0</v>
      </c>
      <c r="IE33" s="71">
        <v>0</v>
      </c>
      <c r="IF33" s="71">
        <v>0</v>
      </c>
      <c r="IG33" s="71">
        <v>2</v>
      </c>
      <c r="IH33" s="71">
        <v>0</v>
      </c>
      <c r="II33" s="72">
        <v>2</v>
      </c>
      <c r="IJ33" s="73">
        <v>2</v>
      </c>
      <c r="IK33" s="70">
        <v>1</v>
      </c>
      <c r="IL33" s="71">
        <v>0</v>
      </c>
      <c r="IM33" s="72">
        <v>1</v>
      </c>
      <c r="IN33" s="244"/>
      <c r="IO33" s="71">
        <v>2</v>
      </c>
      <c r="IP33" s="71">
        <v>0</v>
      </c>
      <c r="IQ33" s="71">
        <v>0</v>
      </c>
      <c r="IR33" s="71">
        <v>1</v>
      </c>
      <c r="IS33" s="71">
        <v>0</v>
      </c>
      <c r="IT33" s="72">
        <v>3</v>
      </c>
      <c r="IU33" s="73">
        <v>4</v>
      </c>
      <c r="IV33" s="70">
        <v>1</v>
      </c>
      <c r="IW33" s="71">
        <v>3</v>
      </c>
      <c r="IX33" s="72">
        <v>4</v>
      </c>
      <c r="IY33" s="244"/>
      <c r="IZ33" s="71">
        <v>3</v>
      </c>
      <c r="JA33" s="71">
        <v>0</v>
      </c>
      <c r="JB33" s="71">
        <v>1</v>
      </c>
      <c r="JC33" s="71">
        <v>4</v>
      </c>
      <c r="JD33" s="71">
        <v>0</v>
      </c>
      <c r="JE33" s="72">
        <v>8</v>
      </c>
      <c r="JF33" s="73">
        <v>12</v>
      </c>
      <c r="JG33" s="70">
        <v>1</v>
      </c>
      <c r="JH33" s="71">
        <v>0</v>
      </c>
      <c r="JI33" s="72">
        <v>1</v>
      </c>
      <c r="JJ33" s="244"/>
      <c r="JK33" s="71">
        <v>4</v>
      </c>
      <c r="JL33" s="71">
        <v>2</v>
      </c>
      <c r="JM33" s="71">
        <v>3</v>
      </c>
      <c r="JN33" s="71">
        <v>3</v>
      </c>
      <c r="JO33" s="71">
        <v>2</v>
      </c>
      <c r="JP33" s="72">
        <v>14</v>
      </c>
      <c r="JQ33" s="73">
        <v>15</v>
      </c>
      <c r="JR33" s="70">
        <v>0</v>
      </c>
      <c r="JS33" s="71">
        <v>0</v>
      </c>
      <c r="JT33" s="72">
        <v>0</v>
      </c>
      <c r="JU33" s="244"/>
      <c r="JV33" s="71">
        <v>0</v>
      </c>
      <c r="JW33" s="71">
        <v>0</v>
      </c>
      <c r="JX33" s="71">
        <v>0</v>
      </c>
      <c r="JY33" s="71">
        <v>0</v>
      </c>
      <c r="JZ33" s="71">
        <v>0</v>
      </c>
      <c r="KA33" s="72">
        <v>0</v>
      </c>
      <c r="KB33" s="73">
        <v>0</v>
      </c>
      <c r="KC33" s="70">
        <v>4</v>
      </c>
      <c r="KD33" s="71">
        <v>5</v>
      </c>
      <c r="KE33" s="72">
        <v>9</v>
      </c>
      <c r="KF33" s="244"/>
      <c r="KG33" s="71">
        <v>10</v>
      </c>
      <c r="KH33" s="71">
        <v>2</v>
      </c>
      <c r="KI33" s="71">
        <v>4</v>
      </c>
      <c r="KJ33" s="71">
        <v>10</v>
      </c>
      <c r="KK33" s="71">
        <v>2</v>
      </c>
      <c r="KL33" s="72">
        <v>28</v>
      </c>
      <c r="KM33" s="73">
        <v>37</v>
      </c>
    </row>
    <row r="34" spans="2:299" ht="21" customHeight="1" x14ac:dyDescent="0.2">
      <c r="B34" s="126" t="s">
        <v>31</v>
      </c>
      <c r="C34" s="315">
        <v>5</v>
      </c>
      <c r="D34" s="82">
        <v>7</v>
      </c>
      <c r="E34" s="83">
        <v>12</v>
      </c>
      <c r="F34" s="241"/>
      <c r="G34" s="82">
        <v>9</v>
      </c>
      <c r="H34" s="82">
        <v>10</v>
      </c>
      <c r="I34" s="82">
        <v>5</v>
      </c>
      <c r="J34" s="82">
        <v>3</v>
      </c>
      <c r="K34" s="82">
        <v>1</v>
      </c>
      <c r="L34" s="84">
        <v>28</v>
      </c>
      <c r="M34" s="85">
        <v>40</v>
      </c>
      <c r="N34" s="70">
        <v>0</v>
      </c>
      <c r="O34" s="71">
        <v>0</v>
      </c>
      <c r="P34" s="72">
        <v>0</v>
      </c>
      <c r="Q34" s="244"/>
      <c r="R34" s="71">
        <v>0</v>
      </c>
      <c r="S34" s="71">
        <v>0</v>
      </c>
      <c r="T34" s="71">
        <v>0</v>
      </c>
      <c r="U34" s="71">
        <v>1</v>
      </c>
      <c r="V34" s="71">
        <v>0</v>
      </c>
      <c r="W34" s="72">
        <v>1</v>
      </c>
      <c r="X34" s="73">
        <v>1</v>
      </c>
      <c r="Y34" s="70">
        <v>0</v>
      </c>
      <c r="Z34" s="71">
        <v>2</v>
      </c>
      <c r="AA34" s="72">
        <v>2</v>
      </c>
      <c r="AB34" s="244"/>
      <c r="AC34" s="71">
        <v>1</v>
      </c>
      <c r="AD34" s="71">
        <v>0</v>
      </c>
      <c r="AE34" s="71">
        <v>0</v>
      </c>
      <c r="AF34" s="71">
        <v>0</v>
      </c>
      <c r="AG34" s="71">
        <v>0</v>
      </c>
      <c r="AH34" s="72">
        <v>1</v>
      </c>
      <c r="AI34" s="73">
        <v>3</v>
      </c>
      <c r="AJ34" s="70">
        <v>0</v>
      </c>
      <c r="AK34" s="71">
        <v>1</v>
      </c>
      <c r="AL34" s="72">
        <v>1</v>
      </c>
      <c r="AM34" s="244"/>
      <c r="AN34" s="71">
        <v>0</v>
      </c>
      <c r="AO34" s="71">
        <v>0</v>
      </c>
      <c r="AP34" s="71">
        <v>0</v>
      </c>
      <c r="AQ34" s="71">
        <v>1</v>
      </c>
      <c r="AR34" s="71">
        <v>0</v>
      </c>
      <c r="AS34" s="72">
        <v>1</v>
      </c>
      <c r="AT34" s="73">
        <v>2</v>
      </c>
      <c r="AU34" s="70">
        <v>0</v>
      </c>
      <c r="AV34" s="71">
        <v>1</v>
      </c>
      <c r="AW34" s="72">
        <v>1</v>
      </c>
      <c r="AX34" s="244"/>
      <c r="AY34" s="71">
        <v>4</v>
      </c>
      <c r="AZ34" s="71">
        <v>2</v>
      </c>
      <c r="BA34" s="71">
        <v>1</v>
      </c>
      <c r="BB34" s="71">
        <v>0</v>
      </c>
      <c r="BC34" s="71">
        <v>0</v>
      </c>
      <c r="BD34" s="72">
        <v>7</v>
      </c>
      <c r="BE34" s="73">
        <v>8</v>
      </c>
      <c r="BF34" s="70">
        <v>1</v>
      </c>
      <c r="BG34" s="71">
        <v>1</v>
      </c>
      <c r="BH34" s="72">
        <v>2</v>
      </c>
      <c r="BI34" s="244"/>
      <c r="BJ34" s="71">
        <v>2</v>
      </c>
      <c r="BK34" s="71">
        <v>5</v>
      </c>
      <c r="BL34" s="71">
        <v>0</v>
      </c>
      <c r="BM34" s="71">
        <v>0</v>
      </c>
      <c r="BN34" s="71">
        <v>0</v>
      </c>
      <c r="BO34" s="72">
        <v>7</v>
      </c>
      <c r="BP34" s="73">
        <v>9</v>
      </c>
      <c r="BQ34" s="70">
        <v>4</v>
      </c>
      <c r="BR34" s="71">
        <v>2</v>
      </c>
      <c r="BS34" s="72">
        <v>6</v>
      </c>
      <c r="BT34" s="244"/>
      <c r="BU34" s="71">
        <v>2</v>
      </c>
      <c r="BV34" s="71">
        <v>3</v>
      </c>
      <c r="BW34" s="71">
        <v>4</v>
      </c>
      <c r="BX34" s="71">
        <v>1</v>
      </c>
      <c r="BY34" s="71">
        <v>1</v>
      </c>
      <c r="BZ34" s="72">
        <v>11</v>
      </c>
      <c r="CA34" s="73">
        <v>17</v>
      </c>
      <c r="CB34" s="70">
        <v>0</v>
      </c>
      <c r="CC34" s="71">
        <v>0</v>
      </c>
      <c r="CD34" s="72">
        <v>0</v>
      </c>
      <c r="CE34" s="244"/>
      <c r="CF34" s="71">
        <v>0</v>
      </c>
      <c r="CG34" s="71">
        <v>0</v>
      </c>
      <c r="CH34" s="71">
        <v>0</v>
      </c>
      <c r="CI34" s="71">
        <v>0</v>
      </c>
      <c r="CJ34" s="71">
        <v>0</v>
      </c>
      <c r="CK34" s="72">
        <v>0</v>
      </c>
      <c r="CL34" s="73">
        <v>0</v>
      </c>
      <c r="CM34" s="70">
        <v>5</v>
      </c>
      <c r="CN34" s="71">
        <v>7</v>
      </c>
      <c r="CO34" s="72">
        <v>12</v>
      </c>
      <c r="CP34" s="244"/>
      <c r="CQ34" s="71">
        <v>9</v>
      </c>
      <c r="CR34" s="71">
        <v>10</v>
      </c>
      <c r="CS34" s="71">
        <v>5</v>
      </c>
      <c r="CT34" s="71">
        <v>3</v>
      </c>
      <c r="CU34" s="71">
        <v>1</v>
      </c>
      <c r="CV34" s="72">
        <v>28</v>
      </c>
      <c r="CW34" s="73">
        <v>40</v>
      </c>
      <c r="CX34" s="123">
        <v>1</v>
      </c>
      <c r="CY34" s="82">
        <v>2</v>
      </c>
      <c r="CZ34" s="83">
        <v>3</v>
      </c>
      <c r="DA34" s="241"/>
      <c r="DB34" s="82">
        <v>1</v>
      </c>
      <c r="DC34" s="82">
        <v>4</v>
      </c>
      <c r="DD34" s="82">
        <v>0</v>
      </c>
      <c r="DE34" s="82">
        <v>1</v>
      </c>
      <c r="DF34" s="82">
        <v>0</v>
      </c>
      <c r="DG34" s="84">
        <v>6</v>
      </c>
      <c r="DH34" s="85">
        <v>9</v>
      </c>
      <c r="DI34" s="70">
        <v>0</v>
      </c>
      <c r="DJ34" s="71">
        <v>0</v>
      </c>
      <c r="DK34" s="72">
        <v>0</v>
      </c>
      <c r="DL34" s="244"/>
      <c r="DM34" s="71">
        <v>0</v>
      </c>
      <c r="DN34" s="71">
        <v>0</v>
      </c>
      <c r="DO34" s="71">
        <v>0</v>
      </c>
      <c r="DP34" s="71">
        <v>0</v>
      </c>
      <c r="DQ34" s="71">
        <v>0</v>
      </c>
      <c r="DR34" s="72">
        <v>0</v>
      </c>
      <c r="DS34" s="73">
        <v>0</v>
      </c>
      <c r="DT34" s="70">
        <v>0</v>
      </c>
      <c r="DU34" s="71">
        <v>0</v>
      </c>
      <c r="DV34" s="72">
        <v>0</v>
      </c>
      <c r="DW34" s="244"/>
      <c r="DX34" s="71">
        <v>0</v>
      </c>
      <c r="DY34" s="71">
        <v>0</v>
      </c>
      <c r="DZ34" s="71">
        <v>0</v>
      </c>
      <c r="EA34" s="71">
        <v>0</v>
      </c>
      <c r="EB34" s="71">
        <v>0</v>
      </c>
      <c r="EC34" s="72">
        <v>0</v>
      </c>
      <c r="ED34" s="73">
        <v>0</v>
      </c>
      <c r="EE34" s="70">
        <v>0</v>
      </c>
      <c r="EF34" s="71">
        <v>0</v>
      </c>
      <c r="EG34" s="72">
        <v>0</v>
      </c>
      <c r="EH34" s="244"/>
      <c r="EI34" s="71">
        <v>1</v>
      </c>
      <c r="EJ34" s="71">
        <v>0</v>
      </c>
      <c r="EK34" s="71">
        <v>0</v>
      </c>
      <c r="EL34" s="71">
        <v>0</v>
      </c>
      <c r="EM34" s="71">
        <v>0</v>
      </c>
      <c r="EN34" s="72">
        <v>1</v>
      </c>
      <c r="EO34" s="73">
        <v>1</v>
      </c>
      <c r="EP34" s="70">
        <v>1</v>
      </c>
      <c r="EQ34" s="71">
        <v>1</v>
      </c>
      <c r="ER34" s="72">
        <v>2</v>
      </c>
      <c r="ES34" s="244"/>
      <c r="ET34" s="71">
        <v>0</v>
      </c>
      <c r="EU34" s="71">
        <v>2</v>
      </c>
      <c r="EV34" s="71">
        <v>0</v>
      </c>
      <c r="EW34" s="71">
        <v>0</v>
      </c>
      <c r="EX34" s="71">
        <v>0</v>
      </c>
      <c r="EY34" s="72">
        <v>2</v>
      </c>
      <c r="EZ34" s="73">
        <v>4</v>
      </c>
      <c r="FA34" s="70">
        <v>0</v>
      </c>
      <c r="FB34" s="71">
        <v>1</v>
      </c>
      <c r="FC34" s="72">
        <v>1</v>
      </c>
      <c r="FD34" s="244"/>
      <c r="FE34" s="71">
        <v>0</v>
      </c>
      <c r="FF34" s="71">
        <v>0</v>
      </c>
      <c r="FG34" s="71">
        <v>0</v>
      </c>
      <c r="FH34" s="71">
        <v>0</v>
      </c>
      <c r="FI34" s="71">
        <v>0</v>
      </c>
      <c r="FJ34" s="72">
        <v>0</v>
      </c>
      <c r="FK34" s="73">
        <v>1</v>
      </c>
      <c r="FL34" s="70">
        <v>0</v>
      </c>
      <c r="FM34" s="71">
        <v>0</v>
      </c>
      <c r="FN34" s="72">
        <v>0</v>
      </c>
      <c r="FO34" s="244"/>
      <c r="FP34" s="71">
        <v>0</v>
      </c>
      <c r="FQ34" s="71">
        <v>2</v>
      </c>
      <c r="FR34" s="71">
        <v>0</v>
      </c>
      <c r="FS34" s="71">
        <v>1</v>
      </c>
      <c r="FT34" s="71">
        <v>0</v>
      </c>
      <c r="FU34" s="72">
        <v>3</v>
      </c>
      <c r="FV34" s="73">
        <v>3</v>
      </c>
      <c r="FW34" s="70">
        <v>0</v>
      </c>
      <c r="FX34" s="71">
        <v>0</v>
      </c>
      <c r="FY34" s="72">
        <v>0</v>
      </c>
      <c r="FZ34" s="244"/>
      <c r="GA34" s="71">
        <v>0</v>
      </c>
      <c r="GB34" s="71">
        <v>0</v>
      </c>
      <c r="GC34" s="71">
        <v>0</v>
      </c>
      <c r="GD34" s="71">
        <v>0</v>
      </c>
      <c r="GE34" s="71">
        <v>0</v>
      </c>
      <c r="GF34" s="72">
        <v>0</v>
      </c>
      <c r="GG34" s="73">
        <v>0</v>
      </c>
      <c r="GH34" s="70">
        <v>1</v>
      </c>
      <c r="GI34" s="71">
        <v>2</v>
      </c>
      <c r="GJ34" s="72">
        <v>3</v>
      </c>
      <c r="GK34" s="244"/>
      <c r="GL34" s="71">
        <v>1</v>
      </c>
      <c r="GM34" s="71">
        <v>4</v>
      </c>
      <c r="GN34" s="71">
        <v>0</v>
      </c>
      <c r="GO34" s="71">
        <v>1</v>
      </c>
      <c r="GP34" s="71">
        <v>0</v>
      </c>
      <c r="GQ34" s="72">
        <v>6</v>
      </c>
      <c r="GR34" s="73">
        <v>9</v>
      </c>
      <c r="GS34" s="123">
        <v>6</v>
      </c>
      <c r="GT34" s="82">
        <v>9</v>
      </c>
      <c r="GU34" s="83">
        <v>15</v>
      </c>
      <c r="GV34" s="241"/>
      <c r="GW34" s="82">
        <v>10</v>
      </c>
      <c r="GX34" s="82">
        <v>14</v>
      </c>
      <c r="GY34" s="82">
        <v>5</v>
      </c>
      <c r="GZ34" s="82">
        <v>4</v>
      </c>
      <c r="HA34" s="82">
        <v>1</v>
      </c>
      <c r="HB34" s="84">
        <v>34</v>
      </c>
      <c r="HC34" s="85">
        <v>49</v>
      </c>
      <c r="HD34" s="70">
        <v>0</v>
      </c>
      <c r="HE34" s="71">
        <v>0</v>
      </c>
      <c r="HF34" s="72">
        <v>0</v>
      </c>
      <c r="HG34" s="244"/>
      <c r="HH34" s="71">
        <v>0</v>
      </c>
      <c r="HI34" s="71">
        <v>0</v>
      </c>
      <c r="HJ34" s="71">
        <v>0</v>
      </c>
      <c r="HK34" s="71">
        <v>1</v>
      </c>
      <c r="HL34" s="71">
        <v>0</v>
      </c>
      <c r="HM34" s="72">
        <v>1</v>
      </c>
      <c r="HN34" s="73">
        <v>1</v>
      </c>
      <c r="HO34" s="70">
        <v>0</v>
      </c>
      <c r="HP34" s="71">
        <v>2</v>
      </c>
      <c r="HQ34" s="72">
        <v>2</v>
      </c>
      <c r="HR34" s="244"/>
      <c r="HS34" s="71">
        <v>1</v>
      </c>
      <c r="HT34" s="71">
        <v>0</v>
      </c>
      <c r="HU34" s="71">
        <v>0</v>
      </c>
      <c r="HV34" s="71">
        <v>0</v>
      </c>
      <c r="HW34" s="71">
        <v>0</v>
      </c>
      <c r="HX34" s="72">
        <v>1</v>
      </c>
      <c r="HY34" s="73">
        <v>3</v>
      </c>
      <c r="HZ34" s="70">
        <v>0</v>
      </c>
      <c r="IA34" s="71">
        <v>1</v>
      </c>
      <c r="IB34" s="72">
        <v>1</v>
      </c>
      <c r="IC34" s="244"/>
      <c r="ID34" s="71">
        <v>1</v>
      </c>
      <c r="IE34" s="71">
        <v>0</v>
      </c>
      <c r="IF34" s="71">
        <v>0</v>
      </c>
      <c r="IG34" s="71">
        <v>1</v>
      </c>
      <c r="IH34" s="71">
        <v>0</v>
      </c>
      <c r="II34" s="72">
        <v>2</v>
      </c>
      <c r="IJ34" s="73">
        <v>3</v>
      </c>
      <c r="IK34" s="70">
        <v>1</v>
      </c>
      <c r="IL34" s="71">
        <v>2</v>
      </c>
      <c r="IM34" s="72">
        <v>3</v>
      </c>
      <c r="IN34" s="244"/>
      <c r="IO34" s="71">
        <v>4</v>
      </c>
      <c r="IP34" s="71">
        <v>4</v>
      </c>
      <c r="IQ34" s="71">
        <v>1</v>
      </c>
      <c r="IR34" s="71">
        <v>0</v>
      </c>
      <c r="IS34" s="71">
        <v>0</v>
      </c>
      <c r="IT34" s="72">
        <v>9</v>
      </c>
      <c r="IU34" s="73">
        <v>12</v>
      </c>
      <c r="IV34" s="70">
        <v>1</v>
      </c>
      <c r="IW34" s="71">
        <v>2</v>
      </c>
      <c r="IX34" s="72">
        <v>3</v>
      </c>
      <c r="IY34" s="244"/>
      <c r="IZ34" s="71">
        <v>2</v>
      </c>
      <c r="JA34" s="71">
        <v>5</v>
      </c>
      <c r="JB34" s="71">
        <v>0</v>
      </c>
      <c r="JC34" s="71">
        <v>0</v>
      </c>
      <c r="JD34" s="71">
        <v>0</v>
      </c>
      <c r="JE34" s="72">
        <v>7</v>
      </c>
      <c r="JF34" s="73">
        <v>10</v>
      </c>
      <c r="JG34" s="70">
        <v>4</v>
      </c>
      <c r="JH34" s="71">
        <v>2</v>
      </c>
      <c r="JI34" s="72">
        <v>6</v>
      </c>
      <c r="JJ34" s="244"/>
      <c r="JK34" s="71">
        <v>2</v>
      </c>
      <c r="JL34" s="71">
        <v>5</v>
      </c>
      <c r="JM34" s="71">
        <v>4</v>
      </c>
      <c r="JN34" s="71">
        <v>2</v>
      </c>
      <c r="JO34" s="71">
        <v>1</v>
      </c>
      <c r="JP34" s="72">
        <v>14</v>
      </c>
      <c r="JQ34" s="73">
        <v>20</v>
      </c>
      <c r="JR34" s="70">
        <v>0</v>
      </c>
      <c r="JS34" s="71">
        <v>0</v>
      </c>
      <c r="JT34" s="72">
        <v>0</v>
      </c>
      <c r="JU34" s="244"/>
      <c r="JV34" s="71">
        <v>0</v>
      </c>
      <c r="JW34" s="71">
        <v>0</v>
      </c>
      <c r="JX34" s="71">
        <v>0</v>
      </c>
      <c r="JY34" s="71">
        <v>0</v>
      </c>
      <c r="JZ34" s="71">
        <v>0</v>
      </c>
      <c r="KA34" s="72">
        <v>0</v>
      </c>
      <c r="KB34" s="73">
        <v>0</v>
      </c>
      <c r="KC34" s="70">
        <v>6</v>
      </c>
      <c r="KD34" s="71">
        <v>9</v>
      </c>
      <c r="KE34" s="72">
        <v>15</v>
      </c>
      <c r="KF34" s="244"/>
      <c r="KG34" s="71">
        <v>10</v>
      </c>
      <c r="KH34" s="71">
        <v>14</v>
      </c>
      <c r="KI34" s="71">
        <v>5</v>
      </c>
      <c r="KJ34" s="71">
        <v>4</v>
      </c>
      <c r="KK34" s="71">
        <v>1</v>
      </c>
      <c r="KL34" s="72">
        <v>34</v>
      </c>
      <c r="KM34" s="73">
        <v>49</v>
      </c>
    </row>
    <row r="35" spans="2:299" ht="21" customHeight="1" x14ac:dyDescent="0.2">
      <c r="B35" s="126" t="s">
        <v>32</v>
      </c>
      <c r="C35" s="315">
        <v>1</v>
      </c>
      <c r="D35" s="82">
        <v>6</v>
      </c>
      <c r="E35" s="83">
        <v>7</v>
      </c>
      <c r="F35" s="241"/>
      <c r="G35" s="82">
        <v>8</v>
      </c>
      <c r="H35" s="82">
        <v>14</v>
      </c>
      <c r="I35" s="82">
        <v>5</v>
      </c>
      <c r="J35" s="82">
        <v>4</v>
      </c>
      <c r="K35" s="82">
        <v>1</v>
      </c>
      <c r="L35" s="84">
        <v>32</v>
      </c>
      <c r="M35" s="85">
        <v>39</v>
      </c>
      <c r="N35" s="70">
        <v>0</v>
      </c>
      <c r="O35" s="71">
        <v>0</v>
      </c>
      <c r="P35" s="72">
        <v>0</v>
      </c>
      <c r="Q35" s="244"/>
      <c r="R35" s="71">
        <v>0</v>
      </c>
      <c r="S35" s="71">
        <v>0</v>
      </c>
      <c r="T35" s="71">
        <v>0</v>
      </c>
      <c r="U35" s="71">
        <v>0</v>
      </c>
      <c r="V35" s="71">
        <v>0</v>
      </c>
      <c r="W35" s="72">
        <v>0</v>
      </c>
      <c r="X35" s="73">
        <v>0</v>
      </c>
      <c r="Y35" s="70">
        <v>1</v>
      </c>
      <c r="Z35" s="71">
        <v>0</v>
      </c>
      <c r="AA35" s="72">
        <v>1</v>
      </c>
      <c r="AB35" s="244"/>
      <c r="AC35" s="71">
        <v>0</v>
      </c>
      <c r="AD35" s="71">
        <v>0</v>
      </c>
      <c r="AE35" s="71">
        <v>0</v>
      </c>
      <c r="AF35" s="71">
        <v>0</v>
      </c>
      <c r="AG35" s="71">
        <v>0</v>
      </c>
      <c r="AH35" s="72">
        <v>0</v>
      </c>
      <c r="AI35" s="73">
        <v>1</v>
      </c>
      <c r="AJ35" s="70">
        <v>0</v>
      </c>
      <c r="AK35" s="71">
        <v>0</v>
      </c>
      <c r="AL35" s="72">
        <v>0</v>
      </c>
      <c r="AM35" s="244"/>
      <c r="AN35" s="71">
        <v>0</v>
      </c>
      <c r="AO35" s="71">
        <v>2</v>
      </c>
      <c r="AP35" s="71">
        <v>1</v>
      </c>
      <c r="AQ35" s="71">
        <v>1</v>
      </c>
      <c r="AR35" s="71">
        <v>0</v>
      </c>
      <c r="AS35" s="72">
        <v>4</v>
      </c>
      <c r="AT35" s="73">
        <v>4</v>
      </c>
      <c r="AU35" s="70">
        <v>0</v>
      </c>
      <c r="AV35" s="71">
        <v>1</v>
      </c>
      <c r="AW35" s="72">
        <v>1</v>
      </c>
      <c r="AX35" s="244"/>
      <c r="AY35" s="71">
        <v>2</v>
      </c>
      <c r="AZ35" s="71">
        <v>1</v>
      </c>
      <c r="BA35" s="71">
        <v>1</v>
      </c>
      <c r="BB35" s="71">
        <v>0</v>
      </c>
      <c r="BC35" s="71">
        <v>0</v>
      </c>
      <c r="BD35" s="72">
        <v>4</v>
      </c>
      <c r="BE35" s="73">
        <v>5</v>
      </c>
      <c r="BF35" s="70">
        <v>0</v>
      </c>
      <c r="BG35" s="71">
        <v>4</v>
      </c>
      <c r="BH35" s="72">
        <v>4</v>
      </c>
      <c r="BI35" s="244"/>
      <c r="BJ35" s="71">
        <v>3</v>
      </c>
      <c r="BK35" s="71">
        <v>6</v>
      </c>
      <c r="BL35" s="71">
        <v>1</v>
      </c>
      <c r="BM35" s="71">
        <v>2</v>
      </c>
      <c r="BN35" s="71">
        <v>1</v>
      </c>
      <c r="BO35" s="72">
        <v>13</v>
      </c>
      <c r="BP35" s="73">
        <v>17</v>
      </c>
      <c r="BQ35" s="70">
        <v>0</v>
      </c>
      <c r="BR35" s="71">
        <v>1</v>
      </c>
      <c r="BS35" s="72">
        <v>1</v>
      </c>
      <c r="BT35" s="244"/>
      <c r="BU35" s="71">
        <v>3</v>
      </c>
      <c r="BV35" s="71">
        <v>5</v>
      </c>
      <c r="BW35" s="71">
        <v>2</v>
      </c>
      <c r="BX35" s="71">
        <v>1</v>
      </c>
      <c r="BY35" s="71">
        <v>0</v>
      </c>
      <c r="BZ35" s="72">
        <v>11</v>
      </c>
      <c r="CA35" s="73">
        <v>12</v>
      </c>
      <c r="CB35" s="70">
        <v>0</v>
      </c>
      <c r="CC35" s="71">
        <v>0</v>
      </c>
      <c r="CD35" s="72">
        <v>0</v>
      </c>
      <c r="CE35" s="244"/>
      <c r="CF35" s="71">
        <v>0</v>
      </c>
      <c r="CG35" s="71">
        <v>0</v>
      </c>
      <c r="CH35" s="71">
        <v>0</v>
      </c>
      <c r="CI35" s="71">
        <v>0</v>
      </c>
      <c r="CJ35" s="71">
        <v>0</v>
      </c>
      <c r="CK35" s="72">
        <v>0</v>
      </c>
      <c r="CL35" s="73">
        <v>0</v>
      </c>
      <c r="CM35" s="70">
        <v>1</v>
      </c>
      <c r="CN35" s="71">
        <v>6</v>
      </c>
      <c r="CO35" s="72">
        <v>7</v>
      </c>
      <c r="CP35" s="244"/>
      <c r="CQ35" s="71">
        <v>8</v>
      </c>
      <c r="CR35" s="71">
        <v>14</v>
      </c>
      <c r="CS35" s="71">
        <v>5</v>
      </c>
      <c r="CT35" s="71">
        <v>4</v>
      </c>
      <c r="CU35" s="71">
        <v>1</v>
      </c>
      <c r="CV35" s="72">
        <v>32</v>
      </c>
      <c r="CW35" s="73">
        <v>39</v>
      </c>
      <c r="CX35" s="123">
        <v>0</v>
      </c>
      <c r="CY35" s="82">
        <v>0</v>
      </c>
      <c r="CZ35" s="83">
        <v>0</v>
      </c>
      <c r="DA35" s="241"/>
      <c r="DB35" s="82">
        <v>1</v>
      </c>
      <c r="DC35" s="82">
        <v>2</v>
      </c>
      <c r="DD35" s="82">
        <v>4</v>
      </c>
      <c r="DE35" s="82">
        <v>4</v>
      </c>
      <c r="DF35" s="82">
        <v>1</v>
      </c>
      <c r="DG35" s="84">
        <v>12</v>
      </c>
      <c r="DH35" s="85">
        <v>12</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0</v>
      </c>
      <c r="EG35" s="72">
        <v>0</v>
      </c>
      <c r="EH35" s="244"/>
      <c r="EI35" s="71">
        <v>0</v>
      </c>
      <c r="EJ35" s="71">
        <v>0</v>
      </c>
      <c r="EK35" s="71">
        <v>0</v>
      </c>
      <c r="EL35" s="71">
        <v>0</v>
      </c>
      <c r="EM35" s="71">
        <v>0</v>
      </c>
      <c r="EN35" s="72">
        <v>0</v>
      </c>
      <c r="EO35" s="73">
        <v>0</v>
      </c>
      <c r="EP35" s="70">
        <v>0</v>
      </c>
      <c r="EQ35" s="71">
        <v>0</v>
      </c>
      <c r="ER35" s="72">
        <v>0</v>
      </c>
      <c r="ES35" s="244"/>
      <c r="ET35" s="71">
        <v>1</v>
      </c>
      <c r="EU35" s="71">
        <v>1</v>
      </c>
      <c r="EV35" s="71">
        <v>1</v>
      </c>
      <c r="EW35" s="71">
        <v>0</v>
      </c>
      <c r="EX35" s="71">
        <v>0</v>
      </c>
      <c r="EY35" s="72">
        <v>3</v>
      </c>
      <c r="EZ35" s="73">
        <v>3</v>
      </c>
      <c r="FA35" s="70">
        <v>0</v>
      </c>
      <c r="FB35" s="71">
        <v>0</v>
      </c>
      <c r="FC35" s="72">
        <v>0</v>
      </c>
      <c r="FD35" s="244"/>
      <c r="FE35" s="71">
        <v>0</v>
      </c>
      <c r="FF35" s="71">
        <v>0</v>
      </c>
      <c r="FG35" s="71">
        <v>2</v>
      </c>
      <c r="FH35" s="71">
        <v>2</v>
      </c>
      <c r="FI35" s="71">
        <v>0</v>
      </c>
      <c r="FJ35" s="72">
        <v>4</v>
      </c>
      <c r="FK35" s="73">
        <v>4</v>
      </c>
      <c r="FL35" s="70">
        <v>0</v>
      </c>
      <c r="FM35" s="71">
        <v>0</v>
      </c>
      <c r="FN35" s="72">
        <v>0</v>
      </c>
      <c r="FO35" s="244"/>
      <c r="FP35" s="71">
        <v>0</v>
      </c>
      <c r="FQ35" s="71">
        <v>1</v>
      </c>
      <c r="FR35" s="71">
        <v>1</v>
      </c>
      <c r="FS35" s="71">
        <v>2</v>
      </c>
      <c r="FT35" s="71">
        <v>1</v>
      </c>
      <c r="FU35" s="72">
        <v>5</v>
      </c>
      <c r="FV35" s="73">
        <v>5</v>
      </c>
      <c r="FW35" s="70">
        <v>0</v>
      </c>
      <c r="FX35" s="71">
        <v>0</v>
      </c>
      <c r="FY35" s="72">
        <v>0</v>
      </c>
      <c r="FZ35" s="244"/>
      <c r="GA35" s="71">
        <v>0</v>
      </c>
      <c r="GB35" s="71">
        <v>0</v>
      </c>
      <c r="GC35" s="71">
        <v>0</v>
      </c>
      <c r="GD35" s="71">
        <v>0</v>
      </c>
      <c r="GE35" s="71">
        <v>0</v>
      </c>
      <c r="GF35" s="72">
        <v>0</v>
      </c>
      <c r="GG35" s="73">
        <v>0</v>
      </c>
      <c r="GH35" s="70">
        <v>0</v>
      </c>
      <c r="GI35" s="71">
        <v>0</v>
      </c>
      <c r="GJ35" s="72">
        <v>0</v>
      </c>
      <c r="GK35" s="244"/>
      <c r="GL35" s="71">
        <v>1</v>
      </c>
      <c r="GM35" s="71">
        <v>2</v>
      </c>
      <c r="GN35" s="71">
        <v>4</v>
      </c>
      <c r="GO35" s="71">
        <v>4</v>
      </c>
      <c r="GP35" s="71">
        <v>1</v>
      </c>
      <c r="GQ35" s="72">
        <v>12</v>
      </c>
      <c r="GR35" s="73">
        <v>12</v>
      </c>
      <c r="GS35" s="123">
        <v>1</v>
      </c>
      <c r="GT35" s="82">
        <v>6</v>
      </c>
      <c r="GU35" s="83">
        <v>7</v>
      </c>
      <c r="GV35" s="241"/>
      <c r="GW35" s="82">
        <v>9</v>
      </c>
      <c r="GX35" s="82">
        <v>16</v>
      </c>
      <c r="GY35" s="82">
        <v>9</v>
      </c>
      <c r="GZ35" s="82">
        <v>8</v>
      </c>
      <c r="HA35" s="82">
        <v>2</v>
      </c>
      <c r="HB35" s="84">
        <v>44</v>
      </c>
      <c r="HC35" s="85">
        <v>51</v>
      </c>
      <c r="HD35" s="70">
        <v>0</v>
      </c>
      <c r="HE35" s="71">
        <v>0</v>
      </c>
      <c r="HF35" s="72">
        <v>0</v>
      </c>
      <c r="HG35" s="244"/>
      <c r="HH35" s="71">
        <v>0</v>
      </c>
      <c r="HI35" s="71">
        <v>0</v>
      </c>
      <c r="HJ35" s="71">
        <v>0</v>
      </c>
      <c r="HK35" s="71">
        <v>0</v>
      </c>
      <c r="HL35" s="71">
        <v>0</v>
      </c>
      <c r="HM35" s="72">
        <v>0</v>
      </c>
      <c r="HN35" s="73">
        <v>0</v>
      </c>
      <c r="HO35" s="70">
        <v>1</v>
      </c>
      <c r="HP35" s="71">
        <v>0</v>
      </c>
      <c r="HQ35" s="72">
        <v>1</v>
      </c>
      <c r="HR35" s="244"/>
      <c r="HS35" s="71">
        <v>0</v>
      </c>
      <c r="HT35" s="71">
        <v>0</v>
      </c>
      <c r="HU35" s="71">
        <v>0</v>
      </c>
      <c r="HV35" s="71">
        <v>0</v>
      </c>
      <c r="HW35" s="71">
        <v>0</v>
      </c>
      <c r="HX35" s="72">
        <v>0</v>
      </c>
      <c r="HY35" s="73">
        <v>1</v>
      </c>
      <c r="HZ35" s="70">
        <v>0</v>
      </c>
      <c r="IA35" s="71">
        <v>0</v>
      </c>
      <c r="IB35" s="72">
        <v>0</v>
      </c>
      <c r="IC35" s="244"/>
      <c r="ID35" s="71">
        <v>0</v>
      </c>
      <c r="IE35" s="71">
        <v>2</v>
      </c>
      <c r="IF35" s="71">
        <v>1</v>
      </c>
      <c r="IG35" s="71">
        <v>1</v>
      </c>
      <c r="IH35" s="71">
        <v>0</v>
      </c>
      <c r="II35" s="72">
        <v>4</v>
      </c>
      <c r="IJ35" s="73">
        <v>4</v>
      </c>
      <c r="IK35" s="70">
        <v>0</v>
      </c>
      <c r="IL35" s="71">
        <v>1</v>
      </c>
      <c r="IM35" s="72">
        <v>1</v>
      </c>
      <c r="IN35" s="244"/>
      <c r="IO35" s="71">
        <v>3</v>
      </c>
      <c r="IP35" s="71">
        <v>2</v>
      </c>
      <c r="IQ35" s="71">
        <v>2</v>
      </c>
      <c r="IR35" s="71">
        <v>0</v>
      </c>
      <c r="IS35" s="71">
        <v>0</v>
      </c>
      <c r="IT35" s="72">
        <v>7</v>
      </c>
      <c r="IU35" s="73">
        <v>8</v>
      </c>
      <c r="IV35" s="70">
        <v>0</v>
      </c>
      <c r="IW35" s="71">
        <v>4</v>
      </c>
      <c r="IX35" s="72">
        <v>4</v>
      </c>
      <c r="IY35" s="244"/>
      <c r="IZ35" s="71">
        <v>3</v>
      </c>
      <c r="JA35" s="71">
        <v>6</v>
      </c>
      <c r="JB35" s="71">
        <v>3</v>
      </c>
      <c r="JC35" s="71">
        <v>4</v>
      </c>
      <c r="JD35" s="71">
        <v>1</v>
      </c>
      <c r="JE35" s="72">
        <v>17</v>
      </c>
      <c r="JF35" s="73">
        <v>21</v>
      </c>
      <c r="JG35" s="70">
        <v>0</v>
      </c>
      <c r="JH35" s="71">
        <v>1</v>
      </c>
      <c r="JI35" s="72">
        <v>1</v>
      </c>
      <c r="JJ35" s="244"/>
      <c r="JK35" s="71">
        <v>3</v>
      </c>
      <c r="JL35" s="71">
        <v>6</v>
      </c>
      <c r="JM35" s="71">
        <v>3</v>
      </c>
      <c r="JN35" s="71">
        <v>3</v>
      </c>
      <c r="JO35" s="71">
        <v>1</v>
      </c>
      <c r="JP35" s="72">
        <v>16</v>
      </c>
      <c r="JQ35" s="73">
        <v>17</v>
      </c>
      <c r="JR35" s="70">
        <v>0</v>
      </c>
      <c r="JS35" s="71">
        <v>0</v>
      </c>
      <c r="JT35" s="72">
        <v>0</v>
      </c>
      <c r="JU35" s="244"/>
      <c r="JV35" s="71">
        <v>0</v>
      </c>
      <c r="JW35" s="71">
        <v>0</v>
      </c>
      <c r="JX35" s="71">
        <v>0</v>
      </c>
      <c r="JY35" s="71">
        <v>0</v>
      </c>
      <c r="JZ35" s="71">
        <v>0</v>
      </c>
      <c r="KA35" s="72">
        <v>0</v>
      </c>
      <c r="KB35" s="73">
        <v>0</v>
      </c>
      <c r="KC35" s="70">
        <v>1</v>
      </c>
      <c r="KD35" s="71">
        <v>6</v>
      </c>
      <c r="KE35" s="72">
        <v>7</v>
      </c>
      <c r="KF35" s="244"/>
      <c r="KG35" s="71">
        <v>9</v>
      </c>
      <c r="KH35" s="71">
        <v>16</v>
      </c>
      <c r="KI35" s="71">
        <v>9</v>
      </c>
      <c r="KJ35" s="71">
        <v>8</v>
      </c>
      <c r="KK35" s="71">
        <v>2</v>
      </c>
      <c r="KL35" s="72">
        <v>44</v>
      </c>
      <c r="KM35" s="73">
        <v>51</v>
      </c>
    </row>
    <row r="36" spans="2:299" ht="21" customHeight="1" x14ac:dyDescent="0.2">
      <c r="B36" s="126" t="s">
        <v>33</v>
      </c>
      <c r="C36" s="315">
        <v>5</v>
      </c>
      <c r="D36" s="82">
        <v>3</v>
      </c>
      <c r="E36" s="83">
        <v>8</v>
      </c>
      <c r="F36" s="241"/>
      <c r="G36" s="82">
        <v>7</v>
      </c>
      <c r="H36" s="82">
        <v>1</v>
      </c>
      <c r="I36" s="82">
        <v>4</v>
      </c>
      <c r="J36" s="82">
        <v>1</v>
      </c>
      <c r="K36" s="82">
        <v>2</v>
      </c>
      <c r="L36" s="84">
        <v>15</v>
      </c>
      <c r="M36" s="85">
        <v>23</v>
      </c>
      <c r="N36" s="70">
        <v>0</v>
      </c>
      <c r="O36" s="71">
        <v>0</v>
      </c>
      <c r="P36" s="72">
        <v>0</v>
      </c>
      <c r="Q36" s="244"/>
      <c r="R36" s="71">
        <v>0</v>
      </c>
      <c r="S36" s="71">
        <v>0</v>
      </c>
      <c r="T36" s="71">
        <v>1</v>
      </c>
      <c r="U36" s="71">
        <v>0</v>
      </c>
      <c r="V36" s="71">
        <v>0</v>
      </c>
      <c r="W36" s="72">
        <v>1</v>
      </c>
      <c r="X36" s="73">
        <v>1</v>
      </c>
      <c r="Y36" s="70">
        <v>0</v>
      </c>
      <c r="Z36" s="71">
        <v>0</v>
      </c>
      <c r="AA36" s="72">
        <v>0</v>
      </c>
      <c r="AB36" s="244"/>
      <c r="AC36" s="71">
        <v>0</v>
      </c>
      <c r="AD36" s="71">
        <v>0</v>
      </c>
      <c r="AE36" s="71">
        <v>0</v>
      </c>
      <c r="AF36" s="71">
        <v>0</v>
      </c>
      <c r="AG36" s="71">
        <v>1</v>
      </c>
      <c r="AH36" s="72">
        <v>1</v>
      </c>
      <c r="AI36" s="73">
        <v>1</v>
      </c>
      <c r="AJ36" s="70">
        <v>3</v>
      </c>
      <c r="AK36" s="71">
        <v>0</v>
      </c>
      <c r="AL36" s="72">
        <v>3</v>
      </c>
      <c r="AM36" s="244"/>
      <c r="AN36" s="71">
        <v>1</v>
      </c>
      <c r="AO36" s="71">
        <v>0</v>
      </c>
      <c r="AP36" s="71">
        <v>0</v>
      </c>
      <c r="AQ36" s="71">
        <v>1</v>
      </c>
      <c r="AR36" s="71">
        <v>0</v>
      </c>
      <c r="AS36" s="72">
        <v>2</v>
      </c>
      <c r="AT36" s="73">
        <v>5</v>
      </c>
      <c r="AU36" s="70">
        <v>0</v>
      </c>
      <c r="AV36" s="71">
        <v>1</v>
      </c>
      <c r="AW36" s="72">
        <v>1</v>
      </c>
      <c r="AX36" s="244"/>
      <c r="AY36" s="71">
        <v>1</v>
      </c>
      <c r="AZ36" s="71">
        <v>1</v>
      </c>
      <c r="BA36" s="71">
        <v>1</v>
      </c>
      <c r="BB36" s="71">
        <v>0</v>
      </c>
      <c r="BC36" s="71">
        <v>0</v>
      </c>
      <c r="BD36" s="72">
        <v>3</v>
      </c>
      <c r="BE36" s="73">
        <v>4</v>
      </c>
      <c r="BF36" s="70">
        <v>0</v>
      </c>
      <c r="BG36" s="71">
        <v>2</v>
      </c>
      <c r="BH36" s="72">
        <v>2</v>
      </c>
      <c r="BI36" s="244"/>
      <c r="BJ36" s="71">
        <v>0</v>
      </c>
      <c r="BK36" s="71">
        <v>0</v>
      </c>
      <c r="BL36" s="71">
        <v>2</v>
      </c>
      <c r="BM36" s="71">
        <v>0</v>
      </c>
      <c r="BN36" s="71">
        <v>1</v>
      </c>
      <c r="BO36" s="72">
        <v>3</v>
      </c>
      <c r="BP36" s="73">
        <v>5</v>
      </c>
      <c r="BQ36" s="70">
        <v>2</v>
      </c>
      <c r="BR36" s="71">
        <v>0</v>
      </c>
      <c r="BS36" s="72">
        <v>2</v>
      </c>
      <c r="BT36" s="244"/>
      <c r="BU36" s="71">
        <v>5</v>
      </c>
      <c r="BV36" s="71">
        <v>0</v>
      </c>
      <c r="BW36" s="71">
        <v>0</v>
      </c>
      <c r="BX36" s="71">
        <v>0</v>
      </c>
      <c r="BY36" s="71">
        <v>0</v>
      </c>
      <c r="BZ36" s="72">
        <v>5</v>
      </c>
      <c r="CA36" s="73">
        <v>7</v>
      </c>
      <c r="CB36" s="70">
        <v>0</v>
      </c>
      <c r="CC36" s="71">
        <v>0</v>
      </c>
      <c r="CD36" s="72">
        <v>0</v>
      </c>
      <c r="CE36" s="244"/>
      <c r="CF36" s="71">
        <v>0</v>
      </c>
      <c r="CG36" s="71">
        <v>0</v>
      </c>
      <c r="CH36" s="71">
        <v>0</v>
      </c>
      <c r="CI36" s="71">
        <v>0</v>
      </c>
      <c r="CJ36" s="71">
        <v>0</v>
      </c>
      <c r="CK36" s="72">
        <v>0</v>
      </c>
      <c r="CL36" s="73">
        <v>0</v>
      </c>
      <c r="CM36" s="70">
        <v>5</v>
      </c>
      <c r="CN36" s="71">
        <v>3</v>
      </c>
      <c r="CO36" s="72">
        <v>8</v>
      </c>
      <c r="CP36" s="244"/>
      <c r="CQ36" s="71">
        <v>7</v>
      </c>
      <c r="CR36" s="71">
        <v>1</v>
      </c>
      <c r="CS36" s="71">
        <v>4</v>
      </c>
      <c r="CT36" s="71">
        <v>1</v>
      </c>
      <c r="CU36" s="71">
        <v>2</v>
      </c>
      <c r="CV36" s="72">
        <v>15</v>
      </c>
      <c r="CW36" s="73">
        <v>23</v>
      </c>
      <c r="CX36" s="123">
        <v>1</v>
      </c>
      <c r="CY36" s="82">
        <v>1</v>
      </c>
      <c r="CZ36" s="83">
        <v>2</v>
      </c>
      <c r="DA36" s="241"/>
      <c r="DB36" s="82">
        <v>0</v>
      </c>
      <c r="DC36" s="82">
        <v>3</v>
      </c>
      <c r="DD36" s="82">
        <v>0</v>
      </c>
      <c r="DE36" s="82">
        <v>1</v>
      </c>
      <c r="DF36" s="82">
        <v>0</v>
      </c>
      <c r="DG36" s="84">
        <v>4</v>
      </c>
      <c r="DH36" s="85">
        <v>6</v>
      </c>
      <c r="DI36" s="70">
        <v>0</v>
      </c>
      <c r="DJ36" s="71">
        <v>0</v>
      </c>
      <c r="DK36" s="72">
        <v>0</v>
      </c>
      <c r="DL36" s="244"/>
      <c r="DM36" s="71">
        <v>0</v>
      </c>
      <c r="DN36" s="71">
        <v>1</v>
      </c>
      <c r="DO36" s="71">
        <v>0</v>
      </c>
      <c r="DP36" s="71">
        <v>0</v>
      </c>
      <c r="DQ36" s="71">
        <v>0</v>
      </c>
      <c r="DR36" s="72">
        <v>1</v>
      </c>
      <c r="DS36" s="73">
        <v>1</v>
      </c>
      <c r="DT36" s="70">
        <v>0</v>
      </c>
      <c r="DU36" s="71">
        <v>0</v>
      </c>
      <c r="DV36" s="72">
        <v>0</v>
      </c>
      <c r="DW36" s="244"/>
      <c r="DX36" s="71">
        <v>0</v>
      </c>
      <c r="DY36" s="71">
        <v>0</v>
      </c>
      <c r="DZ36" s="71">
        <v>0</v>
      </c>
      <c r="EA36" s="71">
        <v>0</v>
      </c>
      <c r="EB36" s="71">
        <v>0</v>
      </c>
      <c r="EC36" s="72">
        <v>0</v>
      </c>
      <c r="ED36" s="73">
        <v>0</v>
      </c>
      <c r="EE36" s="70">
        <v>0</v>
      </c>
      <c r="EF36" s="71">
        <v>0</v>
      </c>
      <c r="EG36" s="72">
        <v>0</v>
      </c>
      <c r="EH36" s="244"/>
      <c r="EI36" s="71">
        <v>0</v>
      </c>
      <c r="EJ36" s="71">
        <v>0</v>
      </c>
      <c r="EK36" s="71">
        <v>0</v>
      </c>
      <c r="EL36" s="71">
        <v>0</v>
      </c>
      <c r="EM36" s="71">
        <v>0</v>
      </c>
      <c r="EN36" s="72">
        <v>0</v>
      </c>
      <c r="EO36" s="73">
        <v>0</v>
      </c>
      <c r="EP36" s="70">
        <v>0</v>
      </c>
      <c r="EQ36" s="71">
        <v>0</v>
      </c>
      <c r="ER36" s="72">
        <v>0</v>
      </c>
      <c r="ES36" s="244"/>
      <c r="ET36" s="71">
        <v>0</v>
      </c>
      <c r="EU36" s="71">
        <v>0</v>
      </c>
      <c r="EV36" s="71">
        <v>0</v>
      </c>
      <c r="EW36" s="71">
        <v>0</v>
      </c>
      <c r="EX36" s="71">
        <v>0</v>
      </c>
      <c r="EY36" s="72">
        <v>0</v>
      </c>
      <c r="EZ36" s="73">
        <v>0</v>
      </c>
      <c r="FA36" s="70">
        <v>0</v>
      </c>
      <c r="FB36" s="71">
        <v>0</v>
      </c>
      <c r="FC36" s="72">
        <v>0</v>
      </c>
      <c r="FD36" s="244"/>
      <c r="FE36" s="71">
        <v>0</v>
      </c>
      <c r="FF36" s="71">
        <v>0</v>
      </c>
      <c r="FG36" s="71">
        <v>0</v>
      </c>
      <c r="FH36" s="71">
        <v>0</v>
      </c>
      <c r="FI36" s="71">
        <v>0</v>
      </c>
      <c r="FJ36" s="72">
        <v>0</v>
      </c>
      <c r="FK36" s="73">
        <v>0</v>
      </c>
      <c r="FL36" s="70">
        <v>1</v>
      </c>
      <c r="FM36" s="71">
        <v>1</v>
      </c>
      <c r="FN36" s="72">
        <v>2</v>
      </c>
      <c r="FO36" s="244"/>
      <c r="FP36" s="71">
        <v>0</v>
      </c>
      <c r="FQ36" s="71">
        <v>2</v>
      </c>
      <c r="FR36" s="71">
        <v>0</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1</v>
      </c>
      <c r="GI36" s="71">
        <v>1</v>
      </c>
      <c r="GJ36" s="72">
        <v>2</v>
      </c>
      <c r="GK36" s="244"/>
      <c r="GL36" s="71">
        <v>0</v>
      </c>
      <c r="GM36" s="71">
        <v>3</v>
      </c>
      <c r="GN36" s="71">
        <v>0</v>
      </c>
      <c r="GO36" s="71">
        <v>1</v>
      </c>
      <c r="GP36" s="71">
        <v>0</v>
      </c>
      <c r="GQ36" s="72">
        <v>4</v>
      </c>
      <c r="GR36" s="73">
        <v>6</v>
      </c>
      <c r="GS36" s="123">
        <v>6</v>
      </c>
      <c r="GT36" s="82">
        <v>4</v>
      </c>
      <c r="GU36" s="83">
        <v>10</v>
      </c>
      <c r="GV36" s="241"/>
      <c r="GW36" s="82">
        <v>7</v>
      </c>
      <c r="GX36" s="82">
        <v>4</v>
      </c>
      <c r="GY36" s="82">
        <v>4</v>
      </c>
      <c r="GZ36" s="82">
        <v>2</v>
      </c>
      <c r="HA36" s="82">
        <v>2</v>
      </c>
      <c r="HB36" s="84">
        <v>19</v>
      </c>
      <c r="HC36" s="85">
        <v>29</v>
      </c>
      <c r="HD36" s="70">
        <v>0</v>
      </c>
      <c r="HE36" s="71">
        <v>0</v>
      </c>
      <c r="HF36" s="72">
        <v>0</v>
      </c>
      <c r="HG36" s="244"/>
      <c r="HH36" s="71">
        <v>0</v>
      </c>
      <c r="HI36" s="71">
        <v>1</v>
      </c>
      <c r="HJ36" s="71">
        <v>1</v>
      </c>
      <c r="HK36" s="71">
        <v>0</v>
      </c>
      <c r="HL36" s="71">
        <v>0</v>
      </c>
      <c r="HM36" s="72">
        <v>2</v>
      </c>
      <c r="HN36" s="73">
        <v>2</v>
      </c>
      <c r="HO36" s="70">
        <v>0</v>
      </c>
      <c r="HP36" s="71">
        <v>0</v>
      </c>
      <c r="HQ36" s="72">
        <v>0</v>
      </c>
      <c r="HR36" s="244"/>
      <c r="HS36" s="71">
        <v>0</v>
      </c>
      <c r="HT36" s="71">
        <v>0</v>
      </c>
      <c r="HU36" s="71">
        <v>0</v>
      </c>
      <c r="HV36" s="71">
        <v>0</v>
      </c>
      <c r="HW36" s="71">
        <v>1</v>
      </c>
      <c r="HX36" s="72">
        <v>1</v>
      </c>
      <c r="HY36" s="73">
        <v>1</v>
      </c>
      <c r="HZ36" s="70">
        <v>3</v>
      </c>
      <c r="IA36" s="71">
        <v>0</v>
      </c>
      <c r="IB36" s="72">
        <v>3</v>
      </c>
      <c r="IC36" s="244"/>
      <c r="ID36" s="71">
        <v>1</v>
      </c>
      <c r="IE36" s="71">
        <v>0</v>
      </c>
      <c r="IF36" s="71">
        <v>0</v>
      </c>
      <c r="IG36" s="71">
        <v>1</v>
      </c>
      <c r="IH36" s="71">
        <v>0</v>
      </c>
      <c r="II36" s="72">
        <v>2</v>
      </c>
      <c r="IJ36" s="73">
        <v>5</v>
      </c>
      <c r="IK36" s="70">
        <v>0</v>
      </c>
      <c r="IL36" s="71">
        <v>1</v>
      </c>
      <c r="IM36" s="72">
        <v>1</v>
      </c>
      <c r="IN36" s="244"/>
      <c r="IO36" s="71">
        <v>1</v>
      </c>
      <c r="IP36" s="71">
        <v>1</v>
      </c>
      <c r="IQ36" s="71">
        <v>1</v>
      </c>
      <c r="IR36" s="71">
        <v>0</v>
      </c>
      <c r="IS36" s="71">
        <v>0</v>
      </c>
      <c r="IT36" s="72">
        <v>3</v>
      </c>
      <c r="IU36" s="73">
        <v>4</v>
      </c>
      <c r="IV36" s="70">
        <v>0</v>
      </c>
      <c r="IW36" s="71">
        <v>2</v>
      </c>
      <c r="IX36" s="72">
        <v>2</v>
      </c>
      <c r="IY36" s="244"/>
      <c r="IZ36" s="71">
        <v>0</v>
      </c>
      <c r="JA36" s="71">
        <v>0</v>
      </c>
      <c r="JB36" s="71">
        <v>2</v>
      </c>
      <c r="JC36" s="71">
        <v>0</v>
      </c>
      <c r="JD36" s="71">
        <v>1</v>
      </c>
      <c r="JE36" s="72">
        <v>3</v>
      </c>
      <c r="JF36" s="73">
        <v>5</v>
      </c>
      <c r="JG36" s="70">
        <v>3</v>
      </c>
      <c r="JH36" s="71">
        <v>1</v>
      </c>
      <c r="JI36" s="72">
        <v>4</v>
      </c>
      <c r="JJ36" s="244"/>
      <c r="JK36" s="71">
        <v>5</v>
      </c>
      <c r="JL36" s="71">
        <v>2</v>
      </c>
      <c r="JM36" s="71">
        <v>0</v>
      </c>
      <c r="JN36" s="71">
        <v>1</v>
      </c>
      <c r="JO36" s="71">
        <v>0</v>
      </c>
      <c r="JP36" s="72">
        <v>8</v>
      </c>
      <c r="JQ36" s="73">
        <v>12</v>
      </c>
      <c r="JR36" s="70">
        <v>0</v>
      </c>
      <c r="JS36" s="71">
        <v>0</v>
      </c>
      <c r="JT36" s="72">
        <v>0</v>
      </c>
      <c r="JU36" s="244"/>
      <c r="JV36" s="71">
        <v>0</v>
      </c>
      <c r="JW36" s="71">
        <v>0</v>
      </c>
      <c r="JX36" s="71">
        <v>0</v>
      </c>
      <c r="JY36" s="71">
        <v>0</v>
      </c>
      <c r="JZ36" s="71">
        <v>0</v>
      </c>
      <c r="KA36" s="72">
        <v>0</v>
      </c>
      <c r="KB36" s="73">
        <v>0</v>
      </c>
      <c r="KC36" s="70">
        <v>6</v>
      </c>
      <c r="KD36" s="71">
        <v>4</v>
      </c>
      <c r="KE36" s="72">
        <v>10</v>
      </c>
      <c r="KF36" s="244"/>
      <c r="KG36" s="71">
        <v>7</v>
      </c>
      <c r="KH36" s="71">
        <v>4</v>
      </c>
      <c r="KI36" s="71">
        <v>4</v>
      </c>
      <c r="KJ36" s="71">
        <v>2</v>
      </c>
      <c r="KK36" s="71">
        <v>2</v>
      </c>
      <c r="KL36" s="72">
        <v>19</v>
      </c>
      <c r="KM36" s="73">
        <v>29</v>
      </c>
    </row>
    <row r="37" spans="2:299" ht="21" customHeight="1" x14ac:dyDescent="0.2">
      <c r="B37" s="126" t="s">
        <v>34</v>
      </c>
      <c r="C37" s="315">
        <v>5</v>
      </c>
      <c r="D37" s="82">
        <v>1</v>
      </c>
      <c r="E37" s="83">
        <v>6</v>
      </c>
      <c r="F37" s="241"/>
      <c r="G37" s="82">
        <v>5</v>
      </c>
      <c r="H37" s="82">
        <v>2</v>
      </c>
      <c r="I37" s="82">
        <v>6</v>
      </c>
      <c r="J37" s="82">
        <v>1</v>
      </c>
      <c r="K37" s="82">
        <v>0</v>
      </c>
      <c r="L37" s="84">
        <v>14</v>
      </c>
      <c r="M37" s="85">
        <v>20</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0</v>
      </c>
      <c r="AL37" s="72">
        <v>0</v>
      </c>
      <c r="AM37" s="244"/>
      <c r="AN37" s="71">
        <v>0</v>
      </c>
      <c r="AO37" s="71">
        <v>0</v>
      </c>
      <c r="AP37" s="71">
        <v>0</v>
      </c>
      <c r="AQ37" s="71">
        <v>0</v>
      </c>
      <c r="AR37" s="71">
        <v>0</v>
      </c>
      <c r="AS37" s="72">
        <v>0</v>
      </c>
      <c r="AT37" s="73">
        <v>0</v>
      </c>
      <c r="AU37" s="70">
        <v>2</v>
      </c>
      <c r="AV37" s="71">
        <v>0</v>
      </c>
      <c r="AW37" s="72">
        <v>2</v>
      </c>
      <c r="AX37" s="244"/>
      <c r="AY37" s="71">
        <v>1</v>
      </c>
      <c r="AZ37" s="71">
        <v>0</v>
      </c>
      <c r="BA37" s="71">
        <v>2</v>
      </c>
      <c r="BB37" s="71">
        <v>1</v>
      </c>
      <c r="BC37" s="71">
        <v>0</v>
      </c>
      <c r="BD37" s="72">
        <v>4</v>
      </c>
      <c r="BE37" s="73">
        <v>6</v>
      </c>
      <c r="BF37" s="70">
        <v>2</v>
      </c>
      <c r="BG37" s="71">
        <v>1</v>
      </c>
      <c r="BH37" s="72">
        <v>3</v>
      </c>
      <c r="BI37" s="244"/>
      <c r="BJ37" s="71">
        <v>2</v>
      </c>
      <c r="BK37" s="71">
        <v>0</v>
      </c>
      <c r="BL37" s="71">
        <v>3</v>
      </c>
      <c r="BM37" s="71">
        <v>0</v>
      </c>
      <c r="BN37" s="71">
        <v>0</v>
      </c>
      <c r="BO37" s="72">
        <v>5</v>
      </c>
      <c r="BP37" s="73">
        <v>8</v>
      </c>
      <c r="BQ37" s="70">
        <v>1</v>
      </c>
      <c r="BR37" s="71">
        <v>0</v>
      </c>
      <c r="BS37" s="72">
        <v>1</v>
      </c>
      <c r="BT37" s="244"/>
      <c r="BU37" s="71">
        <v>2</v>
      </c>
      <c r="BV37" s="71">
        <v>1</v>
      </c>
      <c r="BW37" s="71">
        <v>1</v>
      </c>
      <c r="BX37" s="71">
        <v>0</v>
      </c>
      <c r="BY37" s="71">
        <v>0</v>
      </c>
      <c r="BZ37" s="72">
        <v>4</v>
      </c>
      <c r="CA37" s="73">
        <v>5</v>
      </c>
      <c r="CB37" s="70">
        <v>0</v>
      </c>
      <c r="CC37" s="71">
        <v>0</v>
      </c>
      <c r="CD37" s="72">
        <v>0</v>
      </c>
      <c r="CE37" s="244"/>
      <c r="CF37" s="71">
        <v>0</v>
      </c>
      <c r="CG37" s="71">
        <v>0</v>
      </c>
      <c r="CH37" s="71">
        <v>0</v>
      </c>
      <c r="CI37" s="71">
        <v>0</v>
      </c>
      <c r="CJ37" s="71">
        <v>0</v>
      </c>
      <c r="CK37" s="72">
        <v>0</v>
      </c>
      <c r="CL37" s="73">
        <v>0</v>
      </c>
      <c r="CM37" s="70">
        <v>5</v>
      </c>
      <c r="CN37" s="71">
        <v>1</v>
      </c>
      <c r="CO37" s="72">
        <v>6</v>
      </c>
      <c r="CP37" s="244"/>
      <c r="CQ37" s="71">
        <v>5</v>
      </c>
      <c r="CR37" s="71">
        <v>2</v>
      </c>
      <c r="CS37" s="71">
        <v>6</v>
      </c>
      <c r="CT37" s="71">
        <v>1</v>
      </c>
      <c r="CU37" s="71">
        <v>0</v>
      </c>
      <c r="CV37" s="72">
        <v>14</v>
      </c>
      <c r="CW37" s="73">
        <v>20</v>
      </c>
      <c r="CX37" s="123">
        <v>0</v>
      </c>
      <c r="CY37" s="82">
        <v>0</v>
      </c>
      <c r="CZ37" s="83">
        <v>0</v>
      </c>
      <c r="DA37" s="241"/>
      <c r="DB37" s="82">
        <v>0</v>
      </c>
      <c r="DC37" s="82">
        <v>1</v>
      </c>
      <c r="DD37" s="82">
        <v>0</v>
      </c>
      <c r="DE37" s="82">
        <v>0</v>
      </c>
      <c r="DF37" s="82">
        <v>1</v>
      </c>
      <c r="DG37" s="84">
        <v>2</v>
      </c>
      <c r="DH37" s="85">
        <v>2</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0</v>
      </c>
      <c r="EL37" s="71">
        <v>0</v>
      </c>
      <c r="EM37" s="71">
        <v>0</v>
      </c>
      <c r="EN37" s="72">
        <v>0</v>
      </c>
      <c r="EO37" s="73">
        <v>0</v>
      </c>
      <c r="EP37" s="70">
        <v>0</v>
      </c>
      <c r="EQ37" s="71">
        <v>0</v>
      </c>
      <c r="ER37" s="72">
        <v>0</v>
      </c>
      <c r="ES37" s="244"/>
      <c r="ET37" s="71">
        <v>0</v>
      </c>
      <c r="EU37" s="71">
        <v>0</v>
      </c>
      <c r="EV37" s="71">
        <v>0</v>
      </c>
      <c r="EW37" s="71">
        <v>0</v>
      </c>
      <c r="EX37" s="71">
        <v>0</v>
      </c>
      <c r="EY37" s="72">
        <v>0</v>
      </c>
      <c r="EZ37" s="73">
        <v>0</v>
      </c>
      <c r="FA37" s="70">
        <v>0</v>
      </c>
      <c r="FB37" s="71">
        <v>0</v>
      </c>
      <c r="FC37" s="72">
        <v>0</v>
      </c>
      <c r="FD37" s="244"/>
      <c r="FE37" s="71">
        <v>0</v>
      </c>
      <c r="FF37" s="71">
        <v>0</v>
      </c>
      <c r="FG37" s="71">
        <v>0</v>
      </c>
      <c r="FH37" s="71">
        <v>0</v>
      </c>
      <c r="FI37" s="71">
        <v>0</v>
      </c>
      <c r="FJ37" s="72">
        <v>0</v>
      </c>
      <c r="FK37" s="73">
        <v>0</v>
      </c>
      <c r="FL37" s="70">
        <v>0</v>
      </c>
      <c r="FM37" s="71">
        <v>0</v>
      </c>
      <c r="FN37" s="72">
        <v>0</v>
      </c>
      <c r="FO37" s="244"/>
      <c r="FP37" s="71">
        <v>0</v>
      </c>
      <c r="FQ37" s="71">
        <v>1</v>
      </c>
      <c r="FR37" s="71">
        <v>0</v>
      </c>
      <c r="FS37" s="71">
        <v>0</v>
      </c>
      <c r="FT37" s="71">
        <v>1</v>
      </c>
      <c r="FU37" s="72">
        <v>2</v>
      </c>
      <c r="FV37" s="73">
        <v>2</v>
      </c>
      <c r="FW37" s="70">
        <v>0</v>
      </c>
      <c r="FX37" s="71">
        <v>0</v>
      </c>
      <c r="FY37" s="72">
        <v>0</v>
      </c>
      <c r="FZ37" s="244"/>
      <c r="GA37" s="71">
        <v>0</v>
      </c>
      <c r="GB37" s="71">
        <v>0</v>
      </c>
      <c r="GC37" s="71">
        <v>0</v>
      </c>
      <c r="GD37" s="71">
        <v>0</v>
      </c>
      <c r="GE37" s="71">
        <v>0</v>
      </c>
      <c r="GF37" s="72">
        <v>0</v>
      </c>
      <c r="GG37" s="73">
        <v>0</v>
      </c>
      <c r="GH37" s="70">
        <v>0</v>
      </c>
      <c r="GI37" s="71">
        <v>0</v>
      </c>
      <c r="GJ37" s="72">
        <v>0</v>
      </c>
      <c r="GK37" s="244"/>
      <c r="GL37" s="71">
        <v>0</v>
      </c>
      <c r="GM37" s="71">
        <v>1</v>
      </c>
      <c r="GN37" s="71">
        <v>0</v>
      </c>
      <c r="GO37" s="71">
        <v>0</v>
      </c>
      <c r="GP37" s="71">
        <v>1</v>
      </c>
      <c r="GQ37" s="72">
        <v>2</v>
      </c>
      <c r="GR37" s="73">
        <v>2</v>
      </c>
      <c r="GS37" s="123">
        <v>5</v>
      </c>
      <c r="GT37" s="82">
        <v>1</v>
      </c>
      <c r="GU37" s="83">
        <v>6</v>
      </c>
      <c r="GV37" s="241"/>
      <c r="GW37" s="82">
        <v>5</v>
      </c>
      <c r="GX37" s="82">
        <v>3</v>
      </c>
      <c r="GY37" s="82">
        <v>6</v>
      </c>
      <c r="GZ37" s="82">
        <v>1</v>
      </c>
      <c r="HA37" s="82">
        <v>1</v>
      </c>
      <c r="HB37" s="84">
        <v>16</v>
      </c>
      <c r="HC37" s="85">
        <v>22</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0</v>
      </c>
      <c r="IB37" s="72">
        <v>0</v>
      </c>
      <c r="IC37" s="244"/>
      <c r="ID37" s="71">
        <v>0</v>
      </c>
      <c r="IE37" s="71">
        <v>0</v>
      </c>
      <c r="IF37" s="71">
        <v>0</v>
      </c>
      <c r="IG37" s="71">
        <v>0</v>
      </c>
      <c r="IH37" s="71">
        <v>0</v>
      </c>
      <c r="II37" s="72">
        <v>0</v>
      </c>
      <c r="IJ37" s="73">
        <v>0</v>
      </c>
      <c r="IK37" s="70">
        <v>2</v>
      </c>
      <c r="IL37" s="71">
        <v>0</v>
      </c>
      <c r="IM37" s="72">
        <v>2</v>
      </c>
      <c r="IN37" s="244"/>
      <c r="IO37" s="71">
        <v>1</v>
      </c>
      <c r="IP37" s="71">
        <v>0</v>
      </c>
      <c r="IQ37" s="71">
        <v>2</v>
      </c>
      <c r="IR37" s="71">
        <v>1</v>
      </c>
      <c r="IS37" s="71">
        <v>0</v>
      </c>
      <c r="IT37" s="72">
        <v>4</v>
      </c>
      <c r="IU37" s="73">
        <v>6</v>
      </c>
      <c r="IV37" s="70">
        <v>2</v>
      </c>
      <c r="IW37" s="71">
        <v>1</v>
      </c>
      <c r="IX37" s="72">
        <v>3</v>
      </c>
      <c r="IY37" s="244"/>
      <c r="IZ37" s="71">
        <v>2</v>
      </c>
      <c r="JA37" s="71">
        <v>0</v>
      </c>
      <c r="JB37" s="71">
        <v>3</v>
      </c>
      <c r="JC37" s="71">
        <v>0</v>
      </c>
      <c r="JD37" s="71">
        <v>0</v>
      </c>
      <c r="JE37" s="72">
        <v>5</v>
      </c>
      <c r="JF37" s="73">
        <v>8</v>
      </c>
      <c r="JG37" s="70">
        <v>1</v>
      </c>
      <c r="JH37" s="71">
        <v>0</v>
      </c>
      <c r="JI37" s="72">
        <v>1</v>
      </c>
      <c r="JJ37" s="244"/>
      <c r="JK37" s="71">
        <v>2</v>
      </c>
      <c r="JL37" s="71">
        <v>2</v>
      </c>
      <c r="JM37" s="71">
        <v>1</v>
      </c>
      <c r="JN37" s="71">
        <v>0</v>
      </c>
      <c r="JO37" s="71">
        <v>1</v>
      </c>
      <c r="JP37" s="72">
        <v>6</v>
      </c>
      <c r="JQ37" s="73">
        <v>7</v>
      </c>
      <c r="JR37" s="70">
        <v>0</v>
      </c>
      <c r="JS37" s="71">
        <v>0</v>
      </c>
      <c r="JT37" s="72">
        <v>0</v>
      </c>
      <c r="JU37" s="244"/>
      <c r="JV37" s="71">
        <v>0</v>
      </c>
      <c r="JW37" s="71">
        <v>0</v>
      </c>
      <c r="JX37" s="71">
        <v>0</v>
      </c>
      <c r="JY37" s="71">
        <v>0</v>
      </c>
      <c r="JZ37" s="71">
        <v>0</v>
      </c>
      <c r="KA37" s="72">
        <v>0</v>
      </c>
      <c r="KB37" s="73">
        <v>0</v>
      </c>
      <c r="KC37" s="70">
        <v>5</v>
      </c>
      <c r="KD37" s="71">
        <v>1</v>
      </c>
      <c r="KE37" s="72">
        <v>6</v>
      </c>
      <c r="KF37" s="244"/>
      <c r="KG37" s="71">
        <v>5</v>
      </c>
      <c r="KH37" s="71">
        <v>3</v>
      </c>
      <c r="KI37" s="71">
        <v>6</v>
      </c>
      <c r="KJ37" s="71">
        <v>1</v>
      </c>
      <c r="KK37" s="71">
        <v>1</v>
      </c>
      <c r="KL37" s="72">
        <v>16</v>
      </c>
      <c r="KM37" s="73">
        <v>22</v>
      </c>
    </row>
    <row r="38" spans="2:299" ht="21" customHeight="1" x14ac:dyDescent="0.2">
      <c r="B38" s="126" t="s">
        <v>35</v>
      </c>
      <c r="C38" s="315">
        <v>14</v>
      </c>
      <c r="D38" s="82">
        <v>7</v>
      </c>
      <c r="E38" s="83">
        <v>21</v>
      </c>
      <c r="F38" s="241"/>
      <c r="G38" s="82">
        <v>21</v>
      </c>
      <c r="H38" s="82">
        <v>11</v>
      </c>
      <c r="I38" s="82">
        <v>6</v>
      </c>
      <c r="J38" s="82">
        <v>3</v>
      </c>
      <c r="K38" s="82">
        <v>3</v>
      </c>
      <c r="L38" s="84">
        <v>44</v>
      </c>
      <c r="M38" s="85">
        <v>65</v>
      </c>
      <c r="N38" s="70">
        <v>0</v>
      </c>
      <c r="O38" s="71">
        <v>0</v>
      </c>
      <c r="P38" s="72">
        <v>0</v>
      </c>
      <c r="Q38" s="244"/>
      <c r="R38" s="71">
        <v>0</v>
      </c>
      <c r="S38" s="71">
        <v>0</v>
      </c>
      <c r="T38" s="71">
        <v>0</v>
      </c>
      <c r="U38" s="71">
        <v>0</v>
      </c>
      <c r="V38" s="71">
        <v>0</v>
      </c>
      <c r="W38" s="72">
        <v>0</v>
      </c>
      <c r="X38" s="73">
        <v>0</v>
      </c>
      <c r="Y38" s="70">
        <v>1</v>
      </c>
      <c r="Z38" s="71">
        <v>1</v>
      </c>
      <c r="AA38" s="72">
        <v>2</v>
      </c>
      <c r="AB38" s="244"/>
      <c r="AC38" s="71">
        <v>0</v>
      </c>
      <c r="AD38" s="71">
        <v>0</v>
      </c>
      <c r="AE38" s="71">
        <v>0</v>
      </c>
      <c r="AF38" s="71">
        <v>0</v>
      </c>
      <c r="AG38" s="71">
        <v>0</v>
      </c>
      <c r="AH38" s="72">
        <v>0</v>
      </c>
      <c r="AI38" s="73">
        <v>2</v>
      </c>
      <c r="AJ38" s="70">
        <v>1</v>
      </c>
      <c r="AK38" s="71">
        <v>0</v>
      </c>
      <c r="AL38" s="72">
        <v>1</v>
      </c>
      <c r="AM38" s="244"/>
      <c r="AN38" s="71">
        <v>4</v>
      </c>
      <c r="AO38" s="71">
        <v>1</v>
      </c>
      <c r="AP38" s="71">
        <v>0</v>
      </c>
      <c r="AQ38" s="71">
        <v>0</v>
      </c>
      <c r="AR38" s="71">
        <v>0</v>
      </c>
      <c r="AS38" s="72">
        <v>5</v>
      </c>
      <c r="AT38" s="73">
        <v>6</v>
      </c>
      <c r="AU38" s="70">
        <v>5</v>
      </c>
      <c r="AV38" s="71">
        <v>2</v>
      </c>
      <c r="AW38" s="72">
        <v>7</v>
      </c>
      <c r="AX38" s="244"/>
      <c r="AY38" s="71">
        <v>5</v>
      </c>
      <c r="AZ38" s="71">
        <v>3</v>
      </c>
      <c r="BA38" s="71">
        <v>3</v>
      </c>
      <c r="BB38" s="71">
        <v>1</v>
      </c>
      <c r="BC38" s="71">
        <v>0</v>
      </c>
      <c r="BD38" s="72">
        <v>12</v>
      </c>
      <c r="BE38" s="73">
        <v>19</v>
      </c>
      <c r="BF38" s="70">
        <v>3</v>
      </c>
      <c r="BG38" s="71">
        <v>2</v>
      </c>
      <c r="BH38" s="72">
        <v>5</v>
      </c>
      <c r="BI38" s="244"/>
      <c r="BJ38" s="71">
        <v>5</v>
      </c>
      <c r="BK38" s="71">
        <v>3</v>
      </c>
      <c r="BL38" s="71">
        <v>2</v>
      </c>
      <c r="BM38" s="71">
        <v>2</v>
      </c>
      <c r="BN38" s="71">
        <v>1</v>
      </c>
      <c r="BO38" s="72">
        <v>13</v>
      </c>
      <c r="BP38" s="73">
        <v>18</v>
      </c>
      <c r="BQ38" s="70">
        <v>4</v>
      </c>
      <c r="BR38" s="71">
        <v>2</v>
      </c>
      <c r="BS38" s="72">
        <v>6</v>
      </c>
      <c r="BT38" s="244"/>
      <c r="BU38" s="71">
        <v>7</v>
      </c>
      <c r="BV38" s="71">
        <v>4</v>
      </c>
      <c r="BW38" s="71">
        <v>1</v>
      </c>
      <c r="BX38" s="71">
        <v>0</v>
      </c>
      <c r="BY38" s="71">
        <v>2</v>
      </c>
      <c r="BZ38" s="72">
        <v>14</v>
      </c>
      <c r="CA38" s="73">
        <v>20</v>
      </c>
      <c r="CB38" s="70">
        <v>0</v>
      </c>
      <c r="CC38" s="71">
        <v>0</v>
      </c>
      <c r="CD38" s="72">
        <v>0</v>
      </c>
      <c r="CE38" s="244"/>
      <c r="CF38" s="71">
        <v>0</v>
      </c>
      <c r="CG38" s="71">
        <v>0</v>
      </c>
      <c r="CH38" s="71">
        <v>0</v>
      </c>
      <c r="CI38" s="71">
        <v>0</v>
      </c>
      <c r="CJ38" s="71">
        <v>0</v>
      </c>
      <c r="CK38" s="72">
        <v>0</v>
      </c>
      <c r="CL38" s="73">
        <v>0</v>
      </c>
      <c r="CM38" s="70">
        <v>14</v>
      </c>
      <c r="CN38" s="71">
        <v>7</v>
      </c>
      <c r="CO38" s="72">
        <v>21</v>
      </c>
      <c r="CP38" s="244"/>
      <c r="CQ38" s="71">
        <v>21</v>
      </c>
      <c r="CR38" s="71">
        <v>11</v>
      </c>
      <c r="CS38" s="71">
        <v>6</v>
      </c>
      <c r="CT38" s="71">
        <v>3</v>
      </c>
      <c r="CU38" s="71">
        <v>3</v>
      </c>
      <c r="CV38" s="72">
        <v>44</v>
      </c>
      <c r="CW38" s="73">
        <v>65</v>
      </c>
      <c r="CX38" s="123">
        <v>2</v>
      </c>
      <c r="CY38" s="82">
        <v>2</v>
      </c>
      <c r="CZ38" s="83">
        <v>4</v>
      </c>
      <c r="DA38" s="241"/>
      <c r="DB38" s="82">
        <v>4</v>
      </c>
      <c r="DC38" s="82">
        <v>3</v>
      </c>
      <c r="DD38" s="82">
        <v>4</v>
      </c>
      <c r="DE38" s="82">
        <v>5</v>
      </c>
      <c r="DF38" s="82">
        <v>1</v>
      </c>
      <c r="DG38" s="84">
        <v>17</v>
      </c>
      <c r="DH38" s="85">
        <v>21</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0</v>
      </c>
      <c r="DZ38" s="71">
        <v>1</v>
      </c>
      <c r="EA38" s="71">
        <v>0</v>
      </c>
      <c r="EB38" s="71">
        <v>0</v>
      </c>
      <c r="EC38" s="72">
        <v>1</v>
      </c>
      <c r="ED38" s="73">
        <v>1</v>
      </c>
      <c r="EE38" s="70">
        <v>0</v>
      </c>
      <c r="EF38" s="71">
        <v>0</v>
      </c>
      <c r="EG38" s="72">
        <v>0</v>
      </c>
      <c r="EH38" s="244"/>
      <c r="EI38" s="71">
        <v>1</v>
      </c>
      <c r="EJ38" s="71">
        <v>0</v>
      </c>
      <c r="EK38" s="71">
        <v>0</v>
      </c>
      <c r="EL38" s="71">
        <v>0</v>
      </c>
      <c r="EM38" s="71">
        <v>0</v>
      </c>
      <c r="EN38" s="72">
        <v>1</v>
      </c>
      <c r="EO38" s="73">
        <v>1</v>
      </c>
      <c r="EP38" s="70">
        <v>0</v>
      </c>
      <c r="EQ38" s="71">
        <v>0</v>
      </c>
      <c r="ER38" s="72">
        <v>0</v>
      </c>
      <c r="ES38" s="244"/>
      <c r="ET38" s="71">
        <v>1</v>
      </c>
      <c r="EU38" s="71">
        <v>0</v>
      </c>
      <c r="EV38" s="71">
        <v>0</v>
      </c>
      <c r="EW38" s="71">
        <v>0</v>
      </c>
      <c r="EX38" s="71">
        <v>0</v>
      </c>
      <c r="EY38" s="72">
        <v>1</v>
      </c>
      <c r="EZ38" s="73">
        <v>1</v>
      </c>
      <c r="FA38" s="70">
        <v>0</v>
      </c>
      <c r="FB38" s="71">
        <v>1</v>
      </c>
      <c r="FC38" s="72">
        <v>1</v>
      </c>
      <c r="FD38" s="244"/>
      <c r="FE38" s="71">
        <v>0</v>
      </c>
      <c r="FF38" s="71">
        <v>0</v>
      </c>
      <c r="FG38" s="71">
        <v>2</v>
      </c>
      <c r="FH38" s="71">
        <v>0</v>
      </c>
      <c r="FI38" s="71">
        <v>1</v>
      </c>
      <c r="FJ38" s="72">
        <v>3</v>
      </c>
      <c r="FK38" s="73">
        <v>4</v>
      </c>
      <c r="FL38" s="70">
        <v>2</v>
      </c>
      <c r="FM38" s="71">
        <v>1</v>
      </c>
      <c r="FN38" s="72">
        <v>3</v>
      </c>
      <c r="FO38" s="244"/>
      <c r="FP38" s="71">
        <v>2</v>
      </c>
      <c r="FQ38" s="71">
        <v>3</v>
      </c>
      <c r="FR38" s="71">
        <v>1</v>
      </c>
      <c r="FS38" s="71">
        <v>5</v>
      </c>
      <c r="FT38" s="71">
        <v>0</v>
      </c>
      <c r="FU38" s="72">
        <v>11</v>
      </c>
      <c r="FV38" s="73">
        <v>14</v>
      </c>
      <c r="FW38" s="70">
        <v>0</v>
      </c>
      <c r="FX38" s="71">
        <v>0</v>
      </c>
      <c r="FY38" s="72">
        <v>0</v>
      </c>
      <c r="FZ38" s="244"/>
      <c r="GA38" s="71">
        <v>0</v>
      </c>
      <c r="GB38" s="71">
        <v>0</v>
      </c>
      <c r="GC38" s="71">
        <v>0</v>
      </c>
      <c r="GD38" s="71">
        <v>0</v>
      </c>
      <c r="GE38" s="71">
        <v>0</v>
      </c>
      <c r="GF38" s="72">
        <v>0</v>
      </c>
      <c r="GG38" s="73">
        <v>0</v>
      </c>
      <c r="GH38" s="70">
        <v>2</v>
      </c>
      <c r="GI38" s="71">
        <v>2</v>
      </c>
      <c r="GJ38" s="72">
        <v>4</v>
      </c>
      <c r="GK38" s="244"/>
      <c r="GL38" s="71">
        <v>4</v>
      </c>
      <c r="GM38" s="71">
        <v>3</v>
      </c>
      <c r="GN38" s="71">
        <v>4</v>
      </c>
      <c r="GO38" s="71">
        <v>5</v>
      </c>
      <c r="GP38" s="71">
        <v>1</v>
      </c>
      <c r="GQ38" s="72">
        <v>17</v>
      </c>
      <c r="GR38" s="73">
        <v>21</v>
      </c>
      <c r="GS38" s="123">
        <v>16</v>
      </c>
      <c r="GT38" s="82">
        <v>9</v>
      </c>
      <c r="GU38" s="83">
        <v>25</v>
      </c>
      <c r="GV38" s="241"/>
      <c r="GW38" s="82">
        <v>25</v>
      </c>
      <c r="GX38" s="82">
        <v>14</v>
      </c>
      <c r="GY38" s="82">
        <v>10</v>
      </c>
      <c r="GZ38" s="82">
        <v>8</v>
      </c>
      <c r="HA38" s="82">
        <v>4</v>
      </c>
      <c r="HB38" s="84">
        <v>61</v>
      </c>
      <c r="HC38" s="85">
        <v>86</v>
      </c>
      <c r="HD38" s="70">
        <v>0</v>
      </c>
      <c r="HE38" s="71">
        <v>0</v>
      </c>
      <c r="HF38" s="72">
        <v>0</v>
      </c>
      <c r="HG38" s="244"/>
      <c r="HH38" s="71">
        <v>0</v>
      </c>
      <c r="HI38" s="71">
        <v>0</v>
      </c>
      <c r="HJ38" s="71">
        <v>0</v>
      </c>
      <c r="HK38" s="71">
        <v>0</v>
      </c>
      <c r="HL38" s="71">
        <v>0</v>
      </c>
      <c r="HM38" s="72">
        <v>0</v>
      </c>
      <c r="HN38" s="73">
        <v>0</v>
      </c>
      <c r="HO38" s="70">
        <v>1</v>
      </c>
      <c r="HP38" s="71">
        <v>1</v>
      </c>
      <c r="HQ38" s="72">
        <v>2</v>
      </c>
      <c r="HR38" s="244"/>
      <c r="HS38" s="71">
        <v>0</v>
      </c>
      <c r="HT38" s="71">
        <v>0</v>
      </c>
      <c r="HU38" s="71">
        <v>1</v>
      </c>
      <c r="HV38" s="71">
        <v>0</v>
      </c>
      <c r="HW38" s="71">
        <v>0</v>
      </c>
      <c r="HX38" s="72">
        <v>1</v>
      </c>
      <c r="HY38" s="73">
        <v>3</v>
      </c>
      <c r="HZ38" s="70">
        <v>1</v>
      </c>
      <c r="IA38" s="71">
        <v>0</v>
      </c>
      <c r="IB38" s="72">
        <v>1</v>
      </c>
      <c r="IC38" s="244"/>
      <c r="ID38" s="71">
        <v>5</v>
      </c>
      <c r="IE38" s="71">
        <v>1</v>
      </c>
      <c r="IF38" s="71">
        <v>0</v>
      </c>
      <c r="IG38" s="71">
        <v>0</v>
      </c>
      <c r="IH38" s="71">
        <v>0</v>
      </c>
      <c r="II38" s="72">
        <v>6</v>
      </c>
      <c r="IJ38" s="73">
        <v>7</v>
      </c>
      <c r="IK38" s="70">
        <v>5</v>
      </c>
      <c r="IL38" s="71">
        <v>2</v>
      </c>
      <c r="IM38" s="72">
        <v>7</v>
      </c>
      <c r="IN38" s="244"/>
      <c r="IO38" s="71">
        <v>6</v>
      </c>
      <c r="IP38" s="71">
        <v>3</v>
      </c>
      <c r="IQ38" s="71">
        <v>3</v>
      </c>
      <c r="IR38" s="71">
        <v>1</v>
      </c>
      <c r="IS38" s="71">
        <v>0</v>
      </c>
      <c r="IT38" s="72">
        <v>13</v>
      </c>
      <c r="IU38" s="73">
        <v>20</v>
      </c>
      <c r="IV38" s="70">
        <v>3</v>
      </c>
      <c r="IW38" s="71">
        <v>3</v>
      </c>
      <c r="IX38" s="72">
        <v>6</v>
      </c>
      <c r="IY38" s="244"/>
      <c r="IZ38" s="71">
        <v>5</v>
      </c>
      <c r="JA38" s="71">
        <v>3</v>
      </c>
      <c r="JB38" s="71">
        <v>4</v>
      </c>
      <c r="JC38" s="71">
        <v>2</v>
      </c>
      <c r="JD38" s="71">
        <v>2</v>
      </c>
      <c r="JE38" s="72">
        <v>16</v>
      </c>
      <c r="JF38" s="73">
        <v>22</v>
      </c>
      <c r="JG38" s="70">
        <v>6</v>
      </c>
      <c r="JH38" s="71">
        <v>3</v>
      </c>
      <c r="JI38" s="72">
        <v>9</v>
      </c>
      <c r="JJ38" s="244"/>
      <c r="JK38" s="71">
        <v>9</v>
      </c>
      <c r="JL38" s="71">
        <v>7</v>
      </c>
      <c r="JM38" s="71">
        <v>2</v>
      </c>
      <c r="JN38" s="71">
        <v>5</v>
      </c>
      <c r="JO38" s="71">
        <v>2</v>
      </c>
      <c r="JP38" s="72">
        <v>25</v>
      </c>
      <c r="JQ38" s="73">
        <v>34</v>
      </c>
      <c r="JR38" s="70">
        <v>0</v>
      </c>
      <c r="JS38" s="71">
        <v>0</v>
      </c>
      <c r="JT38" s="72">
        <v>0</v>
      </c>
      <c r="JU38" s="244"/>
      <c r="JV38" s="71">
        <v>0</v>
      </c>
      <c r="JW38" s="71">
        <v>0</v>
      </c>
      <c r="JX38" s="71">
        <v>0</v>
      </c>
      <c r="JY38" s="71">
        <v>0</v>
      </c>
      <c r="JZ38" s="71">
        <v>0</v>
      </c>
      <c r="KA38" s="72">
        <v>0</v>
      </c>
      <c r="KB38" s="73">
        <v>0</v>
      </c>
      <c r="KC38" s="70">
        <v>16</v>
      </c>
      <c r="KD38" s="71">
        <v>9</v>
      </c>
      <c r="KE38" s="72">
        <v>25</v>
      </c>
      <c r="KF38" s="244"/>
      <c r="KG38" s="71">
        <v>25</v>
      </c>
      <c r="KH38" s="71">
        <v>14</v>
      </c>
      <c r="KI38" s="71">
        <v>10</v>
      </c>
      <c r="KJ38" s="71">
        <v>8</v>
      </c>
      <c r="KK38" s="71">
        <v>4</v>
      </c>
      <c r="KL38" s="72">
        <v>61</v>
      </c>
      <c r="KM38" s="73">
        <v>86</v>
      </c>
    </row>
    <row r="39" spans="2:299" ht="21" customHeight="1" x14ac:dyDescent="0.2">
      <c r="B39" s="126" t="s">
        <v>36</v>
      </c>
      <c r="C39" s="315">
        <v>2</v>
      </c>
      <c r="D39" s="82">
        <v>11</v>
      </c>
      <c r="E39" s="83">
        <v>13</v>
      </c>
      <c r="F39" s="241"/>
      <c r="G39" s="82">
        <v>12</v>
      </c>
      <c r="H39" s="82">
        <v>14</v>
      </c>
      <c r="I39" s="82">
        <v>5</v>
      </c>
      <c r="J39" s="82">
        <v>4</v>
      </c>
      <c r="K39" s="82">
        <v>4</v>
      </c>
      <c r="L39" s="84">
        <v>39</v>
      </c>
      <c r="M39" s="85">
        <v>52</v>
      </c>
      <c r="N39" s="70">
        <v>0</v>
      </c>
      <c r="O39" s="71">
        <v>0</v>
      </c>
      <c r="P39" s="72">
        <v>0</v>
      </c>
      <c r="Q39" s="244"/>
      <c r="R39" s="71">
        <v>1</v>
      </c>
      <c r="S39" s="71">
        <v>1</v>
      </c>
      <c r="T39" s="71">
        <v>0</v>
      </c>
      <c r="U39" s="71">
        <v>0</v>
      </c>
      <c r="V39" s="71">
        <v>0</v>
      </c>
      <c r="W39" s="72">
        <v>2</v>
      </c>
      <c r="X39" s="73">
        <v>2</v>
      </c>
      <c r="Y39" s="70">
        <v>0</v>
      </c>
      <c r="Z39" s="71">
        <v>0</v>
      </c>
      <c r="AA39" s="72">
        <v>0</v>
      </c>
      <c r="AB39" s="244"/>
      <c r="AC39" s="71">
        <v>1</v>
      </c>
      <c r="AD39" s="71">
        <v>2</v>
      </c>
      <c r="AE39" s="71">
        <v>1</v>
      </c>
      <c r="AF39" s="71">
        <v>0</v>
      </c>
      <c r="AG39" s="71">
        <v>0</v>
      </c>
      <c r="AH39" s="72">
        <v>4</v>
      </c>
      <c r="AI39" s="73">
        <v>4</v>
      </c>
      <c r="AJ39" s="70">
        <v>0</v>
      </c>
      <c r="AK39" s="71">
        <v>1</v>
      </c>
      <c r="AL39" s="72">
        <v>1</v>
      </c>
      <c r="AM39" s="244"/>
      <c r="AN39" s="71">
        <v>0</v>
      </c>
      <c r="AO39" s="71">
        <v>3</v>
      </c>
      <c r="AP39" s="71">
        <v>0</v>
      </c>
      <c r="AQ39" s="71">
        <v>0</v>
      </c>
      <c r="AR39" s="71">
        <v>0</v>
      </c>
      <c r="AS39" s="72">
        <v>3</v>
      </c>
      <c r="AT39" s="73">
        <v>4</v>
      </c>
      <c r="AU39" s="70">
        <v>0</v>
      </c>
      <c r="AV39" s="71">
        <v>3</v>
      </c>
      <c r="AW39" s="72">
        <v>3</v>
      </c>
      <c r="AX39" s="244"/>
      <c r="AY39" s="71">
        <v>1</v>
      </c>
      <c r="AZ39" s="71">
        <v>1</v>
      </c>
      <c r="BA39" s="71">
        <v>0</v>
      </c>
      <c r="BB39" s="71">
        <v>0</v>
      </c>
      <c r="BC39" s="71">
        <v>0</v>
      </c>
      <c r="BD39" s="72">
        <v>2</v>
      </c>
      <c r="BE39" s="73">
        <v>5</v>
      </c>
      <c r="BF39" s="70">
        <v>2</v>
      </c>
      <c r="BG39" s="71">
        <v>5</v>
      </c>
      <c r="BH39" s="72">
        <v>7</v>
      </c>
      <c r="BI39" s="244"/>
      <c r="BJ39" s="71">
        <v>4</v>
      </c>
      <c r="BK39" s="71">
        <v>4</v>
      </c>
      <c r="BL39" s="71">
        <v>2</v>
      </c>
      <c r="BM39" s="71">
        <v>3</v>
      </c>
      <c r="BN39" s="71">
        <v>2</v>
      </c>
      <c r="BO39" s="72">
        <v>15</v>
      </c>
      <c r="BP39" s="73">
        <v>22</v>
      </c>
      <c r="BQ39" s="70">
        <v>0</v>
      </c>
      <c r="BR39" s="71">
        <v>2</v>
      </c>
      <c r="BS39" s="72">
        <v>2</v>
      </c>
      <c r="BT39" s="244"/>
      <c r="BU39" s="71">
        <v>5</v>
      </c>
      <c r="BV39" s="71">
        <v>3</v>
      </c>
      <c r="BW39" s="71">
        <v>2</v>
      </c>
      <c r="BX39" s="71">
        <v>1</v>
      </c>
      <c r="BY39" s="71">
        <v>2</v>
      </c>
      <c r="BZ39" s="72">
        <v>13</v>
      </c>
      <c r="CA39" s="73">
        <v>15</v>
      </c>
      <c r="CB39" s="70">
        <v>0</v>
      </c>
      <c r="CC39" s="71">
        <v>0</v>
      </c>
      <c r="CD39" s="72">
        <v>0</v>
      </c>
      <c r="CE39" s="244"/>
      <c r="CF39" s="71">
        <v>0</v>
      </c>
      <c r="CG39" s="71">
        <v>0</v>
      </c>
      <c r="CH39" s="71">
        <v>0</v>
      </c>
      <c r="CI39" s="71">
        <v>0</v>
      </c>
      <c r="CJ39" s="71">
        <v>0</v>
      </c>
      <c r="CK39" s="72">
        <v>0</v>
      </c>
      <c r="CL39" s="73">
        <v>0</v>
      </c>
      <c r="CM39" s="70">
        <v>2</v>
      </c>
      <c r="CN39" s="71">
        <v>11</v>
      </c>
      <c r="CO39" s="72">
        <v>13</v>
      </c>
      <c r="CP39" s="244"/>
      <c r="CQ39" s="71">
        <v>12</v>
      </c>
      <c r="CR39" s="71">
        <v>14</v>
      </c>
      <c r="CS39" s="71">
        <v>5</v>
      </c>
      <c r="CT39" s="71">
        <v>4</v>
      </c>
      <c r="CU39" s="71">
        <v>4</v>
      </c>
      <c r="CV39" s="72">
        <v>39</v>
      </c>
      <c r="CW39" s="73">
        <v>52</v>
      </c>
      <c r="CX39" s="123">
        <v>2</v>
      </c>
      <c r="CY39" s="82">
        <v>4</v>
      </c>
      <c r="CZ39" s="83">
        <v>6</v>
      </c>
      <c r="DA39" s="241"/>
      <c r="DB39" s="82">
        <v>2</v>
      </c>
      <c r="DC39" s="82">
        <v>1</v>
      </c>
      <c r="DD39" s="82">
        <v>0</v>
      </c>
      <c r="DE39" s="82">
        <v>0</v>
      </c>
      <c r="DF39" s="82">
        <v>2</v>
      </c>
      <c r="DG39" s="84">
        <v>5</v>
      </c>
      <c r="DH39" s="85">
        <v>11</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0</v>
      </c>
      <c r="EG39" s="72">
        <v>0</v>
      </c>
      <c r="EH39" s="244"/>
      <c r="EI39" s="71">
        <v>0</v>
      </c>
      <c r="EJ39" s="71">
        <v>0</v>
      </c>
      <c r="EK39" s="71">
        <v>0</v>
      </c>
      <c r="EL39" s="71">
        <v>0</v>
      </c>
      <c r="EM39" s="71">
        <v>0</v>
      </c>
      <c r="EN39" s="72">
        <v>0</v>
      </c>
      <c r="EO39" s="73">
        <v>0</v>
      </c>
      <c r="EP39" s="70">
        <v>0</v>
      </c>
      <c r="EQ39" s="71">
        <v>2</v>
      </c>
      <c r="ER39" s="72">
        <v>2</v>
      </c>
      <c r="ES39" s="244"/>
      <c r="ET39" s="71">
        <v>0</v>
      </c>
      <c r="EU39" s="71">
        <v>1</v>
      </c>
      <c r="EV39" s="71">
        <v>0</v>
      </c>
      <c r="EW39" s="71">
        <v>0</v>
      </c>
      <c r="EX39" s="71">
        <v>0</v>
      </c>
      <c r="EY39" s="72">
        <v>1</v>
      </c>
      <c r="EZ39" s="73">
        <v>3</v>
      </c>
      <c r="FA39" s="70">
        <v>1</v>
      </c>
      <c r="FB39" s="71">
        <v>2</v>
      </c>
      <c r="FC39" s="72">
        <v>3</v>
      </c>
      <c r="FD39" s="244"/>
      <c r="FE39" s="71">
        <v>2</v>
      </c>
      <c r="FF39" s="71">
        <v>0</v>
      </c>
      <c r="FG39" s="71">
        <v>0</v>
      </c>
      <c r="FH39" s="71">
        <v>0</v>
      </c>
      <c r="FI39" s="71">
        <v>0</v>
      </c>
      <c r="FJ39" s="72">
        <v>2</v>
      </c>
      <c r="FK39" s="73">
        <v>5</v>
      </c>
      <c r="FL39" s="70">
        <v>1</v>
      </c>
      <c r="FM39" s="71">
        <v>0</v>
      </c>
      <c r="FN39" s="72">
        <v>1</v>
      </c>
      <c r="FO39" s="244"/>
      <c r="FP39" s="71">
        <v>0</v>
      </c>
      <c r="FQ39" s="71">
        <v>0</v>
      </c>
      <c r="FR39" s="71">
        <v>0</v>
      </c>
      <c r="FS39" s="71">
        <v>0</v>
      </c>
      <c r="FT39" s="71">
        <v>2</v>
      </c>
      <c r="FU39" s="72">
        <v>2</v>
      </c>
      <c r="FV39" s="73">
        <v>3</v>
      </c>
      <c r="FW39" s="70">
        <v>0</v>
      </c>
      <c r="FX39" s="71">
        <v>0</v>
      </c>
      <c r="FY39" s="72">
        <v>0</v>
      </c>
      <c r="FZ39" s="244"/>
      <c r="GA39" s="71">
        <v>0</v>
      </c>
      <c r="GB39" s="71">
        <v>0</v>
      </c>
      <c r="GC39" s="71">
        <v>0</v>
      </c>
      <c r="GD39" s="71">
        <v>0</v>
      </c>
      <c r="GE39" s="71">
        <v>0</v>
      </c>
      <c r="GF39" s="72">
        <v>0</v>
      </c>
      <c r="GG39" s="73">
        <v>0</v>
      </c>
      <c r="GH39" s="70">
        <v>2</v>
      </c>
      <c r="GI39" s="71">
        <v>4</v>
      </c>
      <c r="GJ39" s="72">
        <v>6</v>
      </c>
      <c r="GK39" s="244"/>
      <c r="GL39" s="71">
        <v>2</v>
      </c>
      <c r="GM39" s="71">
        <v>1</v>
      </c>
      <c r="GN39" s="71">
        <v>0</v>
      </c>
      <c r="GO39" s="71">
        <v>0</v>
      </c>
      <c r="GP39" s="71">
        <v>2</v>
      </c>
      <c r="GQ39" s="72">
        <v>5</v>
      </c>
      <c r="GR39" s="73">
        <v>11</v>
      </c>
      <c r="GS39" s="123">
        <v>4</v>
      </c>
      <c r="GT39" s="82">
        <v>15</v>
      </c>
      <c r="GU39" s="83">
        <v>19</v>
      </c>
      <c r="GV39" s="241"/>
      <c r="GW39" s="82">
        <v>14</v>
      </c>
      <c r="GX39" s="82">
        <v>15</v>
      </c>
      <c r="GY39" s="82">
        <v>5</v>
      </c>
      <c r="GZ39" s="82">
        <v>4</v>
      </c>
      <c r="HA39" s="82">
        <v>6</v>
      </c>
      <c r="HB39" s="84">
        <v>44</v>
      </c>
      <c r="HC39" s="85">
        <v>63</v>
      </c>
      <c r="HD39" s="70">
        <v>0</v>
      </c>
      <c r="HE39" s="71">
        <v>0</v>
      </c>
      <c r="HF39" s="72">
        <v>0</v>
      </c>
      <c r="HG39" s="244"/>
      <c r="HH39" s="71">
        <v>1</v>
      </c>
      <c r="HI39" s="71">
        <v>1</v>
      </c>
      <c r="HJ39" s="71">
        <v>0</v>
      </c>
      <c r="HK39" s="71">
        <v>0</v>
      </c>
      <c r="HL39" s="71">
        <v>0</v>
      </c>
      <c r="HM39" s="72">
        <v>2</v>
      </c>
      <c r="HN39" s="73">
        <v>2</v>
      </c>
      <c r="HO39" s="70">
        <v>0</v>
      </c>
      <c r="HP39" s="71">
        <v>0</v>
      </c>
      <c r="HQ39" s="72">
        <v>0</v>
      </c>
      <c r="HR39" s="244"/>
      <c r="HS39" s="71">
        <v>1</v>
      </c>
      <c r="HT39" s="71">
        <v>2</v>
      </c>
      <c r="HU39" s="71">
        <v>1</v>
      </c>
      <c r="HV39" s="71">
        <v>0</v>
      </c>
      <c r="HW39" s="71">
        <v>0</v>
      </c>
      <c r="HX39" s="72">
        <v>4</v>
      </c>
      <c r="HY39" s="73">
        <v>4</v>
      </c>
      <c r="HZ39" s="70">
        <v>0</v>
      </c>
      <c r="IA39" s="71">
        <v>1</v>
      </c>
      <c r="IB39" s="72">
        <v>1</v>
      </c>
      <c r="IC39" s="244"/>
      <c r="ID39" s="71">
        <v>0</v>
      </c>
      <c r="IE39" s="71">
        <v>3</v>
      </c>
      <c r="IF39" s="71">
        <v>0</v>
      </c>
      <c r="IG39" s="71">
        <v>0</v>
      </c>
      <c r="IH39" s="71">
        <v>0</v>
      </c>
      <c r="II39" s="72">
        <v>3</v>
      </c>
      <c r="IJ39" s="73">
        <v>4</v>
      </c>
      <c r="IK39" s="70">
        <v>0</v>
      </c>
      <c r="IL39" s="71">
        <v>5</v>
      </c>
      <c r="IM39" s="72">
        <v>5</v>
      </c>
      <c r="IN39" s="244"/>
      <c r="IO39" s="71">
        <v>1</v>
      </c>
      <c r="IP39" s="71">
        <v>2</v>
      </c>
      <c r="IQ39" s="71">
        <v>0</v>
      </c>
      <c r="IR39" s="71">
        <v>0</v>
      </c>
      <c r="IS39" s="71">
        <v>0</v>
      </c>
      <c r="IT39" s="72">
        <v>3</v>
      </c>
      <c r="IU39" s="73">
        <v>8</v>
      </c>
      <c r="IV39" s="70">
        <v>3</v>
      </c>
      <c r="IW39" s="71">
        <v>7</v>
      </c>
      <c r="IX39" s="72">
        <v>10</v>
      </c>
      <c r="IY39" s="244"/>
      <c r="IZ39" s="71">
        <v>6</v>
      </c>
      <c r="JA39" s="71">
        <v>4</v>
      </c>
      <c r="JB39" s="71">
        <v>2</v>
      </c>
      <c r="JC39" s="71">
        <v>3</v>
      </c>
      <c r="JD39" s="71">
        <v>2</v>
      </c>
      <c r="JE39" s="72">
        <v>17</v>
      </c>
      <c r="JF39" s="73">
        <v>27</v>
      </c>
      <c r="JG39" s="70">
        <v>1</v>
      </c>
      <c r="JH39" s="71">
        <v>2</v>
      </c>
      <c r="JI39" s="72">
        <v>3</v>
      </c>
      <c r="JJ39" s="244"/>
      <c r="JK39" s="71">
        <v>5</v>
      </c>
      <c r="JL39" s="71">
        <v>3</v>
      </c>
      <c r="JM39" s="71">
        <v>2</v>
      </c>
      <c r="JN39" s="71">
        <v>1</v>
      </c>
      <c r="JO39" s="71">
        <v>4</v>
      </c>
      <c r="JP39" s="72">
        <v>15</v>
      </c>
      <c r="JQ39" s="73">
        <v>18</v>
      </c>
      <c r="JR39" s="70">
        <v>0</v>
      </c>
      <c r="JS39" s="71">
        <v>0</v>
      </c>
      <c r="JT39" s="72">
        <v>0</v>
      </c>
      <c r="JU39" s="244"/>
      <c r="JV39" s="71">
        <v>0</v>
      </c>
      <c r="JW39" s="71">
        <v>0</v>
      </c>
      <c r="JX39" s="71">
        <v>0</v>
      </c>
      <c r="JY39" s="71">
        <v>0</v>
      </c>
      <c r="JZ39" s="71">
        <v>0</v>
      </c>
      <c r="KA39" s="72">
        <v>0</v>
      </c>
      <c r="KB39" s="73">
        <v>0</v>
      </c>
      <c r="KC39" s="70">
        <v>4</v>
      </c>
      <c r="KD39" s="71">
        <v>15</v>
      </c>
      <c r="KE39" s="72">
        <v>19</v>
      </c>
      <c r="KF39" s="244"/>
      <c r="KG39" s="71">
        <v>14</v>
      </c>
      <c r="KH39" s="71">
        <v>15</v>
      </c>
      <c r="KI39" s="71">
        <v>5</v>
      </c>
      <c r="KJ39" s="71">
        <v>4</v>
      </c>
      <c r="KK39" s="71">
        <v>6</v>
      </c>
      <c r="KL39" s="72">
        <v>44</v>
      </c>
      <c r="KM39" s="73">
        <v>63</v>
      </c>
    </row>
    <row r="40" spans="2:299" ht="21" customHeight="1" thickBot="1" x14ac:dyDescent="0.25">
      <c r="B40" s="127" t="s">
        <v>37</v>
      </c>
      <c r="C40" s="316">
        <v>0</v>
      </c>
      <c r="D40" s="87">
        <v>1</v>
      </c>
      <c r="E40" s="88">
        <v>1</v>
      </c>
      <c r="F40" s="242"/>
      <c r="G40" s="87">
        <v>0</v>
      </c>
      <c r="H40" s="87">
        <v>1</v>
      </c>
      <c r="I40" s="87">
        <v>1</v>
      </c>
      <c r="J40" s="87">
        <v>1</v>
      </c>
      <c r="K40" s="87">
        <v>0</v>
      </c>
      <c r="L40" s="89">
        <v>3</v>
      </c>
      <c r="M40" s="90">
        <v>4</v>
      </c>
      <c r="N40" s="74">
        <v>0</v>
      </c>
      <c r="O40" s="75">
        <v>0</v>
      </c>
      <c r="P40" s="76">
        <v>0</v>
      </c>
      <c r="Q40" s="245"/>
      <c r="R40" s="75">
        <v>0</v>
      </c>
      <c r="S40" s="75">
        <v>0</v>
      </c>
      <c r="T40" s="75">
        <v>0</v>
      </c>
      <c r="U40" s="75">
        <v>0</v>
      </c>
      <c r="V40" s="75">
        <v>0</v>
      </c>
      <c r="W40" s="76">
        <v>0</v>
      </c>
      <c r="X40" s="77">
        <v>0</v>
      </c>
      <c r="Y40" s="74">
        <v>0</v>
      </c>
      <c r="Z40" s="75">
        <v>0</v>
      </c>
      <c r="AA40" s="76">
        <v>0</v>
      </c>
      <c r="AB40" s="245"/>
      <c r="AC40" s="75">
        <v>0</v>
      </c>
      <c r="AD40" s="75">
        <v>0</v>
      </c>
      <c r="AE40" s="75">
        <v>1</v>
      </c>
      <c r="AF40" s="75">
        <v>0</v>
      </c>
      <c r="AG40" s="75">
        <v>0</v>
      </c>
      <c r="AH40" s="76">
        <v>1</v>
      </c>
      <c r="AI40" s="77">
        <v>1</v>
      </c>
      <c r="AJ40" s="74">
        <v>0</v>
      </c>
      <c r="AK40" s="75">
        <v>1</v>
      </c>
      <c r="AL40" s="76">
        <v>1</v>
      </c>
      <c r="AM40" s="245"/>
      <c r="AN40" s="75">
        <v>0</v>
      </c>
      <c r="AO40" s="75">
        <v>0</v>
      </c>
      <c r="AP40" s="75">
        <v>0</v>
      </c>
      <c r="AQ40" s="75">
        <v>0</v>
      </c>
      <c r="AR40" s="75">
        <v>0</v>
      </c>
      <c r="AS40" s="76">
        <v>0</v>
      </c>
      <c r="AT40" s="77">
        <v>1</v>
      </c>
      <c r="AU40" s="74">
        <v>0</v>
      </c>
      <c r="AV40" s="75">
        <v>0</v>
      </c>
      <c r="AW40" s="76">
        <v>0</v>
      </c>
      <c r="AX40" s="245"/>
      <c r="AY40" s="75">
        <v>0</v>
      </c>
      <c r="AZ40" s="75">
        <v>0</v>
      </c>
      <c r="BA40" s="75">
        <v>0</v>
      </c>
      <c r="BB40" s="75">
        <v>0</v>
      </c>
      <c r="BC40" s="75">
        <v>0</v>
      </c>
      <c r="BD40" s="76">
        <v>0</v>
      </c>
      <c r="BE40" s="77">
        <v>0</v>
      </c>
      <c r="BF40" s="74">
        <v>0</v>
      </c>
      <c r="BG40" s="75">
        <v>0</v>
      </c>
      <c r="BH40" s="76">
        <v>0</v>
      </c>
      <c r="BI40" s="245"/>
      <c r="BJ40" s="75">
        <v>0</v>
      </c>
      <c r="BK40" s="75">
        <v>1</v>
      </c>
      <c r="BL40" s="75">
        <v>0</v>
      </c>
      <c r="BM40" s="75">
        <v>1</v>
      </c>
      <c r="BN40" s="75">
        <v>0</v>
      </c>
      <c r="BO40" s="76">
        <v>2</v>
      </c>
      <c r="BP40" s="77">
        <v>2</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1</v>
      </c>
      <c r="CS40" s="75">
        <v>1</v>
      </c>
      <c r="CT40" s="75">
        <v>1</v>
      </c>
      <c r="CU40" s="75">
        <v>0</v>
      </c>
      <c r="CV40" s="76">
        <v>3</v>
      </c>
      <c r="CW40" s="77">
        <v>4</v>
      </c>
      <c r="CX40" s="124">
        <v>0</v>
      </c>
      <c r="CY40" s="87">
        <v>0</v>
      </c>
      <c r="CZ40" s="88">
        <v>0</v>
      </c>
      <c r="DA40" s="242"/>
      <c r="DB40" s="87">
        <v>0</v>
      </c>
      <c r="DC40" s="87">
        <v>0</v>
      </c>
      <c r="DD40" s="87">
        <v>0</v>
      </c>
      <c r="DE40" s="87">
        <v>1</v>
      </c>
      <c r="DF40" s="87">
        <v>0</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1</v>
      </c>
      <c r="FT40" s="75">
        <v>0</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1</v>
      </c>
      <c r="GP40" s="75">
        <v>0</v>
      </c>
      <c r="GQ40" s="76">
        <v>1</v>
      </c>
      <c r="GR40" s="77">
        <v>1</v>
      </c>
      <c r="GS40" s="124">
        <v>0</v>
      </c>
      <c r="GT40" s="87">
        <v>1</v>
      </c>
      <c r="GU40" s="88">
        <v>1</v>
      </c>
      <c r="GV40" s="242"/>
      <c r="GW40" s="87">
        <v>0</v>
      </c>
      <c r="GX40" s="87">
        <v>1</v>
      </c>
      <c r="GY40" s="87">
        <v>1</v>
      </c>
      <c r="GZ40" s="87">
        <v>2</v>
      </c>
      <c r="HA40" s="87">
        <v>0</v>
      </c>
      <c r="HB40" s="89">
        <v>4</v>
      </c>
      <c r="HC40" s="90">
        <v>5</v>
      </c>
      <c r="HD40" s="74">
        <v>0</v>
      </c>
      <c r="HE40" s="75">
        <v>0</v>
      </c>
      <c r="HF40" s="76">
        <v>0</v>
      </c>
      <c r="HG40" s="245"/>
      <c r="HH40" s="75">
        <v>0</v>
      </c>
      <c r="HI40" s="75">
        <v>0</v>
      </c>
      <c r="HJ40" s="75">
        <v>0</v>
      </c>
      <c r="HK40" s="75">
        <v>0</v>
      </c>
      <c r="HL40" s="75">
        <v>0</v>
      </c>
      <c r="HM40" s="76">
        <v>0</v>
      </c>
      <c r="HN40" s="77">
        <v>0</v>
      </c>
      <c r="HO40" s="74">
        <v>0</v>
      </c>
      <c r="HP40" s="75">
        <v>0</v>
      </c>
      <c r="HQ40" s="76">
        <v>0</v>
      </c>
      <c r="HR40" s="245"/>
      <c r="HS40" s="75">
        <v>0</v>
      </c>
      <c r="HT40" s="75">
        <v>0</v>
      </c>
      <c r="HU40" s="75">
        <v>1</v>
      </c>
      <c r="HV40" s="75">
        <v>0</v>
      </c>
      <c r="HW40" s="75">
        <v>0</v>
      </c>
      <c r="HX40" s="76">
        <v>1</v>
      </c>
      <c r="HY40" s="77">
        <v>1</v>
      </c>
      <c r="HZ40" s="74">
        <v>0</v>
      </c>
      <c r="IA40" s="75">
        <v>1</v>
      </c>
      <c r="IB40" s="76">
        <v>1</v>
      </c>
      <c r="IC40" s="245"/>
      <c r="ID40" s="75">
        <v>0</v>
      </c>
      <c r="IE40" s="75">
        <v>0</v>
      </c>
      <c r="IF40" s="75">
        <v>0</v>
      </c>
      <c r="IG40" s="75">
        <v>0</v>
      </c>
      <c r="IH40" s="75">
        <v>0</v>
      </c>
      <c r="II40" s="76">
        <v>0</v>
      </c>
      <c r="IJ40" s="77">
        <v>1</v>
      </c>
      <c r="IK40" s="74">
        <v>0</v>
      </c>
      <c r="IL40" s="75">
        <v>0</v>
      </c>
      <c r="IM40" s="76">
        <v>0</v>
      </c>
      <c r="IN40" s="245"/>
      <c r="IO40" s="75">
        <v>0</v>
      </c>
      <c r="IP40" s="75">
        <v>0</v>
      </c>
      <c r="IQ40" s="75">
        <v>0</v>
      </c>
      <c r="IR40" s="75">
        <v>0</v>
      </c>
      <c r="IS40" s="75">
        <v>0</v>
      </c>
      <c r="IT40" s="76">
        <v>0</v>
      </c>
      <c r="IU40" s="77">
        <v>0</v>
      </c>
      <c r="IV40" s="74">
        <v>0</v>
      </c>
      <c r="IW40" s="75">
        <v>0</v>
      </c>
      <c r="IX40" s="76">
        <v>0</v>
      </c>
      <c r="IY40" s="245"/>
      <c r="IZ40" s="75">
        <v>0</v>
      </c>
      <c r="JA40" s="75">
        <v>1</v>
      </c>
      <c r="JB40" s="75">
        <v>0</v>
      </c>
      <c r="JC40" s="75">
        <v>1</v>
      </c>
      <c r="JD40" s="75">
        <v>0</v>
      </c>
      <c r="JE40" s="76">
        <v>2</v>
      </c>
      <c r="JF40" s="77">
        <v>2</v>
      </c>
      <c r="JG40" s="74">
        <v>0</v>
      </c>
      <c r="JH40" s="75">
        <v>0</v>
      </c>
      <c r="JI40" s="76">
        <v>0</v>
      </c>
      <c r="JJ40" s="245"/>
      <c r="JK40" s="75">
        <v>0</v>
      </c>
      <c r="JL40" s="75">
        <v>0</v>
      </c>
      <c r="JM40" s="75">
        <v>0</v>
      </c>
      <c r="JN40" s="75">
        <v>1</v>
      </c>
      <c r="JO40" s="75">
        <v>0</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1</v>
      </c>
      <c r="KI40" s="75">
        <v>1</v>
      </c>
      <c r="KJ40" s="75">
        <v>2</v>
      </c>
      <c r="KK40" s="75">
        <v>0</v>
      </c>
      <c r="KL40" s="76">
        <v>4</v>
      </c>
      <c r="KM40" s="77">
        <v>5</v>
      </c>
    </row>
    <row r="41" spans="2:299" ht="32.25" customHeight="1" x14ac:dyDescent="0.2">
      <c r="C41" s="310" t="s">
        <v>126</v>
      </c>
    </row>
  </sheetData>
  <mergeCells count="36">
    <mergeCell ref="CX3:GR3"/>
    <mergeCell ref="C5:M5"/>
    <mergeCell ref="N5:X5"/>
    <mergeCell ref="Y5:AI5"/>
    <mergeCell ref="AJ5:AT5"/>
    <mergeCell ref="AU5:BE5"/>
    <mergeCell ref="EP5:EZ5"/>
    <mergeCell ref="GH4:GR5"/>
    <mergeCell ref="BQ5:CA5"/>
    <mergeCell ref="CX5:DH5"/>
    <mergeCell ref="FA5:FK5"/>
    <mergeCell ref="FL5:FV5"/>
    <mergeCell ref="C4:CA4"/>
    <mergeCell ref="CM4:CW5"/>
    <mergeCell ref="BF5:BP5"/>
    <mergeCell ref="I1:J1"/>
    <mergeCell ref="F1:G1"/>
    <mergeCell ref="CB4:CL5"/>
    <mergeCell ref="B3:B5"/>
    <mergeCell ref="C3:CW3"/>
    <mergeCell ref="GS5:HC5"/>
    <mergeCell ref="DI5:DS5"/>
    <mergeCell ref="DT5:ED5"/>
    <mergeCell ref="EE5:EO5"/>
    <mergeCell ref="GS3:KM3"/>
    <mergeCell ref="GS4:JQ4"/>
    <mergeCell ref="JR4:KB5"/>
    <mergeCell ref="KC4:KM5"/>
    <mergeCell ref="IK5:IU5"/>
    <mergeCell ref="IV5:JF5"/>
    <mergeCell ref="JG5:JQ5"/>
    <mergeCell ref="HD5:HN5"/>
    <mergeCell ref="HO5:HY5"/>
    <mergeCell ref="HZ5:IJ5"/>
    <mergeCell ref="CX4:FV4"/>
    <mergeCell ref="FW4:GG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sheetPr>
  <dimension ref="B1:KM41"/>
  <sheetViews>
    <sheetView zoomScaleNormal="100" workbookViewId="0">
      <pane xSplit="2" ySplit="7" topLeftCell="C8"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9.44140625" style="44" customWidth="1"/>
    <col min="3" max="11" width="7.88671875" style="43" customWidth="1"/>
    <col min="12" max="13" width="8.77734375" style="43" customWidth="1"/>
    <col min="14" max="33" width="7.88671875" style="43" customWidth="1"/>
    <col min="34" max="34" width="9.109375" style="43" customWidth="1"/>
    <col min="35" max="35" width="8.44140625" style="43" customWidth="1"/>
    <col min="36" max="55" width="7.88671875" style="43" customWidth="1"/>
    <col min="56" max="56" width="9.109375" style="43" customWidth="1"/>
    <col min="57" max="57" width="8.44140625" style="43" customWidth="1"/>
    <col min="58" max="77" width="7.88671875" style="43" customWidth="1"/>
    <col min="78" max="78" width="9.109375" style="43" customWidth="1"/>
    <col min="79" max="79" width="8.44140625" style="43" customWidth="1"/>
    <col min="80" max="86" width="7.88671875" style="43" customWidth="1"/>
    <col min="87" max="93" width="9" style="43"/>
    <col min="94" max="94" width="8.44140625" style="43" customWidth="1"/>
    <col min="95" max="102" width="9" style="43"/>
    <col min="103" max="104" width="9" style="44"/>
    <col min="105" max="105" width="7.77734375" style="44" customWidth="1"/>
    <col min="106" max="115" width="9" style="44"/>
    <col min="116" max="116" width="7.77734375" style="44" customWidth="1"/>
    <col min="117" max="126" width="9" style="44"/>
    <col min="127" max="127" width="7.77734375" style="44" customWidth="1"/>
    <col min="128" max="137" width="9" style="44"/>
    <col min="138" max="138" width="8" style="44" customWidth="1"/>
    <col min="139" max="148" width="9" style="44"/>
    <col min="149" max="149" width="7.77734375" style="44" customWidth="1"/>
    <col min="150" max="159" width="9" style="44"/>
    <col min="160" max="160" width="7.44140625" style="44" customWidth="1"/>
    <col min="161" max="170" width="9" style="44"/>
    <col min="171" max="171" width="7.88671875" style="44" customWidth="1"/>
    <col min="172" max="181" width="9" style="44"/>
    <col min="182" max="182" width="7.21875" style="44" customWidth="1"/>
    <col min="183" max="192" width="9" style="44"/>
    <col min="193" max="193" width="8" style="44" customWidth="1"/>
    <col min="194" max="203" width="9" style="44"/>
    <col min="204" max="204" width="7.88671875" style="44" customWidth="1"/>
    <col min="205" max="214" width="9" style="44"/>
    <col min="215" max="215" width="7.88671875" style="44" customWidth="1"/>
    <col min="216" max="225" width="9" style="44"/>
    <col min="226" max="226" width="7.33203125" style="44" customWidth="1"/>
    <col min="227" max="236" width="9" style="44"/>
    <col min="237" max="237" width="7.6640625" style="44" customWidth="1"/>
    <col min="238" max="247" width="9" style="44"/>
    <col min="248" max="248" width="8" style="44" customWidth="1"/>
    <col min="249" max="258" width="9" style="44"/>
    <col min="259" max="259" width="8" style="44" customWidth="1"/>
    <col min="260" max="269" width="9" style="44"/>
    <col min="270" max="270" width="8" style="44" customWidth="1"/>
    <col min="271" max="280" width="9" style="44"/>
    <col min="281" max="281" width="8" style="44" customWidth="1"/>
    <col min="282" max="291" width="9" style="44"/>
    <col min="292" max="292" width="8.109375" style="44" customWidth="1"/>
    <col min="293" max="16384" width="9" style="44"/>
  </cols>
  <sheetData>
    <row r="1" spans="2:299" ht="24" customHeight="1" x14ac:dyDescent="0.2">
      <c r="B1" s="12" t="s">
        <v>121</v>
      </c>
      <c r="F1" s="535">
        <f>第１表!F2</f>
        <v>4</v>
      </c>
      <c r="G1" s="535"/>
      <c r="H1" s="248">
        <f>第１表!G2</f>
        <v>12</v>
      </c>
      <c r="I1" s="534">
        <f>H1</f>
        <v>12</v>
      </c>
      <c r="J1" s="534"/>
    </row>
    <row r="2" spans="2:299" ht="24" customHeight="1" thickBot="1" x14ac:dyDescent="0.25">
      <c r="B2" s="20" t="s">
        <v>153</v>
      </c>
    </row>
    <row r="3" spans="2:299" ht="21" customHeight="1" thickBot="1" x14ac:dyDescent="0.25">
      <c r="B3" s="521" t="s">
        <v>38</v>
      </c>
      <c r="C3" s="516" t="s">
        <v>96</v>
      </c>
      <c r="D3" s="516"/>
      <c r="E3" s="516"/>
      <c r="F3" s="516"/>
      <c r="G3" s="516"/>
      <c r="H3" s="516"/>
      <c r="I3" s="516"/>
      <c r="J3" s="516"/>
      <c r="K3" s="516"/>
      <c r="L3" s="516"/>
      <c r="M3" s="516"/>
      <c r="N3" s="516"/>
      <c r="O3" s="516"/>
      <c r="P3" s="516"/>
      <c r="Q3" s="516"/>
      <c r="R3" s="516"/>
      <c r="S3" s="516"/>
      <c r="T3" s="516"/>
      <c r="U3" s="516"/>
      <c r="V3" s="516"/>
      <c r="W3" s="516"/>
      <c r="X3" s="516"/>
      <c r="Y3" s="516"/>
      <c r="Z3" s="516"/>
      <c r="AA3" s="516"/>
      <c r="AB3" s="516"/>
      <c r="AC3" s="516"/>
      <c r="AD3" s="516"/>
      <c r="AE3" s="516"/>
      <c r="AF3" s="516"/>
      <c r="AG3" s="516"/>
      <c r="AH3" s="516"/>
      <c r="AI3" s="516"/>
      <c r="AJ3" s="516"/>
      <c r="AK3" s="516"/>
      <c r="AL3" s="516"/>
      <c r="AM3" s="516"/>
      <c r="AN3" s="516"/>
      <c r="AO3" s="516"/>
      <c r="AP3" s="516"/>
      <c r="AQ3" s="516"/>
      <c r="AR3" s="516"/>
      <c r="AS3" s="516"/>
      <c r="AT3" s="516"/>
      <c r="AU3" s="516"/>
      <c r="AV3" s="516"/>
      <c r="AW3" s="516"/>
      <c r="AX3" s="516"/>
      <c r="AY3" s="516"/>
      <c r="AZ3" s="516"/>
      <c r="BA3" s="516"/>
      <c r="BB3" s="516"/>
      <c r="BC3" s="516"/>
      <c r="BD3" s="516"/>
      <c r="BE3" s="516"/>
      <c r="BF3" s="516"/>
      <c r="BG3" s="516"/>
      <c r="BH3" s="516"/>
      <c r="BI3" s="516"/>
      <c r="BJ3" s="516"/>
      <c r="BK3" s="516"/>
      <c r="BL3" s="516"/>
      <c r="BM3" s="516"/>
      <c r="BN3" s="516"/>
      <c r="BO3" s="516"/>
      <c r="BP3" s="516"/>
      <c r="BQ3" s="516"/>
      <c r="BR3" s="516"/>
      <c r="BS3" s="516"/>
      <c r="BT3" s="516"/>
      <c r="BU3" s="516"/>
      <c r="BV3" s="516"/>
      <c r="BW3" s="516"/>
      <c r="BX3" s="516"/>
      <c r="BY3" s="516"/>
      <c r="BZ3" s="516"/>
      <c r="CA3" s="516"/>
      <c r="CB3" s="516"/>
      <c r="CC3" s="516"/>
      <c r="CD3" s="516"/>
      <c r="CE3" s="516"/>
      <c r="CF3" s="516"/>
      <c r="CG3" s="516"/>
      <c r="CH3" s="516"/>
      <c r="CI3" s="516"/>
      <c r="CJ3" s="516"/>
      <c r="CK3" s="516"/>
      <c r="CL3" s="516"/>
      <c r="CM3" s="516"/>
      <c r="CN3" s="516"/>
      <c r="CO3" s="516"/>
      <c r="CP3" s="516"/>
      <c r="CQ3" s="516"/>
      <c r="CR3" s="516"/>
      <c r="CS3" s="516"/>
      <c r="CT3" s="516"/>
      <c r="CU3" s="516"/>
      <c r="CV3" s="516"/>
      <c r="CW3" s="517"/>
      <c r="CX3" s="516" t="s">
        <v>103</v>
      </c>
      <c r="CY3" s="516"/>
      <c r="CZ3" s="516"/>
      <c r="DA3" s="516"/>
      <c r="DB3" s="516"/>
      <c r="DC3" s="516"/>
      <c r="DD3" s="516"/>
      <c r="DE3" s="516"/>
      <c r="DF3" s="516"/>
      <c r="DG3" s="516"/>
      <c r="DH3" s="516"/>
      <c r="DI3" s="516"/>
      <c r="DJ3" s="516"/>
      <c r="DK3" s="516"/>
      <c r="DL3" s="516"/>
      <c r="DM3" s="516"/>
      <c r="DN3" s="516"/>
      <c r="DO3" s="516"/>
      <c r="DP3" s="516"/>
      <c r="DQ3" s="516"/>
      <c r="DR3" s="516"/>
      <c r="DS3" s="516"/>
      <c r="DT3" s="516"/>
      <c r="DU3" s="516"/>
      <c r="DV3" s="516"/>
      <c r="DW3" s="516"/>
      <c r="DX3" s="516"/>
      <c r="DY3" s="516"/>
      <c r="DZ3" s="516"/>
      <c r="EA3" s="516"/>
      <c r="EB3" s="516"/>
      <c r="EC3" s="516"/>
      <c r="ED3" s="516"/>
      <c r="EE3" s="516"/>
      <c r="EF3" s="516"/>
      <c r="EG3" s="516"/>
      <c r="EH3" s="516"/>
      <c r="EI3" s="516"/>
      <c r="EJ3" s="516"/>
      <c r="EK3" s="516"/>
      <c r="EL3" s="516"/>
      <c r="EM3" s="516"/>
      <c r="EN3" s="516"/>
      <c r="EO3" s="516"/>
      <c r="EP3" s="516"/>
      <c r="EQ3" s="516"/>
      <c r="ER3" s="516"/>
      <c r="ES3" s="516"/>
      <c r="ET3" s="516"/>
      <c r="EU3" s="516"/>
      <c r="EV3" s="516"/>
      <c r="EW3" s="516"/>
      <c r="EX3" s="516"/>
      <c r="EY3" s="516"/>
      <c r="EZ3" s="516"/>
      <c r="FA3" s="516"/>
      <c r="FB3" s="516"/>
      <c r="FC3" s="516"/>
      <c r="FD3" s="516"/>
      <c r="FE3" s="516"/>
      <c r="FF3" s="516"/>
      <c r="FG3" s="516"/>
      <c r="FH3" s="516"/>
      <c r="FI3" s="516"/>
      <c r="FJ3" s="516"/>
      <c r="FK3" s="516"/>
      <c r="FL3" s="516"/>
      <c r="FM3" s="516"/>
      <c r="FN3" s="516"/>
      <c r="FO3" s="516"/>
      <c r="FP3" s="516"/>
      <c r="FQ3" s="516"/>
      <c r="FR3" s="516"/>
      <c r="FS3" s="516"/>
      <c r="FT3" s="516"/>
      <c r="FU3" s="516"/>
      <c r="FV3" s="516"/>
      <c r="FW3" s="516"/>
      <c r="FX3" s="516"/>
      <c r="FY3" s="516"/>
      <c r="FZ3" s="516"/>
      <c r="GA3" s="516"/>
      <c r="GB3" s="516"/>
      <c r="GC3" s="516"/>
      <c r="GD3" s="516"/>
      <c r="GE3" s="516"/>
      <c r="GF3" s="516"/>
      <c r="GG3" s="516"/>
      <c r="GH3" s="516"/>
      <c r="GI3" s="516"/>
      <c r="GJ3" s="516"/>
      <c r="GK3" s="516"/>
      <c r="GL3" s="516"/>
      <c r="GM3" s="516"/>
      <c r="GN3" s="516"/>
      <c r="GO3" s="516"/>
      <c r="GP3" s="516"/>
      <c r="GQ3" s="516"/>
      <c r="GR3" s="517"/>
      <c r="GS3" s="516" t="s">
        <v>104</v>
      </c>
      <c r="GT3" s="516"/>
      <c r="GU3" s="516"/>
      <c r="GV3" s="516"/>
      <c r="GW3" s="516"/>
      <c r="GX3" s="516"/>
      <c r="GY3" s="516"/>
      <c r="GZ3" s="516"/>
      <c r="HA3" s="516"/>
      <c r="HB3" s="516"/>
      <c r="HC3" s="516"/>
      <c r="HD3" s="516"/>
      <c r="HE3" s="516"/>
      <c r="HF3" s="516"/>
      <c r="HG3" s="516"/>
      <c r="HH3" s="516"/>
      <c r="HI3" s="516"/>
      <c r="HJ3" s="516"/>
      <c r="HK3" s="516"/>
      <c r="HL3" s="516"/>
      <c r="HM3" s="516"/>
      <c r="HN3" s="516"/>
      <c r="HO3" s="516"/>
      <c r="HP3" s="516"/>
      <c r="HQ3" s="516"/>
      <c r="HR3" s="516"/>
      <c r="HS3" s="516"/>
      <c r="HT3" s="516"/>
      <c r="HU3" s="516"/>
      <c r="HV3" s="516"/>
      <c r="HW3" s="516"/>
      <c r="HX3" s="516"/>
      <c r="HY3" s="516"/>
      <c r="HZ3" s="516"/>
      <c r="IA3" s="516"/>
      <c r="IB3" s="516"/>
      <c r="IC3" s="516"/>
      <c r="ID3" s="516"/>
      <c r="IE3" s="516"/>
      <c r="IF3" s="516"/>
      <c r="IG3" s="516"/>
      <c r="IH3" s="516"/>
      <c r="II3" s="516"/>
      <c r="IJ3" s="516"/>
      <c r="IK3" s="516"/>
      <c r="IL3" s="516"/>
      <c r="IM3" s="516"/>
      <c r="IN3" s="516"/>
      <c r="IO3" s="516"/>
      <c r="IP3" s="516"/>
      <c r="IQ3" s="516"/>
      <c r="IR3" s="516"/>
      <c r="IS3" s="516"/>
      <c r="IT3" s="516"/>
      <c r="IU3" s="516"/>
      <c r="IV3" s="516"/>
      <c r="IW3" s="516"/>
      <c r="IX3" s="516"/>
      <c r="IY3" s="516"/>
      <c r="IZ3" s="516"/>
      <c r="JA3" s="516"/>
      <c r="JB3" s="516"/>
      <c r="JC3" s="516"/>
      <c r="JD3" s="516"/>
      <c r="JE3" s="516"/>
      <c r="JF3" s="516"/>
      <c r="JG3" s="516"/>
      <c r="JH3" s="516"/>
      <c r="JI3" s="516"/>
      <c r="JJ3" s="516"/>
      <c r="JK3" s="516"/>
      <c r="JL3" s="516"/>
      <c r="JM3" s="516"/>
      <c r="JN3" s="516"/>
      <c r="JO3" s="516"/>
      <c r="JP3" s="516"/>
      <c r="JQ3" s="516"/>
      <c r="JR3" s="516"/>
      <c r="JS3" s="516"/>
      <c r="JT3" s="516"/>
      <c r="JU3" s="516"/>
      <c r="JV3" s="516"/>
      <c r="JW3" s="516"/>
      <c r="JX3" s="516"/>
      <c r="JY3" s="516"/>
      <c r="JZ3" s="516"/>
      <c r="KA3" s="516"/>
      <c r="KB3" s="516"/>
      <c r="KC3" s="516"/>
      <c r="KD3" s="516"/>
      <c r="KE3" s="516"/>
      <c r="KF3" s="516"/>
      <c r="KG3" s="516"/>
      <c r="KH3" s="516"/>
      <c r="KI3" s="516"/>
      <c r="KJ3" s="516"/>
      <c r="KK3" s="516"/>
      <c r="KL3" s="516"/>
      <c r="KM3" s="517"/>
    </row>
    <row r="4" spans="2:299" ht="21" customHeight="1" thickBot="1" x14ac:dyDescent="0.25">
      <c r="B4" s="533"/>
      <c r="C4" s="518" t="s">
        <v>39</v>
      </c>
      <c r="D4" s="519"/>
      <c r="E4" s="519"/>
      <c r="F4" s="519"/>
      <c r="G4" s="519"/>
      <c r="H4" s="519"/>
      <c r="I4" s="519"/>
      <c r="J4" s="519"/>
      <c r="K4" s="519"/>
      <c r="L4" s="519"/>
      <c r="M4" s="519"/>
      <c r="N4" s="519"/>
      <c r="O4" s="519"/>
      <c r="P4" s="519"/>
      <c r="Q4" s="519"/>
      <c r="R4" s="519"/>
      <c r="S4" s="519"/>
      <c r="T4" s="519"/>
      <c r="U4" s="519"/>
      <c r="V4" s="519"/>
      <c r="W4" s="519"/>
      <c r="X4" s="519"/>
      <c r="Y4" s="519"/>
      <c r="Z4" s="519"/>
      <c r="AA4" s="519"/>
      <c r="AB4" s="519"/>
      <c r="AC4" s="519"/>
      <c r="AD4" s="519"/>
      <c r="AE4" s="519"/>
      <c r="AF4" s="519"/>
      <c r="AG4" s="519"/>
      <c r="AH4" s="519"/>
      <c r="AI4" s="519"/>
      <c r="AJ4" s="519"/>
      <c r="AK4" s="519"/>
      <c r="AL4" s="519"/>
      <c r="AM4" s="519"/>
      <c r="AN4" s="519"/>
      <c r="AO4" s="519"/>
      <c r="AP4" s="519"/>
      <c r="AQ4" s="519"/>
      <c r="AR4" s="519"/>
      <c r="AS4" s="519"/>
      <c r="AT4" s="519"/>
      <c r="AU4" s="519"/>
      <c r="AV4" s="519"/>
      <c r="AW4" s="519"/>
      <c r="AX4" s="519"/>
      <c r="AY4" s="519"/>
      <c r="AZ4" s="519"/>
      <c r="BA4" s="519"/>
      <c r="BB4" s="519"/>
      <c r="BC4" s="519"/>
      <c r="BD4" s="519"/>
      <c r="BE4" s="519"/>
      <c r="BF4" s="519"/>
      <c r="BG4" s="519"/>
      <c r="BH4" s="519"/>
      <c r="BI4" s="519"/>
      <c r="BJ4" s="519"/>
      <c r="BK4" s="519"/>
      <c r="BL4" s="519"/>
      <c r="BM4" s="519"/>
      <c r="BN4" s="519"/>
      <c r="BO4" s="519"/>
      <c r="BP4" s="519"/>
      <c r="BQ4" s="519"/>
      <c r="BR4" s="519"/>
      <c r="BS4" s="519"/>
      <c r="BT4" s="519"/>
      <c r="BU4" s="519"/>
      <c r="BV4" s="519"/>
      <c r="BW4" s="519"/>
      <c r="BX4" s="519"/>
      <c r="BY4" s="519"/>
      <c r="BZ4" s="519"/>
      <c r="CA4" s="520"/>
      <c r="CB4" s="521" t="s">
        <v>40</v>
      </c>
      <c r="CC4" s="522"/>
      <c r="CD4" s="522"/>
      <c r="CE4" s="522"/>
      <c r="CF4" s="522"/>
      <c r="CG4" s="522"/>
      <c r="CH4" s="522"/>
      <c r="CI4" s="522"/>
      <c r="CJ4" s="522"/>
      <c r="CK4" s="522"/>
      <c r="CL4" s="523"/>
      <c r="CM4" s="521" t="s">
        <v>41</v>
      </c>
      <c r="CN4" s="522"/>
      <c r="CO4" s="522"/>
      <c r="CP4" s="522"/>
      <c r="CQ4" s="522"/>
      <c r="CR4" s="522"/>
      <c r="CS4" s="522"/>
      <c r="CT4" s="522"/>
      <c r="CU4" s="522"/>
      <c r="CV4" s="522"/>
      <c r="CW4" s="523"/>
      <c r="CX4" s="518" t="s">
        <v>39</v>
      </c>
      <c r="CY4" s="519"/>
      <c r="CZ4" s="519"/>
      <c r="DA4" s="519"/>
      <c r="DB4" s="519"/>
      <c r="DC4" s="519"/>
      <c r="DD4" s="519"/>
      <c r="DE4" s="519"/>
      <c r="DF4" s="519"/>
      <c r="DG4" s="519"/>
      <c r="DH4" s="519"/>
      <c r="DI4" s="519"/>
      <c r="DJ4" s="519"/>
      <c r="DK4" s="519"/>
      <c r="DL4" s="519"/>
      <c r="DM4" s="519"/>
      <c r="DN4" s="519"/>
      <c r="DO4" s="519"/>
      <c r="DP4" s="519"/>
      <c r="DQ4" s="519"/>
      <c r="DR4" s="519"/>
      <c r="DS4" s="519"/>
      <c r="DT4" s="519"/>
      <c r="DU4" s="519"/>
      <c r="DV4" s="519"/>
      <c r="DW4" s="519"/>
      <c r="DX4" s="519"/>
      <c r="DY4" s="519"/>
      <c r="DZ4" s="519"/>
      <c r="EA4" s="519"/>
      <c r="EB4" s="519"/>
      <c r="EC4" s="519"/>
      <c r="ED4" s="519"/>
      <c r="EE4" s="519"/>
      <c r="EF4" s="519"/>
      <c r="EG4" s="519"/>
      <c r="EH4" s="519"/>
      <c r="EI4" s="519"/>
      <c r="EJ4" s="519"/>
      <c r="EK4" s="519"/>
      <c r="EL4" s="519"/>
      <c r="EM4" s="519"/>
      <c r="EN4" s="519"/>
      <c r="EO4" s="519"/>
      <c r="EP4" s="519"/>
      <c r="EQ4" s="519"/>
      <c r="ER4" s="519"/>
      <c r="ES4" s="519"/>
      <c r="ET4" s="519"/>
      <c r="EU4" s="519"/>
      <c r="EV4" s="519"/>
      <c r="EW4" s="519"/>
      <c r="EX4" s="519"/>
      <c r="EY4" s="519"/>
      <c r="EZ4" s="519"/>
      <c r="FA4" s="519"/>
      <c r="FB4" s="519"/>
      <c r="FC4" s="519"/>
      <c r="FD4" s="519"/>
      <c r="FE4" s="519"/>
      <c r="FF4" s="519"/>
      <c r="FG4" s="519"/>
      <c r="FH4" s="519"/>
      <c r="FI4" s="519"/>
      <c r="FJ4" s="519"/>
      <c r="FK4" s="519"/>
      <c r="FL4" s="519"/>
      <c r="FM4" s="519"/>
      <c r="FN4" s="519"/>
      <c r="FO4" s="519"/>
      <c r="FP4" s="519"/>
      <c r="FQ4" s="519"/>
      <c r="FR4" s="519"/>
      <c r="FS4" s="519"/>
      <c r="FT4" s="519"/>
      <c r="FU4" s="519"/>
      <c r="FV4" s="520"/>
      <c r="FW4" s="521" t="s">
        <v>40</v>
      </c>
      <c r="FX4" s="522"/>
      <c r="FY4" s="522"/>
      <c r="FZ4" s="522"/>
      <c r="GA4" s="522"/>
      <c r="GB4" s="522"/>
      <c r="GC4" s="522"/>
      <c r="GD4" s="522"/>
      <c r="GE4" s="522"/>
      <c r="GF4" s="522"/>
      <c r="GG4" s="523"/>
      <c r="GH4" s="521" t="s">
        <v>41</v>
      </c>
      <c r="GI4" s="522"/>
      <c r="GJ4" s="522"/>
      <c r="GK4" s="522"/>
      <c r="GL4" s="522"/>
      <c r="GM4" s="522"/>
      <c r="GN4" s="522"/>
      <c r="GO4" s="522"/>
      <c r="GP4" s="522"/>
      <c r="GQ4" s="522"/>
      <c r="GR4" s="523"/>
      <c r="GS4" s="518" t="s">
        <v>39</v>
      </c>
      <c r="GT4" s="519"/>
      <c r="GU4" s="519"/>
      <c r="GV4" s="519"/>
      <c r="GW4" s="519"/>
      <c r="GX4" s="519"/>
      <c r="GY4" s="519"/>
      <c r="GZ4" s="519"/>
      <c r="HA4" s="519"/>
      <c r="HB4" s="519"/>
      <c r="HC4" s="519"/>
      <c r="HD4" s="519"/>
      <c r="HE4" s="519"/>
      <c r="HF4" s="519"/>
      <c r="HG4" s="519"/>
      <c r="HH4" s="519"/>
      <c r="HI4" s="519"/>
      <c r="HJ4" s="519"/>
      <c r="HK4" s="519"/>
      <c r="HL4" s="519"/>
      <c r="HM4" s="519"/>
      <c r="HN4" s="519"/>
      <c r="HO4" s="519"/>
      <c r="HP4" s="519"/>
      <c r="HQ4" s="519"/>
      <c r="HR4" s="519"/>
      <c r="HS4" s="519"/>
      <c r="HT4" s="519"/>
      <c r="HU4" s="519"/>
      <c r="HV4" s="519"/>
      <c r="HW4" s="519"/>
      <c r="HX4" s="519"/>
      <c r="HY4" s="519"/>
      <c r="HZ4" s="519"/>
      <c r="IA4" s="519"/>
      <c r="IB4" s="519"/>
      <c r="IC4" s="519"/>
      <c r="ID4" s="519"/>
      <c r="IE4" s="519"/>
      <c r="IF4" s="519"/>
      <c r="IG4" s="519"/>
      <c r="IH4" s="519"/>
      <c r="II4" s="519"/>
      <c r="IJ4" s="519"/>
      <c r="IK4" s="519"/>
      <c r="IL4" s="519"/>
      <c r="IM4" s="519"/>
      <c r="IN4" s="519"/>
      <c r="IO4" s="519"/>
      <c r="IP4" s="519"/>
      <c r="IQ4" s="519"/>
      <c r="IR4" s="519"/>
      <c r="IS4" s="519"/>
      <c r="IT4" s="519"/>
      <c r="IU4" s="519"/>
      <c r="IV4" s="519"/>
      <c r="IW4" s="519"/>
      <c r="IX4" s="519"/>
      <c r="IY4" s="519"/>
      <c r="IZ4" s="519"/>
      <c r="JA4" s="519"/>
      <c r="JB4" s="519"/>
      <c r="JC4" s="519"/>
      <c r="JD4" s="519"/>
      <c r="JE4" s="519"/>
      <c r="JF4" s="519"/>
      <c r="JG4" s="519"/>
      <c r="JH4" s="519"/>
      <c r="JI4" s="519"/>
      <c r="JJ4" s="519"/>
      <c r="JK4" s="519"/>
      <c r="JL4" s="519"/>
      <c r="JM4" s="519"/>
      <c r="JN4" s="519"/>
      <c r="JO4" s="519"/>
      <c r="JP4" s="519"/>
      <c r="JQ4" s="520"/>
      <c r="JR4" s="521" t="s">
        <v>40</v>
      </c>
      <c r="JS4" s="522"/>
      <c r="JT4" s="522"/>
      <c r="JU4" s="522"/>
      <c r="JV4" s="522"/>
      <c r="JW4" s="522"/>
      <c r="JX4" s="522"/>
      <c r="JY4" s="522"/>
      <c r="JZ4" s="522"/>
      <c r="KA4" s="522"/>
      <c r="KB4" s="523"/>
      <c r="KC4" s="521" t="s">
        <v>41</v>
      </c>
      <c r="KD4" s="522"/>
      <c r="KE4" s="522"/>
      <c r="KF4" s="522"/>
      <c r="KG4" s="522"/>
      <c r="KH4" s="522"/>
      <c r="KI4" s="522"/>
      <c r="KJ4" s="522"/>
      <c r="KK4" s="522"/>
      <c r="KL4" s="522"/>
      <c r="KM4" s="523"/>
    </row>
    <row r="5" spans="2:299" ht="21" customHeight="1" thickBot="1" x14ac:dyDescent="0.25">
      <c r="B5" s="527"/>
      <c r="C5" s="527"/>
      <c r="D5" s="528"/>
      <c r="E5" s="528"/>
      <c r="F5" s="528"/>
      <c r="G5" s="528"/>
      <c r="H5" s="528"/>
      <c r="I5" s="528"/>
      <c r="J5" s="528"/>
      <c r="K5" s="528"/>
      <c r="L5" s="528"/>
      <c r="M5" s="529"/>
      <c r="N5" s="530" t="s">
        <v>97</v>
      </c>
      <c r="O5" s="531"/>
      <c r="P5" s="531"/>
      <c r="Q5" s="531"/>
      <c r="R5" s="531"/>
      <c r="S5" s="531"/>
      <c r="T5" s="531"/>
      <c r="U5" s="531"/>
      <c r="V5" s="531"/>
      <c r="W5" s="531"/>
      <c r="X5" s="532"/>
      <c r="Y5" s="530" t="s">
        <v>98</v>
      </c>
      <c r="Z5" s="531"/>
      <c r="AA5" s="531"/>
      <c r="AB5" s="531"/>
      <c r="AC5" s="531"/>
      <c r="AD5" s="531"/>
      <c r="AE5" s="531"/>
      <c r="AF5" s="531"/>
      <c r="AG5" s="531"/>
      <c r="AH5" s="531"/>
      <c r="AI5" s="532"/>
      <c r="AJ5" s="530" t="s">
        <v>99</v>
      </c>
      <c r="AK5" s="531"/>
      <c r="AL5" s="531"/>
      <c r="AM5" s="531"/>
      <c r="AN5" s="531"/>
      <c r="AO5" s="531"/>
      <c r="AP5" s="531"/>
      <c r="AQ5" s="531"/>
      <c r="AR5" s="531"/>
      <c r="AS5" s="531"/>
      <c r="AT5" s="532"/>
      <c r="AU5" s="530" t="s">
        <v>100</v>
      </c>
      <c r="AV5" s="531"/>
      <c r="AW5" s="531"/>
      <c r="AX5" s="531"/>
      <c r="AY5" s="531"/>
      <c r="AZ5" s="531"/>
      <c r="BA5" s="531"/>
      <c r="BB5" s="531"/>
      <c r="BC5" s="531"/>
      <c r="BD5" s="531"/>
      <c r="BE5" s="532"/>
      <c r="BF5" s="530" t="s">
        <v>101</v>
      </c>
      <c r="BG5" s="531"/>
      <c r="BH5" s="531"/>
      <c r="BI5" s="531"/>
      <c r="BJ5" s="531"/>
      <c r="BK5" s="531"/>
      <c r="BL5" s="531"/>
      <c r="BM5" s="531"/>
      <c r="BN5" s="531"/>
      <c r="BO5" s="531"/>
      <c r="BP5" s="532"/>
      <c r="BQ5" s="530" t="s">
        <v>102</v>
      </c>
      <c r="BR5" s="531"/>
      <c r="BS5" s="531"/>
      <c r="BT5" s="531"/>
      <c r="BU5" s="531"/>
      <c r="BV5" s="531"/>
      <c r="BW5" s="531"/>
      <c r="BX5" s="531"/>
      <c r="BY5" s="531"/>
      <c r="BZ5" s="531"/>
      <c r="CA5" s="532"/>
      <c r="CB5" s="524"/>
      <c r="CC5" s="525"/>
      <c r="CD5" s="525"/>
      <c r="CE5" s="525"/>
      <c r="CF5" s="525"/>
      <c r="CG5" s="525"/>
      <c r="CH5" s="525"/>
      <c r="CI5" s="525"/>
      <c r="CJ5" s="525"/>
      <c r="CK5" s="525"/>
      <c r="CL5" s="526"/>
      <c r="CM5" s="524"/>
      <c r="CN5" s="525"/>
      <c r="CO5" s="525"/>
      <c r="CP5" s="525"/>
      <c r="CQ5" s="525"/>
      <c r="CR5" s="525"/>
      <c r="CS5" s="525"/>
      <c r="CT5" s="525"/>
      <c r="CU5" s="525"/>
      <c r="CV5" s="525"/>
      <c r="CW5" s="526"/>
      <c r="CX5" s="527"/>
      <c r="CY5" s="528"/>
      <c r="CZ5" s="528"/>
      <c r="DA5" s="528"/>
      <c r="DB5" s="528"/>
      <c r="DC5" s="528"/>
      <c r="DD5" s="528"/>
      <c r="DE5" s="528"/>
      <c r="DF5" s="528"/>
      <c r="DG5" s="528"/>
      <c r="DH5" s="529"/>
      <c r="DI5" s="530" t="s">
        <v>97</v>
      </c>
      <c r="DJ5" s="531"/>
      <c r="DK5" s="531"/>
      <c r="DL5" s="531"/>
      <c r="DM5" s="531"/>
      <c r="DN5" s="531"/>
      <c r="DO5" s="531"/>
      <c r="DP5" s="531"/>
      <c r="DQ5" s="531"/>
      <c r="DR5" s="531"/>
      <c r="DS5" s="532"/>
      <c r="DT5" s="530" t="s">
        <v>98</v>
      </c>
      <c r="DU5" s="531"/>
      <c r="DV5" s="531"/>
      <c r="DW5" s="531"/>
      <c r="DX5" s="531"/>
      <c r="DY5" s="531"/>
      <c r="DZ5" s="531"/>
      <c r="EA5" s="531"/>
      <c r="EB5" s="531"/>
      <c r="EC5" s="531"/>
      <c r="ED5" s="532"/>
      <c r="EE5" s="530" t="s">
        <v>99</v>
      </c>
      <c r="EF5" s="531"/>
      <c r="EG5" s="531"/>
      <c r="EH5" s="531"/>
      <c r="EI5" s="531"/>
      <c r="EJ5" s="531"/>
      <c r="EK5" s="531"/>
      <c r="EL5" s="531"/>
      <c r="EM5" s="531"/>
      <c r="EN5" s="531"/>
      <c r="EO5" s="532"/>
      <c r="EP5" s="530" t="s">
        <v>100</v>
      </c>
      <c r="EQ5" s="531"/>
      <c r="ER5" s="531"/>
      <c r="ES5" s="531"/>
      <c r="ET5" s="531"/>
      <c r="EU5" s="531"/>
      <c r="EV5" s="531"/>
      <c r="EW5" s="531"/>
      <c r="EX5" s="531"/>
      <c r="EY5" s="531"/>
      <c r="EZ5" s="532"/>
      <c r="FA5" s="530" t="s">
        <v>101</v>
      </c>
      <c r="FB5" s="531"/>
      <c r="FC5" s="531"/>
      <c r="FD5" s="531"/>
      <c r="FE5" s="531"/>
      <c r="FF5" s="531"/>
      <c r="FG5" s="531"/>
      <c r="FH5" s="531"/>
      <c r="FI5" s="531"/>
      <c r="FJ5" s="531"/>
      <c r="FK5" s="532"/>
      <c r="FL5" s="530" t="s">
        <v>102</v>
      </c>
      <c r="FM5" s="531"/>
      <c r="FN5" s="531"/>
      <c r="FO5" s="531"/>
      <c r="FP5" s="531"/>
      <c r="FQ5" s="531"/>
      <c r="FR5" s="531"/>
      <c r="FS5" s="531"/>
      <c r="FT5" s="531"/>
      <c r="FU5" s="531"/>
      <c r="FV5" s="532"/>
      <c r="FW5" s="524"/>
      <c r="FX5" s="525"/>
      <c r="FY5" s="525"/>
      <c r="FZ5" s="525"/>
      <c r="GA5" s="525"/>
      <c r="GB5" s="525"/>
      <c r="GC5" s="525"/>
      <c r="GD5" s="525"/>
      <c r="GE5" s="525"/>
      <c r="GF5" s="525"/>
      <c r="GG5" s="526"/>
      <c r="GH5" s="524"/>
      <c r="GI5" s="525"/>
      <c r="GJ5" s="525"/>
      <c r="GK5" s="525"/>
      <c r="GL5" s="525"/>
      <c r="GM5" s="525"/>
      <c r="GN5" s="525"/>
      <c r="GO5" s="525"/>
      <c r="GP5" s="525"/>
      <c r="GQ5" s="525"/>
      <c r="GR5" s="526"/>
      <c r="GS5" s="527"/>
      <c r="GT5" s="528"/>
      <c r="GU5" s="528"/>
      <c r="GV5" s="528"/>
      <c r="GW5" s="528"/>
      <c r="GX5" s="528"/>
      <c r="GY5" s="528"/>
      <c r="GZ5" s="528"/>
      <c r="HA5" s="528"/>
      <c r="HB5" s="528"/>
      <c r="HC5" s="529"/>
      <c r="HD5" s="530" t="s">
        <v>97</v>
      </c>
      <c r="HE5" s="531"/>
      <c r="HF5" s="531"/>
      <c r="HG5" s="531"/>
      <c r="HH5" s="531"/>
      <c r="HI5" s="531"/>
      <c r="HJ5" s="531"/>
      <c r="HK5" s="531"/>
      <c r="HL5" s="531"/>
      <c r="HM5" s="531"/>
      <c r="HN5" s="532"/>
      <c r="HO5" s="530" t="s">
        <v>98</v>
      </c>
      <c r="HP5" s="531"/>
      <c r="HQ5" s="531"/>
      <c r="HR5" s="531"/>
      <c r="HS5" s="531"/>
      <c r="HT5" s="531"/>
      <c r="HU5" s="531"/>
      <c r="HV5" s="531"/>
      <c r="HW5" s="531"/>
      <c r="HX5" s="531"/>
      <c r="HY5" s="532"/>
      <c r="HZ5" s="530" t="s">
        <v>99</v>
      </c>
      <c r="IA5" s="531"/>
      <c r="IB5" s="531"/>
      <c r="IC5" s="531"/>
      <c r="ID5" s="531"/>
      <c r="IE5" s="531"/>
      <c r="IF5" s="531"/>
      <c r="IG5" s="531"/>
      <c r="IH5" s="531"/>
      <c r="II5" s="531"/>
      <c r="IJ5" s="532"/>
      <c r="IK5" s="530" t="s">
        <v>100</v>
      </c>
      <c r="IL5" s="531"/>
      <c r="IM5" s="531"/>
      <c r="IN5" s="531"/>
      <c r="IO5" s="531"/>
      <c r="IP5" s="531"/>
      <c r="IQ5" s="531"/>
      <c r="IR5" s="531"/>
      <c r="IS5" s="531"/>
      <c r="IT5" s="531"/>
      <c r="IU5" s="532"/>
      <c r="IV5" s="530" t="s">
        <v>101</v>
      </c>
      <c r="IW5" s="531"/>
      <c r="IX5" s="531"/>
      <c r="IY5" s="531"/>
      <c r="IZ5" s="531"/>
      <c r="JA5" s="531"/>
      <c r="JB5" s="531"/>
      <c r="JC5" s="531"/>
      <c r="JD5" s="531"/>
      <c r="JE5" s="531"/>
      <c r="JF5" s="532"/>
      <c r="JG5" s="530" t="s">
        <v>102</v>
      </c>
      <c r="JH5" s="531"/>
      <c r="JI5" s="531"/>
      <c r="JJ5" s="531"/>
      <c r="JK5" s="531"/>
      <c r="JL5" s="531"/>
      <c r="JM5" s="531"/>
      <c r="JN5" s="531"/>
      <c r="JO5" s="531"/>
      <c r="JP5" s="531"/>
      <c r="JQ5" s="532"/>
      <c r="JR5" s="524"/>
      <c r="JS5" s="525"/>
      <c r="JT5" s="525"/>
      <c r="JU5" s="525"/>
      <c r="JV5" s="525"/>
      <c r="JW5" s="525"/>
      <c r="JX5" s="525"/>
      <c r="JY5" s="525"/>
      <c r="JZ5" s="525"/>
      <c r="KA5" s="525"/>
      <c r="KB5" s="526"/>
      <c r="KC5" s="524"/>
      <c r="KD5" s="525"/>
      <c r="KE5" s="525"/>
      <c r="KF5" s="525"/>
      <c r="KG5" s="525"/>
      <c r="KH5" s="525"/>
      <c r="KI5" s="525"/>
      <c r="KJ5" s="525"/>
      <c r="KK5" s="525"/>
      <c r="KL5" s="525"/>
      <c r="KM5" s="526"/>
    </row>
    <row r="6" spans="2:299" ht="30" customHeight="1" thickBot="1" x14ac:dyDescent="0.25">
      <c r="B6" s="353" t="s">
        <v>42</v>
      </c>
      <c r="C6" s="51" t="s">
        <v>43</v>
      </c>
      <c r="D6" s="47" t="s">
        <v>44</v>
      </c>
      <c r="E6" s="48" t="s">
        <v>45</v>
      </c>
      <c r="F6" s="52" t="s">
        <v>46</v>
      </c>
      <c r="G6" s="47" t="s">
        <v>47</v>
      </c>
      <c r="H6" s="47" t="s">
        <v>48</v>
      </c>
      <c r="I6" s="47" t="s">
        <v>49</v>
      </c>
      <c r="J6" s="47" t="s">
        <v>50</v>
      </c>
      <c r="K6" s="47" t="s">
        <v>51</v>
      </c>
      <c r="L6" s="48" t="s">
        <v>45</v>
      </c>
      <c r="M6" s="351" t="s">
        <v>52</v>
      </c>
      <c r="N6" s="356" t="s">
        <v>43</v>
      </c>
      <c r="O6" s="357" t="s">
        <v>44</v>
      </c>
      <c r="P6" s="358" t="s">
        <v>45</v>
      </c>
      <c r="Q6" s="359" t="s">
        <v>46</v>
      </c>
      <c r="R6" s="357" t="s">
        <v>47</v>
      </c>
      <c r="S6" s="357" t="s">
        <v>48</v>
      </c>
      <c r="T6" s="357" t="s">
        <v>49</v>
      </c>
      <c r="U6" s="357" t="s">
        <v>50</v>
      </c>
      <c r="V6" s="357" t="s">
        <v>51</v>
      </c>
      <c r="W6" s="358" t="s">
        <v>45</v>
      </c>
      <c r="X6" s="355" t="s">
        <v>52</v>
      </c>
      <c r="Y6" s="356" t="s">
        <v>43</v>
      </c>
      <c r="Z6" s="357" t="s">
        <v>44</v>
      </c>
      <c r="AA6" s="358" t="s">
        <v>45</v>
      </c>
      <c r="AB6" s="359" t="s">
        <v>46</v>
      </c>
      <c r="AC6" s="357" t="s">
        <v>47</v>
      </c>
      <c r="AD6" s="357" t="s">
        <v>48</v>
      </c>
      <c r="AE6" s="357" t="s">
        <v>49</v>
      </c>
      <c r="AF6" s="357" t="s">
        <v>50</v>
      </c>
      <c r="AG6" s="357" t="s">
        <v>51</v>
      </c>
      <c r="AH6" s="358" t="s">
        <v>45</v>
      </c>
      <c r="AI6" s="360" t="s">
        <v>52</v>
      </c>
      <c r="AJ6" s="356" t="s">
        <v>43</v>
      </c>
      <c r="AK6" s="357" t="s">
        <v>44</v>
      </c>
      <c r="AL6" s="358" t="s">
        <v>45</v>
      </c>
      <c r="AM6" s="359" t="s">
        <v>46</v>
      </c>
      <c r="AN6" s="357" t="s">
        <v>47</v>
      </c>
      <c r="AO6" s="357" t="s">
        <v>48</v>
      </c>
      <c r="AP6" s="357" t="s">
        <v>49</v>
      </c>
      <c r="AQ6" s="357" t="s">
        <v>50</v>
      </c>
      <c r="AR6" s="357" t="s">
        <v>51</v>
      </c>
      <c r="AS6" s="358" t="s">
        <v>45</v>
      </c>
      <c r="AT6" s="360" t="s">
        <v>52</v>
      </c>
      <c r="AU6" s="356" t="s">
        <v>43</v>
      </c>
      <c r="AV6" s="357" t="s">
        <v>44</v>
      </c>
      <c r="AW6" s="358" t="s">
        <v>45</v>
      </c>
      <c r="AX6" s="359" t="s">
        <v>46</v>
      </c>
      <c r="AY6" s="357" t="s">
        <v>47</v>
      </c>
      <c r="AZ6" s="357" t="s">
        <v>48</v>
      </c>
      <c r="BA6" s="357" t="s">
        <v>49</v>
      </c>
      <c r="BB6" s="357" t="s">
        <v>50</v>
      </c>
      <c r="BC6" s="357" t="s">
        <v>51</v>
      </c>
      <c r="BD6" s="358" t="s">
        <v>45</v>
      </c>
      <c r="BE6" s="360" t="s">
        <v>52</v>
      </c>
      <c r="BF6" s="356" t="s">
        <v>43</v>
      </c>
      <c r="BG6" s="357" t="s">
        <v>44</v>
      </c>
      <c r="BH6" s="358" t="s">
        <v>45</v>
      </c>
      <c r="BI6" s="359" t="s">
        <v>46</v>
      </c>
      <c r="BJ6" s="357" t="s">
        <v>47</v>
      </c>
      <c r="BK6" s="357" t="s">
        <v>48</v>
      </c>
      <c r="BL6" s="357" t="s">
        <v>49</v>
      </c>
      <c r="BM6" s="357" t="s">
        <v>50</v>
      </c>
      <c r="BN6" s="357" t="s">
        <v>51</v>
      </c>
      <c r="BO6" s="358" t="s">
        <v>45</v>
      </c>
      <c r="BP6" s="360" t="s">
        <v>52</v>
      </c>
      <c r="BQ6" s="356" t="s">
        <v>43</v>
      </c>
      <c r="BR6" s="357" t="s">
        <v>44</v>
      </c>
      <c r="BS6" s="358" t="s">
        <v>45</v>
      </c>
      <c r="BT6" s="359" t="s">
        <v>46</v>
      </c>
      <c r="BU6" s="357" t="s">
        <v>47</v>
      </c>
      <c r="BV6" s="357" t="s">
        <v>48</v>
      </c>
      <c r="BW6" s="357" t="s">
        <v>49</v>
      </c>
      <c r="BX6" s="357" t="s">
        <v>50</v>
      </c>
      <c r="BY6" s="357" t="s">
        <v>51</v>
      </c>
      <c r="BZ6" s="358" t="s">
        <v>45</v>
      </c>
      <c r="CA6" s="360" t="s">
        <v>52</v>
      </c>
      <c r="CB6" s="356" t="s">
        <v>43</v>
      </c>
      <c r="CC6" s="357" t="s">
        <v>44</v>
      </c>
      <c r="CD6" s="358" t="s">
        <v>45</v>
      </c>
      <c r="CE6" s="359" t="s">
        <v>46</v>
      </c>
      <c r="CF6" s="357" t="s">
        <v>47</v>
      </c>
      <c r="CG6" s="357" t="s">
        <v>48</v>
      </c>
      <c r="CH6" s="357" t="s">
        <v>49</v>
      </c>
      <c r="CI6" s="357" t="s">
        <v>50</v>
      </c>
      <c r="CJ6" s="357" t="s">
        <v>51</v>
      </c>
      <c r="CK6" s="358" t="s">
        <v>45</v>
      </c>
      <c r="CL6" s="360" t="s">
        <v>52</v>
      </c>
      <c r="CM6" s="356" t="s">
        <v>43</v>
      </c>
      <c r="CN6" s="357" t="s">
        <v>44</v>
      </c>
      <c r="CO6" s="358" t="s">
        <v>45</v>
      </c>
      <c r="CP6" s="359" t="s">
        <v>46</v>
      </c>
      <c r="CQ6" s="357" t="s">
        <v>47</v>
      </c>
      <c r="CR6" s="357" t="s">
        <v>48</v>
      </c>
      <c r="CS6" s="357" t="s">
        <v>49</v>
      </c>
      <c r="CT6" s="357" t="s">
        <v>50</v>
      </c>
      <c r="CU6" s="357" t="s">
        <v>51</v>
      </c>
      <c r="CV6" s="358" t="s">
        <v>45</v>
      </c>
      <c r="CW6" s="360" t="s">
        <v>52</v>
      </c>
      <c r="CX6" s="51" t="s">
        <v>43</v>
      </c>
      <c r="CY6" s="47" t="s">
        <v>44</v>
      </c>
      <c r="CZ6" s="48" t="s">
        <v>45</v>
      </c>
      <c r="DA6" s="52" t="s">
        <v>46</v>
      </c>
      <c r="DB6" s="47" t="s">
        <v>47</v>
      </c>
      <c r="DC6" s="47" t="s">
        <v>48</v>
      </c>
      <c r="DD6" s="47" t="s">
        <v>49</v>
      </c>
      <c r="DE6" s="47" t="s">
        <v>50</v>
      </c>
      <c r="DF6" s="47" t="s">
        <v>51</v>
      </c>
      <c r="DG6" s="48" t="s">
        <v>45</v>
      </c>
      <c r="DH6" s="351" t="s">
        <v>52</v>
      </c>
      <c r="DI6" s="356" t="s">
        <v>43</v>
      </c>
      <c r="DJ6" s="357" t="s">
        <v>44</v>
      </c>
      <c r="DK6" s="358" t="s">
        <v>45</v>
      </c>
      <c r="DL6" s="359" t="s">
        <v>46</v>
      </c>
      <c r="DM6" s="357" t="s">
        <v>47</v>
      </c>
      <c r="DN6" s="357" t="s">
        <v>48</v>
      </c>
      <c r="DO6" s="357" t="s">
        <v>49</v>
      </c>
      <c r="DP6" s="357" t="s">
        <v>50</v>
      </c>
      <c r="DQ6" s="357" t="s">
        <v>51</v>
      </c>
      <c r="DR6" s="358" t="s">
        <v>45</v>
      </c>
      <c r="DS6" s="360" t="s">
        <v>52</v>
      </c>
      <c r="DT6" s="356" t="s">
        <v>43</v>
      </c>
      <c r="DU6" s="357" t="s">
        <v>44</v>
      </c>
      <c r="DV6" s="358" t="s">
        <v>45</v>
      </c>
      <c r="DW6" s="359" t="s">
        <v>46</v>
      </c>
      <c r="DX6" s="357" t="s">
        <v>47</v>
      </c>
      <c r="DY6" s="357" t="s">
        <v>48</v>
      </c>
      <c r="DZ6" s="357" t="s">
        <v>49</v>
      </c>
      <c r="EA6" s="357" t="s">
        <v>50</v>
      </c>
      <c r="EB6" s="357" t="s">
        <v>51</v>
      </c>
      <c r="EC6" s="358" t="s">
        <v>45</v>
      </c>
      <c r="ED6" s="360" t="s">
        <v>52</v>
      </c>
      <c r="EE6" s="356" t="s">
        <v>43</v>
      </c>
      <c r="EF6" s="357" t="s">
        <v>44</v>
      </c>
      <c r="EG6" s="358" t="s">
        <v>45</v>
      </c>
      <c r="EH6" s="359" t="s">
        <v>46</v>
      </c>
      <c r="EI6" s="357" t="s">
        <v>47</v>
      </c>
      <c r="EJ6" s="357" t="s">
        <v>48</v>
      </c>
      <c r="EK6" s="357" t="s">
        <v>49</v>
      </c>
      <c r="EL6" s="357" t="s">
        <v>50</v>
      </c>
      <c r="EM6" s="357" t="s">
        <v>51</v>
      </c>
      <c r="EN6" s="358" t="s">
        <v>45</v>
      </c>
      <c r="EO6" s="360" t="s">
        <v>52</v>
      </c>
      <c r="EP6" s="356" t="s">
        <v>43</v>
      </c>
      <c r="EQ6" s="357" t="s">
        <v>44</v>
      </c>
      <c r="ER6" s="358" t="s">
        <v>45</v>
      </c>
      <c r="ES6" s="359" t="s">
        <v>46</v>
      </c>
      <c r="ET6" s="357" t="s">
        <v>47</v>
      </c>
      <c r="EU6" s="357" t="s">
        <v>48</v>
      </c>
      <c r="EV6" s="357" t="s">
        <v>49</v>
      </c>
      <c r="EW6" s="357" t="s">
        <v>50</v>
      </c>
      <c r="EX6" s="357" t="s">
        <v>51</v>
      </c>
      <c r="EY6" s="358" t="s">
        <v>45</v>
      </c>
      <c r="EZ6" s="360" t="s">
        <v>52</v>
      </c>
      <c r="FA6" s="356" t="s">
        <v>43</v>
      </c>
      <c r="FB6" s="357" t="s">
        <v>44</v>
      </c>
      <c r="FC6" s="358" t="s">
        <v>45</v>
      </c>
      <c r="FD6" s="359" t="s">
        <v>46</v>
      </c>
      <c r="FE6" s="357" t="s">
        <v>47</v>
      </c>
      <c r="FF6" s="357" t="s">
        <v>48</v>
      </c>
      <c r="FG6" s="357" t="s">
        <v>49</v>
      </c>
      <c r="FH6" s="357" t="s">
        <v>50</v>
      </c>
      <c r="FI6" s="357" t="s">
        <v>51</v>
      </c>
      <c r="FJ6" s="358" t="s">
        <v>45</v>
      </c>
      <c r="FK6" s="360" t="s">
        <v>52</v>
      </c>
      <c r="FL6" s="356" t="s">
        <v>43</v>
      </c>
      <c r="FM6" s="357" t="s">
        <v>44</v>
      </c>
      <c r="FN6" s="358" t="s">
        <v>45</v>
      </c>
      <c r="FO6" s="359" t="s">
        <v>46</v>
      </c>
      <c r="FP6" s="357" t="s">
        <v>47</v>
      </c>
      <c r="FQ6" s="357" t="s">
        <v>48</v>
      </c>
      <c r="FR6" s="357" t="s">
        <v>49</v>
      </c>
      <c r="FS6" s="357" t="s">
        <v>50</v>
      </c>
      <c r="FT6" s="357" t="s">
        <v>51</v>
      </c>
      <c r="FU6" s="358" t="s">
        <v>45</v>
      </c>
      <c r="FV6" s="360" t="s">
        <v>52</v>
      </c>
      <c r="FW6" s="356" t="s">
        <v>43</v>
      </c>
      <c r="FX6" s="357" t="s">
        <v>44</v>
      </c>
      <c r="FY6" s="358" t="s">
        <v>45</v>
      </c>
      <c r="FZ6" s="359" t="s">
        <v>46</v>
      </c>
      <c r="GA6" s="357" t="s">
        <v>47</v>
      </c>
      <c r="GB6" s="357" t="s">
        <v>48</v>
      </c>
      <c r="GC6" s="357" t="s">
        <v>49</v>
      </c>
      <c r="GD6" s="357" t="s">
        <v>50</v>
      </c>
      <c r="GE6" s="357" t="s">
        <v>51</v>
      </c>
      <c r="GF6" s="358" t="s">
        <v>45</v>
      </c>
      <c r="GG6" s="360" t="s">
        <v>52</v>
      </c>
      <c r="GH6" s="356" t="s">
        <v>43</v>
      </c>
      <c r="GI6" s="357" t="s">
        <v>44</v>
      </c>
      <c r="GJ6" s="358" t="s">
        <v>45</v>
      </c>
      <c r="GK6" s="359" t="s">
        <v>46</v>
      </c>
      <c r="GL6" s="357" t="s">
        <v>47</v>
      </c>
      <c r="GM6" s="357" t="s">
        <v>48</v>
      </c>
      <c r="GN6" s="357" t="s">
        <v>49</v>
      </c>
      <c r="GO6" s="357" t="s">
        <v>50</v>
      </c>
      <c r="GP6" s="357" t="s">
        <v>51</v>
      </c>
      <c r="GQ6" s="358" t="s">
        <v>45</v>
      </c>
      <c r="GR6" s="360" t="s">
        <v>52</v>
      </c>
      <c r="GS6" s="51" t="s">
        <v>43</v>
      </c>
      <c r="GT6" s="47" t="s">
        <v>44</v>
      </c>
      <c r="GU6" s="48" t="s">
        <v>45</v>
      </c>
      <c r="GV6" s="52" t="s">
        <v>46</v>
      </c>
      <c r="GW6" s="47" t="s">
        <v>47</v>
      </c>
      <c r="GX6" s="47" t="s">
        <v>48</v>
      </c>
      <c r="GY6" s="47" t="s">
        <v>49</v>
      </c>
      <c r="GZ6" s="47" t="s">
        <v>50</v>
      </c>
      <c r="HA6" s="47" t="s">
        <v>51</v>
      </c>
      <c r="HB6" s="48" t="s">
        <v>45</v>
      </c>
      <c r="HC6" s="351" t="s">
        <v>52</v>
      </c>
      <c r="HD6" s="356" t="s">
        <v>43</v>
      </c>
      <c r="HE6" s="357" t="s">
        <v>44</v>
      </c>
      <c r="HF6" s="358" t="s">
        <v>45</v>
      </c>
      <c r="HG6" s="359" t="s">
        <v>46</v>
      </c>
      <c r="HH6" s="357" t="s">
        <v>47</v>
      </c>
      <c r="HI6" s="357" t="s">
        <v>48</v>
      </c>
      <c r="HJ6" s="357" t="s">
        <v>49</v>
      </c>
      <c r="HK6" s="357" t="s">
        <v>50</v>
      </c>
      <c r="HL6" s="357" t="s">
        <v>51</v>
      </c>
      <c r="HM6" s="358" t="s">
        <v>45</v>
      </c>
      <c r="HN6" s="360" t="s">
        <v>52</v>
      </c>
      <c r="HO6" s="356" t="s">
        <v>43</v>
      </c>
      <c r="HP6" s="357" t="s">
        <v>44</v>
      </c>
      <c r="HQ6" s="358" t="s">
        <v>45</v>
      </c>
      <c r="HR6" s="359" t="s">
        <v>46</v>
      </c>
      <c r="HS6" s="357" t="s">
        <v>47</v>
      </c>
      <c r="HT6" s="357" t="s">
        <v>48</v>
      </c>
      <c r="HU6" s="357" t="s">
        <v>49</v>
      </c>
      <c r="HV6" s="357" t="s">
        <v>50</v>
      </c>
      <c r="HW6" s="357" t="s">
        <v>51</v>
      </c>
      <c r="HX6" s="358" t="s">
        <v>45</v>
      </c>
      <c r="HY6" s="360" t="s">
        <v>52</v>
      </c>
      <c r="HZ6" s="356" t="s">
        <v>43</v>
      </c>
      <c r="IA6" s="357" t="s">
        <v>44</v>
      </c>
      <c r="IB6" s="358" t="s">
        <v>45</v>
      </c>
      <c r="IC6" s="359" t="s">
        <v>46</v>
      </c>
      <c r="ID6" s="357" t="s">
        <v>47</v>
      </c>
      <c r="IE6" s="357" t="s">
        <v>48</v>
      </c>
      <c r="IF6" s="357" t="s">
        <v>49</v>
      </c>
      <c r="IG6" s="357" t="s">
        <v>50</v>
      </c>
      <c r="IH6" s="357" t="s">
        <v>51</v>
      </c>
      <c r="II6" s="358" t="s">
        <v>45</v>
      </c>
      <c r="IJ6" s="360" t="s">
        <v>52</v>
      </c>
      <c r="IK6" s="356" t="s">
        <v>43</v>
      </c>
      <c r="IL6" s="357" t="s">
        <v>44</v>
      </c>
      <c r="IM6" s="358" t="s">
        <v>45</v>
      </c>
      <c r="IN6" s="359" t="s">
        <v>46</v>
      </c>
      <c r="IO6" s="357" t="s">
        <v>47</v>
      </c>
      <c r="IP6" s="357" t="s">
        <v>48</v>
      </c>
      <c r="IQ6" s="357" t="s">
        <v>49</v>
      </c>
      <c r="IR6" s="357" t="s">
        <v>50</v>
      </c>
      <c r="IS6" s="357" t="s">
        <v>51</v>
      </c>
      <c r="IT6" s="358" t="s">
        <v>45</v>
      </c>
      <c r="IU6" s="360" t="s">
        <v>52</v>
      </c>
      <c r="IV6" s="356" t="s">
        <v>43</v>
      </c>
      <c r="IW6" s="357" t="s">
        <v>44</v>
      </c>
      <c r="IX6" s="358" t="s">
        <v>45</v>
      </c>
      <c r="IY6" s="359" t="s">
        <v>46</v>
      </c>
      <c r="IZ6" s="357" t="s">
        <v>47</v>
      </c>
      <c r="JA6" s="357" t="s">
        <v>48</v>
      </c>
      <c r="JB6" s="357" t="s">
        <v>49</v>
      </c>
      <c r="JC6" s="357" t="s">
        <v>50</v>
      </c>
      <c r="JD6" s="357" t="s">
        <v>51</v>
      </c>
      <c r="JE6" s="358" t="s">
        <v>45</v>
      </c>
      <c r="JF6" s="360" t="s">
        <v>52</v>
      </c>
      <c r="JG6" s="356" t="s">
        <v>43</v>
      </c>
      <c r="JH6" s="357" t="s">
        <v>44</v>
      </c>
      <c r="JI6" s="358" t="s">
        <v>45</v>
      </c>
      <c r="JJ6" s="359" t="s">
        <v>46</v>
      </c>
      <c r="JK6" s="357" t="s">
        <v>47</v>
      </c>
      <c r="JL6" s="357" t="s">
        <v>48</v>
      </c>
      <c r="JM6" s="357" t="s">
        <v>49</v>
      </c>
      <c r="JN6" s="357" t="s">
        <v>50</v>
      </c>
      <c r="JO6" s="357" t="s">
        <v>51</v>
      </c>
      <c r="JP6" s="358" t="s">
        <v>45</v>
      </c>
      <c r="JQ6" s="360" t="s">
        <v>52</v>
      </c>
      <c r="JR6" s="356" t="s">
        <v>43</v>
      </c>
      <c r="JS6" s="357" t="s">
        <v>44</v>
      </c>
      <c r="JT6" s="358" t="s">
        <v>45</v>
      </c>
      <c r="JU6" s="359" t="s">
        <v>46</v>
      </c>
      <c r="JV6" s="357" t="s">
        <v>47</v>
      </c>
      <c r="JW6" s="357" t="s">
        <v>48</v>
      </c>
      <c r="JX6" s="357" t="s">
        <v>49</v>
      </c>
      <c r="JY6" s="357" t="s">
        <v>50</v>
      </c>
      <c r="JZ6" s="357" t="s">
        <v>51</v>
      </c>
      <c r="KA6" s="358" t="s">
        <v>45</v>
      </c>
      <c r="KB6" s="360" t="s">
        <v>52</v>
      </c>
      <c r="KC6" s="356" t="s">
        <v>43</v>
      </c>
      <c r="KD6" s="357" t="s">
        <v>44</v>
      </c>
      <c r="KE6" s="358" t="s">
        <v>45</v>
      </c>
      <c r="KF6" s="359" t="s">
        <v>46</v>
      </c>
      <c r="KG6" s="357" t="s">
        <v>47</v>
      </c>
      <c r="KH6" s="357" t="s">
        <v>48</v>
      </c>
      <c r="KI6" s="357" t="s">
        <v>49</v>
      </c>
      <c r="KJ6" s="357" t="s">
        <v>50</v>
      </c>
      <c r="KK6" s="357" t="s">
        <v>51</v>
      </c>
      <c r="KL6" s="358" t="s">
        <v>45</v>
      </c>
      <c r="KM6" s="360" t="s">
        <v>52</v>
      </c>
    </row>
    <row r="7" spans="2:299" ht="21" customHeight="1" x14ac:dyDescent="0.2">
      <c r="B7" s="352" t="s">
        <v>4</v>
      </c>
      <c r="C7" s="314">
        <v>3271</v>
      </c>
      <c r="D7" s="78">
        <v>3017</v>
      </c>
      <c r="E7" s="79">
        <v>6288</v>
      </c>
      <c r="F7" s="240"/>
      <c r="G7" s="78">
        <v>4223</v>
      </c>
      <c r="H7" s="78">
        <v>3813</v>
      </c>
      <c r="I7" s="78">
        <v>2395</v>
      </c>
      <c r="J7" s="78">
        <v>2071</v>
      </c>
      <c r="K7" s="78">
        <v>1337</v>
      </c>
      <c r="L7" s="80">
        <v>13839</v>
      </c>
      <c r="M7" s="81">
        <v>20127</v>
      </c>
      <c r="N7" s="66">
        <v>107</v>
      </c>
      <c r="O7" s="67">
        <v>118</v>
      </c>
      <c r="P7" s="68">
        <v>225</v>
      </c>
      <c r="Q7" s="243"/>
      <c r="R7" s="67">
        <v>105</v>
      </c>
      <c r="S7" s="67">
        <v>131</v>
      </c>
      <c r="T7" s="67">
        <v>69</v>
      </c>
      <c r="U7" s="67">
        <v>78</v>
      </c>
      <c r="V7" s="67">
        <v>77</v>
      </c>
      <c r="W7" s="68">
        <v>460</v>
      </c>
      <c r="X7" s="69">
        <v>685</v>
      </c>
      <c r="Y7" s="66">
        <v>244</v>
      </c>
      <c r="Z7" s="67">
        <v>256</v>
      </c>
      <c r="AA7" s="68">
        <v>500</v>
      </c>
      <c r="AB7" s="243"/>
      <c r="AC7" s="67">
        <v>270</v>
      </c>
      <c r="AD7" s="67">
        <v>297</v>
      </c>
      <c r="AE7" s="67">
        <v>207</v>
      </c>
      <c r="AF7" s="67">
        <v>161</v>
      </c>
      <c r="AG7" s="67">
        <v>139</v>
      </c>
      <c r="AH7" s="68">
        <v>1074</v>
      </c>
      <c r="AI7" s="69">
        <v>1574</v>
      </c>
      <c r="AJ7" s="66">
        <v>362</v>
      </c>
      <c r="AK7" s="67">
        <v>363</v>
      </c>
      <c r="AL7" s="68">
        <v>725</v>
      </c>
      <c r="AM7" s="243"/>
      <c r="AN7" s="67">
        <v>502</v>
      </c>
      <c r="AO7" s="67">
        <v>430</v>
      </c>
      <c r="AP7" s="67">
        <v>257</v>
      </c>
      <c r="AQ7" s="67">
        <v>257</v>
      </c>
      <c r="AR7" s="67">
        <v>196</v>
      </c>
      <c r="AS7" s="68">
        <v>1642</v>
      </c>
      <c r="AT7" s="69">
        <v>2367</v>
      </c>
      <c r="AU7" s="66">
        <v>738</v>
      </c>
      <c r="AV7" s="67">
        <v>687</v>
      </c>
      <c r="AW7" s="68">
        <v>1425</v>
      </c>
      <c r="AX7" s="243"/>
      <c r="AY7" s="67">
        <v>999</v>
      </c>
      <c r="AZ7" s="67">
        <v>804</v>
      </c>
      <c r="BA7" s="67">
        <v>507</v>
      </c>
      <c r="BB7" s="67">
        <v>392</v>
      </c>
      <c r="BC7" s="67">
        <v>278</v>
      </c>
      <c r="BD7" s="68">
        <v>2980</v>
      </c>
      <c r="BE7" s="69">
        <v>4405</v>
      </c>
      <c r="BF7" s="66">
        <v>1008</v>
      </c>
      <c r="BG7" s="67">
        <v>867</v>
      </c>
      <c r="BH7" s="68">
        <v>1875</v>
      </c>
      <c r="BI7" s="243"/>
      <c r="BJ7" s="67">
        <v>1220</v>
      </c>
      <c r="BK7" s="67">
        <v>1035</v>
      </c>
      <c r="BL7" s="67">
        <v>637</v>
      </c>
      <c r="BM7" s="67">
        <v>569</v>
      </c>
      <c r="BN7" s="67">
        <v>315</v>
      </c>
      <c r="BO7" s="68">
        <v>3776</v>
      </c>
      <c r="BP7" s="69">
        <v>5651</v>
      </c>
      <c r="BQ7" s="66">
        <v>812</v>
      </c>
      <c r="BR7" s="67">
        <v>726</v>
      </c>
      <c r="BS7" s="68">
        <v>1538</v>
      </c>
      <c r="BT7" s="243"/>
      <c r="BU7" s="67">
        <v>1127</v>
      </c>
      <c r="BV7" s="67">
        <v>1116</v>
      </c>
      <c r="BW7" s="67">
        <v>718</v>
      </c>
      <c r="BX7" s="67">
        <v>614</v>
      </c>
      <c r="BY7" s="67">
        <v>332</v>
      </c>
      <c r="BZ7" s="68">
        <v>3907</v>
      </c>
      <c r="CA7" s="69">
        <v>5445</v>
      </c>
      <c r="CB7" s="66">
        <v>0</v>
      </c>
      <c r="CC7" s="67">
        <v>0</v>
      </c>
      <c r="CD7" s="68">
        <v>0</v>
      </c>
      <c r="CE7" s="243"/>
      <c r="CF7" s="67">
        <v>0</v>
      </c>
      <c r="CG7" s="67">
        <v>0</v>
      </c>
      <c r="CH7" s="67">
        <v>0</v>
      </c>
      <c r="CI7" s="67">
        <v>0</v>
      </c>
      <c r="CJ7" s="67">
        <v>0</v>
      </c>
      <c r="CK7" s="68">
        <v>0</v>
      </c>
      <c r="CL7" s="69">
        <v>0</v>
      </c>
      <c r="CM7" s="66">
        <v>3271</v>
      </c>
      <c r="CN7" s="67">
        <v>3017</v>
      </c>
      <c r="CO7" s="68">
        <v>6288</v>
      </c>
      <c r="CP7" s="243"/>
      <c r="CQ7" s="67">
        <v>4223</v>
      </c>
      <c r="CR7" s="67">
        <v>3813</v>
      </c>
      <c r="CS7" s="67">
        <v>2395</v>
      </c>
      <c r="CT7" s="67">
        <v>2071</v>
      </c>
      <c r="CU7" s="67">
        <v>1337</v>
      </c>
      <c r="CV7" s="68">
        <v>13839</v>
      </c>
      <c r="CW7" s="69">
        <v>20127</v>
      </c>
      <c r="CX7" s="122">
        <v>1203</v>
      </c>
      <c r="CY7" s="78">
        <v>1342</v>
      </c>
      <c r="CZ7" s="79">
        <v>2545</v>
      </c>
      <c r="DA7" s="240"/>
      <c r="DB7" s="78">
        <v>1776</v>
      </c>
      <c r="DC7" s="78">
        <v>1623</v>
      </c>
      <c r="DD7" s="78">
        <v>1106</v>
      </c>
      <c r="DE7" s="78">
        <v>1143</v>
      </c>
      <c r="DF7" s="78">
        <v>768</v>
      </c>
      <c r="DG7" s="80">
        <v>6416</v>
      </c>
      <c r="DH7" s="81">
        <v>8961</v>
      </c>
      <c r="DI7" s="66">
        <v>29</v>
      </c>
      <c r="DJ7" s="67">
        <v>32</v>
      </c>
      <c r="DK7" s="68">
        <v>61</v>
      </c>
      <c r="DL7" s="243"/>
      <c r="DM7" s="67">
        <v>25</v>
      </c>
      <c r="DN7" s="67">
        <v>31</v>
      </c>
      <c r="DO7" s="67">
        <v>20</v>
      </c>
      <c r="DP7" s="67">
        <v>14</v>
      </c>
      <c r="DQ7" s="67">
        <v>14</v>
      </c>
      <c r="DR7" s="68">
        <v>104</v>
      </c>
      <c r="DS7" s="69">
        <v>165</v>
      </c>
      <c r="DT7" s="66">
        <v>94</v>
      </c>
      <c r="DU7" s="67">
        <v>92</v>
      </c>
      <c r="DV7" s="68">
        <v>186</v>
      </c>
      <c r="DW7" s="243"/>
      <c r="DX7" s="67">
        <v>99</v>
      </c>
      <c r="DY7" s="67">
        <v>89</v>
      </c>
      <c r="DZ7" s="67">
        <v>53</v>
      </c>
      <c r="EA7" s="67">
        <v>55</v>
      </c>
      <c r="EB7" s="67">
        <v>27</v>
      </c>
      <c r="EC7" s="68">
        <v>323</v>
      </c>
      <c r="ED7" s="69">
        <v>509</v>
      </c>
      <c r="EE7" s="66">
        <v>178</v>
      </c>
      <c r="EF7" s="67">
        <v>200</v>
      </c>
      <c r="EG7" s="68">
        <v>378</v>
      </c>
      <c r="EH7" s="243"/>
      <c r="EI7" s="67">
        <v>199</v>
      </c>
      <c r="EJ7" s="67">
        <v>165</v>
      </c>
      <c r="EK7" s="67">
        <v>104</v>
      </c>
      <c r="EL7" s="67">
        <v>76</v>
      </c>
      <c r="EM7" s="67">
        <v>71</v>
      </c>
      <c r="EN7" s="68">
        <v>615</v>
      </c>
      <c r="EO7" s="69">
        <v>993</v>
      </c>
      <c r="EP7" s="66">
        <v>340</v>
      </c>
      <c r="EQ7" s="67">
        <v>306</v>
      </c>
      <c r="ER7" s="68">
        <v>646</v>
      </c>
      <c r="ES7" s="243"/>
      <c r="ET7" s="67">
        <v>369</v>
      </c>
      <c r="EU7" s="67">
        <v>289</v>
      </c>
      <c r="EV7" s="67">
        <v>147</v>
      </c>
      <c r="EW7" s="67">
        <v>145</v>
      </c>
      <c r="EX7" s="67">
        <v>104</v>
      </c>
      <c r="EY7" s="68">
        <v>1054</v>
      </c>
      <c r="EZ7" s="69">
        <v>1700</v>
      </c>
      <c r="FA7" s="66">
        <v>335</v>
      </c>
      <c r="FB7" s="67">
        <v>402</v>
      </c>
      <c r="FC7" s="68">
        <v>737</v>
      </c>
      <c r="FD7" s="243"/>
      <c r="FE7" s="67">
        <v>527</v>
      </c>
      <c r="FF7" s="67">
        <v>476</v>
      </c>
      <c r="FG7" s="67">
        <v>288</v>
      </c>
      <c r="FH7" s="67">
        <v>290</v>
      </c>
      <c r="FI7" s="67">
        <v>173</v>
      </c>
      <c r="FJ7" s="68">
        <v>1754</v>
      </c>
      <c r="FK7" s="69">
        <v>2491</v>
      </c>
      <c r="FL7" s="66">
        <v>227</v>
      </c>
      <c r="FM7" s="67">
        <v>310</v>
      </c>
      <c r="FN7" s="68">
        <v>537</v>
      </c>
      <c r="FO7" s="243"/>
      <c r="FP7" s="67">
        <v>557</v>
      </c>
      <c r="FQ7" s="67">
        <v>573</v>
      </c>
      <c r="FR7" s="67">
        <v>494</v>
      </c>
      <c r="FS7" s="67">
        <v>563</v>
      </c>
      <c r="FT7" s="67">
        <v>379</v>
      </c>
      <c r="FU7" s="68">
        <v>2566</v>
      </c>
      <c r="FV7" s="69">
        <v>3103</v>
      </c>
      <c r="FW7" s="66">
        <v>0</v>
      </c>
      <c r="FX7" s="67">
        <v>0</v>
      </c>
      <c r="FY7" s="68">
        <v>0</v>
      </c>
      <c r="FZ7" s="243"/>
      <c r="GA7" s="67">
        <v>0</v>
      </c>
      <c r="GB7" s="67">
        <v>0</v>
      </c>
      <c r="GC7" s="67">
        <v>0</v>
      </c>
      <c r="GD7" s="67">
        <v>0</v>
      </c>
      <c r="GE7" s="67">
        <v>0</v>
      </c>
      <c r="GF7" s="68">
        <v>0</v>
      </c>
      <c r="GG7" s="69">
        <v>0</v>
      </c>
      <c r="GH7" s="66">
        <v>1203</v>
      </c>
      <c r="GI7" s="67">
        <v>1342</v>
      </c>
      <c r="GJ7" s="68">
        <v>2545</v>
      </c>
      <c r="GK7" s="243"/>
      <c r="GL7" s="67">
        <v>1776</v>
      </c>
      <c r="GM7" s="67">
        <v>1623</v>
      </c>
      <c r="GN7" s="67">
        <v>1106</v>
      </c>
      <c r="GO7" s="67">
        <v>1143</v>
      </c>
      <c r="GP7" s="67">
        <v>768</v>
      </c>
      <c r="GQ7" s="68">
        <v>6416</v>
      </c>
      <c r="GR7" s="69">
        <v>8961</v>
      </c>
      <c r="GS7" s="122">
        <v>4474</v>
      </c>
      <c r="GT7" s="78">
        <v>4359</v>
      </c>
      <c r="GU7" s="79">
        <v>8833</v>
      </c>
      <c r="GV7" s="240"/>
      <c r="GW7" s="78">
        <v>5999</v>
      </c>
      <c r="GX7" s="78">
        <v>5436</v>
      </c>
      <c r="GY7" s="78">
        <v>3501</v>
      </c>
      <c r="GZ7" s="78">
        <v>3214</v>
      </c>
      <c r="HA7" s="78">
        <v>2105</v>
      </c>
      <c r="HB7" s="80">
        <v>20255</v>
      </c>
      <c r="HC7" s="81">
        <v>29088</v>
      </c>
      <c r="HD7" s="66">
        <v>136</v>
      </c>
      <c r="HE7" s="67">
        <v>150</v>
      </c>
      <c r="HF7" s="68">
        <v>286</v>
      </c>
      <c r="HG7" s="243"/>
      <c r="HH7" s="67">
        <v>130</v>
      </c>
      <c r="HI7" s="67">
        <v>162</v>
      </c>
      <c r="HJ7" s="67">
        <v>89</v>
      </c>
      <c r="HK7" s="67">
        <v>92</v>
      </c>
      <c r="HL7" s="67">
        <v>91</v>
      </c>
      <c r="HM7" s="68">
        <v>564</v>
      </c>
      <c r="HN7" s="69">
        <v>850</v>
      </c>
      <c r="HO7" s="66">
        <v>338</v>
      </c>
      <c r="HP7" s="67">
        <v>348</v>
      </c>
      <c r="HQ7" s="68">
        <v>686</v>
      </c>
      <c r="HR7" s="243"/>
      <c r="HS7" s="67">
        <v>369</v>
      </c>
      <c r="HT7" s="67">
        <v>386</v>
      </c>
      <c r="HU7" s="67">
        <v>260</v>
      </c>
      <c r="HV7" s="67">
        <v>216</v>
      </c>
      <c r="HW7" s="67">
        <v>166</v>
      </c>
      <c r="HX7" s="68">
        <v>1397</v>
      </c>
      <c r="HY7" s="69">
        <v>2083</v>
      </c>
      <c r="HZ7" s="66">
        <v>540</v>
      </c>
      <c r="IA7" s="67">
        <v>563</v>
      </c>
      <c r="IB7" s="68">
        <v>1103</v>
      </c>
      <c r="IC7" s="243"/>
      <c r="ID7" s="67">
        <v>701</v>
      </c>
      <c r="IE7" s="67">
        <v>595</v>
      </c>
      <c r="IF7" s="67">
        <v>361</v>
      </c>
      <c r="IG7" s="67">
        <v>333</v>
      </c>
      <c r="IH7" s="67">
        <v>267</v>
      </c>
      <c r="II7" s="68">
        <v>2257</v>
      </c>
      <c r="IJ7" s="69">
        <v>3360</v>
      </c>
      <c r="IK7" s="66">
        <v>1078</v>
      </c>
      <c r="IL7" s="67">
        <v>993</v>
      </c>
      <c r="IM7" s="68">
        <v>2071</v>
      </c>
      <c r="IN7" s="243"/>
      <c r="IO7" s="67">
        <v>1368</v>
      </c>
      <c r="IP7" s="67">
        <v>1093</v>
      </c>
      <c r="IQ7" s="67">
        <v>654</v>
      </c>
      <c r="IR7" s="67">
        <v>537</v>
      </c>
      <c r="IS7" s="67">
        <v>382</v>
      </c>
      <c r="IT7" s="68">
        <v>4034</v>
      </c>
      <c r="IU7" s="69">
        <v>6105</v>
      </c>
      <c r="IV7" s="66">
        <v>1343</v>
      </c>
      <c r="IW7" s="67">
        <v>1269</v>
      </c>
      <c r="IX7" s="68">
        <v>2612</v>
      </c>
      <c r="IY7" s="243"/>
      <c r="IZ7" s="67">
        <v>1747</v>
      </c>
      <c r="JA7" s="67">
        <v>1511</v>
      </c>
      <c r="JB7" s="67">
        <v>925</v>
      </c>
      <c r="JC7" s="67">
        <v>859</v>
      </c>
      <c r="JD7" s="67">
        <v>488</v>
      </c>
      <c r="JE7" s="68">
        <v>5530</v>
      </c>
      <c r="JF7" s="69">
        <v>8142</v>
      </c>
      <c r="JG7" s="66">
        <v>1039</v>
      </c>
      <c r="JH7" s="67">
        <v>1036</v>
      </c>
      <c r="JI7" s="68">
        <v>2075</v>
      </c>
      <c r="JJ7" s="243"/>
      <c r="JK7" s="67">
        <v>1684</v>
      </c>
      <c r="JL7" s="67">
        <v>1689</v>
      </c>
      <c r="JM7" s="67">
        <v>1212</v>
      </c>
      <c r="JN7" s="67">
        <v>1177</v>
      </c>
      <c r="JO7" s="67">
        <v>711</v>
      </c>
      <c r="JP7" s="68">
        <v>6473</v>
      </c>
      <c r="JQ7" s="69">
        <v>8548</v>
      </c>
      <c r="JR7" s="66">
        <v>0</v>
      </c>
      <c r="JS7" s="67">
        <v>0</v>
      </c>
      <c r="JT7" s="68">
        <v>0</v>
      </c>
      <c r="JU7" s="243"/>
      <c r="JV7" s="67">
        <v>0</v>
      </c>
      <c r="JW7" s="67">
        <v>0</v>
      </c>
      <c r="JX7" s="67">
        <v>0</v>
      </c>
      <c r="JY7" s="67">
        <v>0</v>
      </c>
      <c r="JZ7" s="67">
        <v>0</v>
      </c>
      <c r="KA7" s="68">
        <v>0</v>
      </c>
      <c r="KB7" s="69">
        <v>0</v>
      </c>
      <c r="KC7" s="66">
        <v>4474</v>
      </c>
      <c r="KD7" s="67">
        <v>4359</v>
      </c>
      <c r="KE7" s="68">
        <v>8833</v>
      </c>
      <c r="KF7" s="243"/>
      <c r="KG7" s="67">
        <v>5999</v>
      </c>
      <c r="KH7" s="67">
        <v>5436</v>
      </c>
      <c r="KI7" s="67">
        <v>3501</v>
      </c>
      <c r="KJ7" s="67">
        <v>3214</v>
      </c>
      <c r="KK7" s="67">
        <v>2105</v>
      </c>
      <c r="KL7" s="68">
        <v>20255</v>
      </c>
      <c r="KM7" s="69">
        <v>29088</v>
      </c>
    </row>
    <row r="8" spans="2:299" ht="21" customHeight="1" x14ac:dyDescent="0.2">
      <c r="B8" s="126" t="s">
        <v>5</v>
      </c>
      <c r="C8" s="315">
        <v>1486</v>
      </c>
      <c r="D8" s="82">
        <v>1545</v>
      </c>
      <c r="E8" s="83">
        <v>3031</v>
      </c>
      <c r="F8" s="241"/>
      <c r="G8" s="82">
        <v>1557</v>
      </c>
      <c r="H8" s="82">
        <v>1877</v>
      </c>
      <c r="I8" s="82">
        <v>1096</v>
      </c>
      <c r="J8" s="82">
        <v>916</v>
      </c>
      <c r="K8" s="82">
        <v>581</v>
      </c>
      <c r="L8" s="84">
        <v>6027</v>
      </c>
      <c r="M8" s="85">
        <v>9058</v>
      </c>
      <c r="N8" s="70">
        <v>53</v>
      </c>
      <c r="O8" s="71">
        <v>55</v>
      </c>
      <c r="P8" s="72">
        <v>108</v>
      </c>
      <c r="Q8" s="244"/>
      <c r="R8" s="71">
        <v>33</v>
      </c>
      <c r="S8" s="71">
        <v>63</v>
      </c>
      <c r="T8" s="71">
        <v>32</v>
      </c>
      <c r="U8" s="71">
        <v>31</v>
      </c>
      <c r="V8" s="71">
        <v>31</v>
      </c>
      <c r="W8" s="72">
        <v>190</v>
      </c>
      <c r="X8" s="73">
        <v>298</v>
      </c>
      <c r="Y8" s="70">
        <v>90</v>
      </c>
      <c r="Z8" s="71">
        <v>123</v>
      </c>
      <c r="AA8" s="72">
        <v>213</v>
      </c>
      <c r="AB8" s="244"/>
      <c r="AC8" s="71">
        <v>72</v>
      </c>
      <c r="AD8" s="71">
        <v>126</v>
      </c>
      <c r="AE8" s="71">
        <v>92</v>
      </c>
      <c r="AF8" s="71">
        <v>80</v>
      </c>
      <c r="AG8" s="71">
        <v>64</v>
      </c>
      <c r="AH8" s="72">
        <v>434</v>
      </c>
      <c r="AI8" s="73">
        <v>647</v>
      </c>
      <c r="AJ8" s="70">
        <v>150</v>
      </c>
      <c r="AK8" s="71">
        <v>179</v>
      </c>
      <c r="AL8" s="72">
        <v>329</v>
      </c>
      <c r="AM8" s="244"/>
      <c r="AN8" s="71">
        <v>187</v>
      </c>
      <c r="AO8" s="71">
        <v>186</v>
      </c>
      <c r="AP8" s="71">
        <v>109</v>
      </c>
      <c r="AQ8" s="71">
        <v>101</v>
      </c>
      <c r="AR8" s="71">
        <v>71</v>
      </c>
      <c r="AS8" s="72">
        <v>654</v>
      </c>
      <c r="AT8" s="73">
        <v>983</v>
      </c>
      <c r="AU8" s="70">
        <v>352</v>
      </c>
      <c r="AV8" s="71">
        <v>367</v>
      </c>
      <c r="AW8" s="72">
        <v>719</v>
      </c>
      <c r="AX8" s="244"/>
      <c r="AY8" s="71">
        <v>350</v>
      </c>
      <c r="AZ8" s="71">
        <v>394</v>
      </c>
      <c r="BA8" s="71">
        <v>222</v>
      </c>
      <c r="BB8" s="71">
        <v>180</v>
      </c>
      <c r="BC8" s="71">
        <v>125</v>
      </c>
      <c r="BD8" s="72">
        <v>1271</v>
      </c>
      <c r="BE8" s="73">
        <v>1990</v>
      </c>
      <c r="BF8" s="70">
        <v>472</v>
      </c>
      <c r="BG8" s="71">
        <v>448</v>
      </c>
      <c r="BH8" s="72">
        <v>920</v>
      </c>
      <c r="BI8" s="244"/>
      <c r="BJ8" s="71">
        <v>474</v>
      </c>
      <c r="BK8" s="71">
        <v>517</v>
      </c>
      <c r="BL8" s="71">
        <v>287</v>
      </c>
      <c r="BM8" s="71">
        <v>252</v>
      </c>
      <c r="BN8" s="71">
        <v>134</v>
      </c>
      <c r="BO8" s="72">
        <v>1664</v>
      </c>
      <c r="BP8" s="73">
        <v>2584</v>
      </c>
      <c r="BQ8" s="70">
        <v>369</v>
      </c>
      <c r="BR8" s="71">
        <v>373</v>
      </c>
      <c r="BS8" s="72">
        <v>742</v>
      </c>
      <c r="BT8" s="244"/>
      <c r="BU8" s="71">
        <v>441</v>
      </c>
      <c r="BV8" s="71">
        <v>591</v>
      </c>
      <c r="BW8" s="71">
        <v>354</v>
      </c>
      <c r="BX8" s="71">
        <v>272</v>
      </c>
      <c r="BY8" s="71">
        <v>156</v>
      </c>
      <c r="BZ8" s="72">
        <v>1814</v>
      </c>
      <c r="CA8" s="73">
        <v>2556</v>
      </c>
      <c r="CB8" s="70">
        <v>0</v>
      </c>
      <c r="CC8" s="71">
        <v>0</v>
      </c>
      <c r="CD8" s="72">
        <v>0</v>
      </c>
      <c r="CE8" s="244"/>
      <c r="CF8" s="71">
        <v>0</v>
      </c>
      <c r="CG8" s="71">
        <v>0</v>
      </c>
      <c r="CH8" s="71">
        <v>0</v>
      </c>
      <c r="CI8" s="71">
        <v>0</v>
      </c>
      <c r="CJ8" s="71">
        <v>0</v>
      </c>
      <c r="CK8" s="72">
        <v>0</v>
      </c>
      <c r="CL8" s="73">
        <v>0</v>
      </c>
      <c r="CM8" s="70">
        <v>1486</v>
      </c>
      <c r="CN8" s="71">
        <v>1545</v>
      </c>
      <c r="CO8" s="72">
        <v>3031</v>
      </c>
      <c r="CP8" s="244"/>
      <c r="CQ8" s="71">
        <v>1557</v>
      </c>
      <c r="CR8" s="71">
        <v>1877</v>
      </c>
      <c r="CS8" s="71">
        <v>1096</v>
      </c>
      <c r="CT8" s="71">
        <v>916</v>
      </c>
      <c r="CU8" s="71">
        <v>581</v>
      </c>
      <c r="CV8" s="72">
        <v>6027</v>
      </c>
      <c r="CW8" s="73">
        <v>9058</v>
      </c>
      <c r="CX8" s="123">
        <v>479</v>
      </c>
      <c r="CY8" s="82">
        <v>632</v>
      </c>
      <c r="CZ8" s="83">
        <v>1111</v>
      </c>
      <c r="DA8" s="241"/>
      <c r="DB8" s="82">
        <v>631</v>
      </c>
      <c r="DC8" s="82">
        <v>806</v>
      </c>
      <c r="DD8" s="82">
        <v>463</v>
      </c>
      <c r="DE8" s="82">
        <v>514</v>
      </c>
      <c r="DF8" s="82">
        <v>333</v>
      </c>
      <c r="DG8" s="84">
        <v>2747</v>
      </c>
      <c r="DH8" s="85">
        <v>3858</v>
      </c>
      <c r="DI8" s="70">
        <v>11</v>
      </c>
      <c r="DJ8" s="71">
        <v>12</v>
      </c>
      <c r="DK8" s="72">
        <v>23</v>
      </c>
      <c r="DL8" s="244"/>
      <c r="DM8" s="71">
        <v>11</v>
      </c>
      <c r="DN8" s="71">
        <v>18</v>
      </c>
      <c r="DO8" s="71">
        <v>9</v>
      </c>
      <c r="DP8" s="71">
        <v>5</v>
      </c>
      <c r="DQ8" s="71">
        <v>4</v>
      </c>
      <c r="DR8" s="72">
        <v>47</v>
      </c>
      <c r="DS8" s="73">
        <v>70</v>
      </c>
      <c r="DT8" s="70">
        <v>42</v>
      </c>
      <c r="DU8" s="71">
        <v>43</v>
      </c>
      <c r="DV8" s="72">
        <v>85</v>
      </c>
      <c r="DW8" s="244"/>
      <c r="DX8" s="71">
        <v>28</v>
      </c>
      <c r="DY8" s="71">
        <v>39</v>
      </c>
      <c r="DZ8" s="71">
        <v>20</v>
      </c>
      <c r="EA8" s="71">
        <v>27</v>
      </c>
      <c r="EB8" s="71">
        <v>13</v>
      </c>
      <c r="EC8" s="72">
        <v>127</v>
      </c>
      <c r="ED8" s="73">
        <v>212</v>
      </c>
      <c r="EE8" s="70">
        <v>65</v>
      </c>
      <c r="EF8" s="71">
        <v>101</v>
      </c>
      <c r="EG8" s="72">
        <v>166</v>
      </c>
      <c r="EH8" s="244"/>
      <c r="EI8" s="71">
        <v>66</v>
      </c>
      <c r="EJ8" s="71">
        <v>82</v>
      </c>
      <c r="EK8" s="71">
        <v>46</v>
      </c>
      <c r="EL8" s="71">
        <v>33</v>
      </c>
      <c r="EM8" s="71">
        <v>34</v>
      </c>
      <c r="EN8" s="72">
        <v>261</v>
      </c>
      <c r="EO8" s="73">
        <v>427</v>
      </c>
      <c r="EP8" s="70">
        <v>139</v>
      </c>
      <c r="EQ8" s="71">
        <v>138</v>
      </c>
      <c r="ER8" s="72">
        <v>277</v>
      </c>
      <c r="ES8" s="244"/>
      <c r="ET8" s="71">
        <v>130</v>
      </c>
      <c r="EU8" s="71">
        <v>133</v>
      </c>
      <c r="EV8" s="71">
        <v>66</v>
      </c>
      <c r="EW8" s="71">
        <v>72</v>
      </c>
      <c r="EX8" s="71">
        <v>36</v>
      </c>
      <c r="EY8" s="72">
        <v>437</v>
      </c>
      <c r="EZ8" s="73">
        <v>714</v>
      </c>
      <c r="FA8" s="70">
        <v>132</v>
      </c>
      <c r="FB8" s="71">
        <v>195</v>
      </c>
      <c r="FC8" s="72">
        <v>327</v>
      </c>
      <c r="FD8" s="244"/>
      <c r="FE8" s="71">
        <v>201</v>
      </c>
      <c r="FF8" s="71">
        <v>259</v>
      </c>
      <c r="FG8" s="71">
        <v>116</v>
      </c>
      <c r="FH8" s="71">
        <v>144</v>
      </c>
      <c r="FI8" s="71">
        <v>86</v>
      </c>
      <c r="FJ8" s="72">
        <v>806</v>
      </c>
      <c r="FK8" s="73">
        <v>1133</v>
      </c>
      <c r="FL8" s="70">
        <v>90</v>
      </c>
      <c r="FM8" s="71">
        <v>143</v>
      </c>
      <c r="FN8" s="72">
        <v>233</v>
      </c>
      <c r="FO8" s="244"/>
      <c r="FP8" s="71">
        <v>195</v>
      </c>
      <c r="FQ8" s="71">
        <v>275</v>
      </c>
      <c r="FR8" s="71">
        <v>206</v>
      </c>
      <c r="FS8" s="71">
        <v>233</v>
      </c>
      <c r="FT8" s="71">
        <v>160</v>
      </c>
      <c r="FU8" s="72">
        <v>1069</v>
      </c>
      <c r="FV8" s="73">
        <v>1302</v>
      </c>
      <c r="FW8" s="70">
        <v>0</v>
      </c>
      <c r="FX8" s="71">
        <v>0</v>
      </c>
      <c r="FY8" s="72">
        <v>0</v>
      </c>
      <c r="FZ8" s="244"/>
      <c r="GA8" s="71">
        <v>0</v>
      </c>
      <c r="GB8" s="71">
        <v>0</v>
      </c>
      <c r="GC8" s="71">
        <v>0</v>
      </c>
      <c r="GD8" s="71">
        <v>0</v>
      </c>
      <c r="GE8" s="71">
        <v>0</v>
      </c>
      <c r="GF8" s="72">
        <v>0</v>
      </c>
      <c r="GG8" s="73">
        <v>0</v>
      </c>
      <c r="GH8" s="70">
        <v>479</v>
      </c>
      <c r="GI8" s="71">
        <v>632</v>
      </c>
      <c r="GJ8" s="72">
        <v>1111</v>
      </c>
      <c r="GK8" s="244"/>
      <c r="GL8" s="71">
        <v>631</v>
      </c>
      <c r="GM8" s="71">
        <v>806</v>
      </c>
      <c r="GN8" s="71">
        <v>463</v>
      </c>
      <c r="GO8" s="71">
        <v>514</v>
      </c>
      <c r="GP8" s="71">
        <v>333</v>
      </c>
      <c r="GQ8" s="72">
        <v>2747</v>
      </c>
      <c r="GR8" s="73">
        <v>3858</v>
      </c>
      <c r="GS8" s="123">
        <v>1965</v>
      </c>
      <c r="GT8" s="82">
        <v>2177</v>
      </c>
      <c r="GU8" s="83">
        <v>4142</v>
      </c>
      <c r="GV8" s="241"/>
      <c r="GW8" s="82">
        <v>2188</v>
      </c>
      <c r="GX8" s="82">
        <v>2683</v>
      </c>
      <c r="GY8" s="82">
        <v>1559</v>
      </c>
      <c r="GZ8" s="82">
        <v>1430</v>
      </c>
      <c r="HA8" s="82">
        <v>914</v>
      </c>
      <c r="HB8" s="84">
        <v>8774</v>
      </c>
      <c r="HC8" s="85">
        <v>12916</v>
      </c>
      <c r="HD8" s="70">
        <v>64</v>
      </c>
      <c r="HE8" s="71">
        <v>67</v>
      </c>
      <c r="HF8" s="72">
        <v>131</v>
      </c>
      <c r="HG8" s="244"/>
      <c r="HH8" s="71">
        <v>44</v>
      </c>
      <c r="HI8" s="71">
        <v>81</v>
      </c>
      <c r="HJ8" s="71">
        <v>41</v>
      </c>
      <c r="HK8" s="71">
        <v>36</v>
      </c>
      <c r="HL8" s="71">
        <v>35</v>
      </c>
      <c r="HM8" s="72">
        <v>237</v>
      </c>
      <c r="HN8" s="73">
        <v>368</v>
      </c>
      <c r="HO8" s="70">
        <v>132</v>
      </c>
      <c r="HP8" s="71">
        <v>166</v>
      </c>
      <c r="HQ8" s="72">
        <v>298</v>
      </c>
      <c r="HR8" s="244"/>
      <c r="HS8" s="71">
        <v>100</v>
      </c>
      <c r="HT8" s="71">
        <v>165</v>
      </c>
      <c r="HU8" s="71">
        <v>112</v>
      </c>
      <c r="HV8" s="71">
        <v>107</v>
      </c>
      <c r="HW8" s="71">
        <v>77</v>
      </c>
      <c r="HX8" s="72">
        <v>561</v>
      </c>
      <c r="HY8" s="73">
        <v>859</v>
      </c>
      <c r="HZ8" s="70">
        <v>215</v>
      </c>
      <c r="IA8" s="71">
        <v>280</v>
      </c>
      <c r="IB8" s="72">
        <v>495</v>
      </c>
      <c r="IC8" s="244"/>
      <c r="ID8" s="71">
        <v>253</v>
      </c>
      <c r="IE8" s="71">
        <v>268</v>
      </c>
      <c r="IF8" s="71">
        <v>155</v>
      </c>
      <c r="IG8" s="71">
        <v>134</v>
      </c>
      <c r="IH8" s="71">
        <v>105</v>
      </c>
      <c r="II8" s="72">
        <v>915</v>
      </c>
      <c r="IJ8" s="73">
        <v>1410</v>
      </c>
      <c r="IK8" s="70">
        <v>491</v>
      </c>
      <c r="IL8" s="71">
        <v>505</v>
      </c>
      <c r="IM8" s="72">
        <v>996</v>
      </c>
      <c r="IN8" s="244"/>
      <c r="IO8" s="71">
        <v>480</v>
      </c>
      <c r="IP8" s="71">
        <v>527</v>
      </c>
      <c r="IQ8" s="71">
        <v>288</v>
      </c>
      <c r="IR8" s="71">
        <v>252</v>
      </c>
      <c r="IS8" s="71">
        <v>161</v>
      </c>
      <c r="IT8" s="72">
        <v>1708</v>
      </c>
      <c r="IU8" s="73">
        <v>2704</v>
      </c>
      <c r="IV8" s="70">
        <v>604</v>
      </c>
      <c r="IW8" s="71">
        <v>643</v>
      </c>
      <c r="IX8" s="72">
        <v>1247</v>
      </c>
      <c r="IY8" s="244"/>
      <c r="IZ8" s="71">
        <v>675</v>
      </c>
      <c r="JA8" s="71">
        <v>776</v>
      </c>
      <c r="JB8" s="71">
        <v>403</v>
      </c>
      <c r="JC8" s="71">
        <v>396</v>
      </c>
      <c r="JD8" s="71">
        <v>220</v>
      </c>
      <c r="JE8" s="72">
        <v>2470</v>
      </c>
      <c r="JF8" s="73">
        <v>3717</v>
      </c>
      <c r="JG8" s="70">
        <v>459</v>
      </c>
      <c r="JH8" s="71">
        <v>516</v>
      </c>
      <c r="JI8" s="72">
        <v>975</v>
      </c>
      <c r="JJ8" s="244"/>
      <c r="JK8" s="71">
        <v>636</v>
      </c>
      <c r="JL8" s="71">
        <v>866</v>
      </c>
      <c r="JM8" s="71">
        <v>560</v>
      </c>
      <c r="JN8" s="71">
        <v>505</v>
      </c>
      <c r="JO8" s="71">
        <v>316</v>
      </c>
      <c r="JP8" s="72">
        <v>2883</v>
      </c>
      <c r="JQ8" s="73">
        <v>3858</v>
      </c>
      <c r="JR8" s="70">
        <v>0</v>
      </c>
      <c r="JS8" s="71">
        <v>0</v>
      </c>
      <c r="JT8" s="72">
        <v>0</v>
      </c>
      <c r="JU8" s="244"/>
      <c r="JV8" s="71">
        <v>0</v>
      </c>
      <c r="JW8" s="71">
        <v>0</v>
      </c>
      <c r="JX8" s="71">
        <v>0</v>
      </c>
      <c r="JY8" s="71">
        <v>0</v>
      </c>
      <c r="JZ8" s="71">
        <v>0</v>
      </c>
      <c r="KA8" s="72">
        <v>0</v>
      </c>
      <c r="KB8" s="73">
        <v>0</v>
      </c>
      <c r="KC8" s="70">
        <v>1965</v>
      </c>
      <c r="KD8" s="71">
        <v>2177</v>
      </c>
      <c r="KE8" s="72">
        <v>4142</v>
      </c>
      <c r="KF8" s="244"/>
      <c r="KG8" s="71">
        <v>2188</v>
      </c>
      <c r="KH8" s="71">
        <v>2683</v>
      </c>
      <c r="KI8" s="71">
        <v>1559</v>
      </c>
      <c r="KJ8" s="71">
        <v>1430</v>
      </c>
      <c r="KK8" s="71">
        <v>914</v>
      </c>
      <c r="KL8" s="72">
        <v>8774</v>
      </c>
      <c r="KM8" s="73">
        <v>12916</v>
      </c>
    </row>
    <row r="9" spans="2:299" ht="21" customHeight="1" x14ac:dyDescent="0.2">
      <c r="B9" s="126" t="s">
        <v>6</v>
      </c>
      <c r="C9" s="315">
        <v>433</v>
      </c>
      <c r="D9" s="82">
        <v>371</v>
      </c>
      <c r="E9" s="83">
        <v>804</v>
      </c>
      <c r="F9" s="241"/>
      <c r="G9" s="82">
        <v>763</v>
      </c>
      <c r="H9" s="82">
        <v>495</v>
      </c>
      <c r="I9" s="82">
        <v>376</v>
      </c>
      <c r="J9" s="82">
        <v>342</v>
      </c>
      <c r="K9" s="82">
        <v>209</v>
      </c>
      <c r="L9" s="84">
        <v>2185</v>
      </c>
      <c r="M9" s="85">
        <v>2989</v>
      </c>
      <c r="N9" s="70">
        <v>12</v>
      </c>
      <c r="O9" s="71">
        <v>22</v>
      </c>
      <c r="P9" s="72">
        <v>34</v>
      </c>
      <c r="Q9" s="244"/>
      <c r="R9" s="71">
        <v>20</v>
      </c>
      <c r="S9" s="71">
        <v>17</v>
      </c>
      <c r="T9" s="71">
        <v>9</v>
      </c>
      <c r="U9" s="71">
        <v>15</v>
      </c>
      <c r="V9" s="71">
        <v>11</v>
      </c>
      <c r="W9" s="72">
        <v>72</v>
      </c>
      <c r="X9" s="73">
        <v>106</v>
      </c>
      <c r="Y9" s="70">
        <v>36</v>
      </c>
      <c r="Z9" s="71">
        <v>29</v>
      </c>
      <c r="AA9" s="72">
        <v>65</v>
      </c>
      <c r="AB9" s="244"/>
      <c r="AC9" s="71">
        <v>53</v>
      </c>
      <c r="AD9" s="71">
        <v>42</v>
      </c>
      <c r="AE9" s="71">
        <v>34</v>
      </c>
      <c r="AF9" s="71">
        <v>24</v>
      </c>
      <c r="AG9" s="71">
        <v>20</v>
      </c>
      <c r="AH9" s="72">
        <v>173</v>
      </c>
      <c r="AI9" s="73">
        <v>238</v>
      </c>
      <c r="AJ9" s="70">
        <v>55</v>
      </c>
      <c r="AK9" s="71">
        <v>54</v>
      </c>
      <c r="AL9" s="72">
        <v>109</v>
      </c>
      <c r="AM9" s="244"/>
      <c r="AN9" s="71">
        <v>93</v>
      </c>
      <c r="AO9" s="71">
        <v>55</v>
      </c>
      <c r="AP9" s="71">
        <v>47</v>
      </c>
      <c r="AQ9" s="71">
        <v>41</v>
      </c>
      <c r="AR9" s="71">
        <v>38</v>
      </c>
      <c r="AS9" s="72">
        <v>274</v>
      </c>
      <c r="AT9" s="73">
        <v>383</v>
      </c>
      <c r="AU9" s="70">
        <v>84</v>
      </c>
      <c r="AV9" s="71">
        <v>74</v>
      </c>
      <c r="AW9" s="72">
        <v>158</v>
      </c>
      <c r="AX9" s="244"/>
      <c r="AY9" s="71">
        <v>183</v>
      </c>
      <c r="AZ9" s="71">
        <v>95</v>
      </c>
      <c r="BA9" s="71">
        <v>77</v>
      </c>
      <c r="BB9" s="71">
        <v>63</v>
      </c>
      <c r="BC9" s="71">
        <v>39</v>
      </c>
      <c r="BD9" s="72">
        <v>457</v>
      </c>
      <c r="BE9" s="73">
        <v>615</v>
      </c>
      <c r="BF9" s="70">
        <v>132</v>
      </c>
      <c r="BG9" s="71">
        <v>104</v>
      </c>
      <c r="BH9" s="72">
        <v>236</v>
      </c>
      <c r="BI9" s="244"/>
      <c r="BJ9" s="71">
        <v>208</v>
      </c>
      <c r="BK9" s="71">
        <v>136</v>
      </c>
      <c r="BL9" s="71">
        <v>100</v>
      </c>
      <c r="BM9" s="71">
        <v>97</v>
      </c>
      <c r="BN9" s="71">
        <v>54</v>
      </c>
      <c r="BO9" s="72">
        <v>595</v>
      </c>
      <c r="BP9" s="73">
        <v>831</v>
      </c>
      <c r="BQ9" s="70">
        <v>114</v>
      </c>
      <c r="BR9" s="71">
        <v>88</v>
      </c>
      <c r="BS9" s="72">
        <v>202</v>
      </c>
      <c r="BT9" s="244"/>
      <c r="BU9" s="71">
        <v>206</v>
      </c>
      <c r="BV9" s="71">
        <v>150</v>
      </c>
      <c r="BW9" s="71">
        <v>109</v>
      </c>
      <c r="BX9" s="71">
        <v>102</v>
      </c>
      <c r="BY9" s="71">
        <v>47</v>
      </c>
      <c r="BZ9" s="72">
        <v>614</v>
      </c>
      <c r="CA9" s="73">
        <v>816</v>
      </c>
      <c r="CB9" s="70">
        <v>0</v>
      </c>
      <c r="CC9" s="71">
        <v>0</v>
      </c>
      <c r="CD9" s="72">
        <v>0</v>
      </c>
      <c r="CE9" s="244"/>
      <c r="CF9" s="71">
        <v>0</v>
      </c>
      <c r="CG9" s="71">
        <v>0</v>
      </c>
      <c r="CH9" s="71">
        <v>0</v>
      </c>
      <c r="CI9" s="71">
        <v>0</v>
      </c>
      <c r="CJ9" s="71">
        <v>0</v>
      </c>
      <c r="CK9" s="72">
        <v>0</v>
      </c>
      <c r="CL9" s="73">
        <v>0</v>
      </c>
      <c r="CM9" s="70">
        <v>433</v>
      </c>
      <c r="CN9" s="71">
        <v>371</v>
      </c>
      <c r="CO9" s="72">
        <v>804</v>
      </c>
      <c r="CP9" s="244"/>
      <c r="CQ9" s="71">
        <v>763</v>
      </c>
      <c r="CR9" s="71">
        <v>495</v>
      </c>
      <c r="CS9" s="71">
        <v>376</v>
      </c>
      <c r="CT9" s="71">
        <v>342</v>
      </c>
      <c r="CU9" s="71">
        <v>209</v>
      </c>
      <c r="CV9" s="72">
        <v>2185</v>
      </c>
      <c r="CW9" s="73">
        <v>2989</v>
      </c>
      <c r="CX9" s="123">
        <v>212</v>
      </c>
      <c r="CY9" s="82">
        <v>209</v>
      </c>
      <c r="CZ9" s="83">
        <v>421</v>
      </c>
      <c r="DA9" s="241"/>
      <c r="DB9" s="82">
        <v>408</v>
      </c>
      <c r="DC9" s="82">
        <v>260</v>
      </c>
      <c r="DD9" s="82">
        <v>198</v>
      </c>
      <c r="DE9" s="82">
        <v>193</v>
      </c>
      <c r="DF9" s="82">
        <v>133</v>
      </c>
      <c r="DG9" s="84">
        <v>1192</v>
      </c>
      <c r="DH9" s="85">
        <v>1613</v>
      </c>
      <c r="DI9" s="70">
        <v>3</v>
      </c>
      <c r="DJ9" s="71">
        <v>7</v>
      </c>
      <c r="DK9" s="72">
        <v>10</v>
      </c>
      <c r="DL9" s="244"/>
      <c r="DM9" s="71">
        <v>4</v>
      </c>
      <c r="DN9" s="71">
        <v>7</v>
      </c>
      <c r="DO9" s="71">
        <v>3</v>
      </c>
      <c r="DP9" s="71">
        <v>5</v>
      </c>
      <c r="DQ9" s="71">
        <v>2</v>
      </c>
      <c r="DR9" s="72">
        <v>21</v>
      </c>
      <c r="DS9" s="73">
        <v>31</v>
      </c>
      <c r="DT9" s="70">
        <v>10</v>
      </c>
      <c r="DU9" s="71">
        <v>13</v>
      </c>
      <c r="DV9" s="72">
        <v>23</v>
      </c>
      <c r="DW9" s="244"/>
      <c r="DX9" s="71">
        <v>24</v>
      </c>
      <c r="DY9" s="71">
        <v>18</v>
      </c>
      <c r="DZ9" s="71">
        <v>9</v>
      </c>
      <c r="EA9" s="71">
        <v>10</v>
      </c>
      <c r="EB9" s="71">
        <v>2</v>
      </c>
      <c r="EC9" s="72">
        <v>63</v>
      </c>
      <c r="ED9" s="73">
        <v>86</v>
      </c>
      <c r="EE9" s="70">
        <v>33</v>
      </c>
      <c r="EF9" s="71">
        <v>25</v>
      </c>
      <c r="EG9" s="72">
        <v>58</v>
      </c>
      <c r="EH9" s="244"/>
      <c r="EI9" s="71">
        <v>55</v>
      </c>
      <c r="EJ9" s="71">
        <v>25</v>
      </c>
      <c r="EK9" s="71">
        <v>15</v>
      </c>
      <c r="EL9" s="71">
        <v>18</v>
      </c>
      <c r="EM9" s="71">
        <v>15</v>
      </c>
      <c r="EN9" s="72">
        <v>128</v>
      </c>
      <c r="EO9" s="73">
        <v>186</v>
      </c>
      <c r="EP9" s="70">
        <v>55</v>
      </c>
      <c r="EQ9" s="71">
        <v>45</v>
      </c>
      <c r="ER9" s="72">
        <v>100</v>
      </c>
      <c r="ES9" s="244"/>
      <c r="ET9" s="71">
        <v>81</v>
      </c>
      <c r="EU9" s="71">
        <v>59</v>
      </c>
      <c r="EV9" s="71">
        <v>26</v>
      </c>
      <c r="EW9" s="71">
        <v>21</v>
      </c>
      <c r="EX9" s="71">
        <v>23</v>
      </c>
      <c r="EY9" s="72">
        <v>210</v>
      </c>
      <c r="EZ9" s="73">
        <v>310</v>
      </c>
      <c r="FA9" s="70">
        <v>69</v>
      </c>
      <c r="FB9" s="71">
        <v>70</v>
      </c>
      <c r="FC9" s="72">
        <v>139</v>
      </c>
      <c r="FD9" s="244"/>
      <c r="FE9" s="71">
        <v>119</v>
      </c>
      <c r="FF9" s="71">
        <v>68</v>
      </c>
      <c r="FG9" s="71">
        <v>59</v>
      </c>
      <c r="FH9" s="71">
        <v>45</v>
      </c>
      <c r="FI9" s="71">
        <v>26</v>
      </c>
      <c r="FJ9" s="72">
        <v>317</v>
      </c>
      <c r="FK9" s="73">
        <v>456</v>
      </c>
      <c r="FL9" s="70">
        <v>42</v>
      </c>
      <c r="FM9" s="71">
        <v>49</v>
      </c>
      <c r="FN9" s="72">
        <v>91</v>
      </c>
      <c r="FO9" s="244"/>
      <c r="FP9" s="71">
        <v>125</v>
      </c>
      <c r="FQ9" s="71">
        <v>83</v>
      </c>
      <c r="FR9" s="71">
        <v>86</v>
      </c>
      <c r="FS9" s="71">
        <v>94</v>
      </c>
      <c r="FT9" s="71">
        <v>65</v>
      </c>
      <c r="FU9" s="72">
        <v>453</v>
      </c>
      <c r="FV9" s="73">
        <v>544</v>
      </c>
      <c r="FW9" s="70">
        <v>0</v>
      </c>
      <c r="FX9" s="71">
        <v>0</v>
      </c>
      <c r="FY9" s="72">
        <v>0</v>
      </c>
      <c r="FZ9" s="244"/>
      <c r="GA9" s="71">
        <v>0</v>
      </c>
      <c r="GB9" s="71">
        <v>0</v>
      </c>
      <c r="GC9" s="71">
        <v>0</v>
      </c>
      <c r="GD9" s="71">
        <v>0</v>
      </c>
      <c r="GE9" s="71">
        <v>0</v>
      </c>
      <c r="GF9" s="72">
        <v>0</v>
      </c>
      <c r="GG9" s="73">
        <v>0</v>
      </c>
      <c r="GH9" s="70">
        <v>212</v>
      </c>
      <c r="GI9" s="71">
        <v>209</v>
      </c>
      <c r="GJ9" s="72">
        <v>421</v>
      </c>
      <c r="GK9" s="244"/>
      <c r="GL9" s="71">
        <v>408</v>
      </c>
      <c r="GM9" s="71">
        <v>260</v>
      </c>
      <c r="GN9" s="71">
        <v>198</v>
      </c>
      <c r="GO9" s="71">
        <v>193</v>
      </c>
      <c r="GP9" s="71">
        <v>133</v>
      </c>
      <c r="GQ9" s="72">
        <v>1192</v>
      </c>
      <c r="GR9" s="73">
        <v>1613</v>
      </c>
      <c r="GS9" s="123">
        <v>645</v>
      </c>
      <c r="GT9" s="82">
        <v>580</v>
      </c>
      <c r="GU9" s="83">
        <v>1225</v>
      </c>
      <c r="GV9" s="241"/>
      <c r="GW9" s="82">
        <v>1171</v>
      </c>
      <c r="GX9" s="82">
        <v>755</v>
      </c>
      <c r="GY9" s="82">
        <v>574</v>
      </c>
      <c r="GZ9" s="82">
        <v>535</v>
      </c>
      <c r="HA9" s="82">
        <v>342</v>
      </c>
      <c r="HB9" s="84">
        <v>3377</v>
      </c>
      <c r="HC9" s="85">
        <v>4602</v>
      </c>
      <c r="HD9" s="70">
        <v>15</v>
      </c>
      <c r="HE9" s="71">
        <v>29</v>
      </c>
      <c r="HF9" s="72">
        <v>44</v>
      </c>
      <c r="HG9" s="244"/>
      <c r="HH9" s="71">
        <v>24</v>
      </c>
      <c r="HI9" s="71">
        <v>24</v>
      </c>
      <c r="HJ9" s="71">
        <v>12</v>
      </c>
      <c r="HK9" s="71">
        <v>20</v>
      </c>
      <c r="HL9" s="71">
        <v>13</v>
      </c>
      <c r="HM9" s="72">
        <v>93</v>
      </c>
      <c r="HN9" s="73">
        <v>137</v>
      </c>
      <c r="HO9" s="70">
        <v>46</v>
      </c>
      <c r="HP9" s="71">
        <v>42</v>
      </c>
      <c r="HQ9" s="72">
        <v>88</v>
      </c>
      <c r="HR9" s="244"/>
      <c r="HS9" s="71">
        <v>77</v>
      </c>
      <c r="HT9" s="71">
        <v>60</v>
      </c>
      <c r="HU9" s="71">
        <v>43</v>
      </c>
      <c r="HV9" s="71">
        <v>34</v>
      </c>
      <c r="HW9" s="71">
        <v>22</v>
      </c>
      <c r="HX9" s="72">
        <v>236</v>
      </c>
      <c r="HY9" s="73">
        <v>324</v>
      </c>
      <c r="HZ9" s="70">
        <v>88</v>
      </c>
      <c r="IA9" s="71">
        <v>79</v>
      </c>
      <c r="IB9" s="72">
        <v>167</v>
      </c>
      <c r="IC9" s="244"/>
      <c r="ID9" s="71">
        <v>148</v>
      </c>
      <c r="IE9" s="71">
        <v>80</v>
      </c>
      <c r="IF9" s="71">
        <v>62</v>
      </c>
      <c r="IG9" s="71">
        <v>59</v>
      </c>
      <c r="IH9" s="71">
        <v>53</v>
      </c>
      <c r="II9" s="72">
        <v>402</v>
      </c>
      <c r="IJ9" s="73">
        <v>569</v>
      </c>
      <c r="IK9" s="70">
        <v>139</v>
      </c>
      <c r="IL9" s="71">
        <v>119</v>
      </c>
      <c r="IM9" s="72">
        <v>258</v>
      </c>
      <c r="IN9" s="244"/>
      <c r="IO9" s="71">
        <v>264</v>
      </c>
      <c r="IP9" s="71">
        <v>154</v>
      </c>
      <c r="IQ9" s="71">
        <v>103</v>
      </c>
      <c r="IR9" s="71">
        <v>84</v>
      </c>
      <c r="IS9" s="71">
        <v>62</v>
      </c>
      <c r="IT9" s="72">
        <v>667</v>
      </c>
      <c r="IU9" s="73">
        <v>925</v>
      </c>
      <c r="IV9" s="70">
        <v>201</v>
      </c>
      <c r="IW9" s="71">
        <v>174</v>
      </c>
      <c r="IX9" s="72">
        <v>375</v>
      </c>
      <c r="IY9" s="244"/>
      <c r="IZ9" s="71">
        <v>327</v>
      </c>
      <c r="JA9" s="71">
        <v>204</v>
      </c>
      <c r="JB9" s="71">
        <v>159</v>
      </c>
      <c r="JC9" s="71">
        <v>142</v>
      </c>
      <c r="JD9" s="71">
        <v>80</v>
      </c>
      <c r="JE9" s="72">
        <v>912</v>
      </c>
      <c r="JF9" s="73">
        <v>1287</v>
      </c>
      <c r="JG9" s="70">
        <v>156</v>
      </c>
      <c r="JH9" s="71">
        <v>137</v>
      </c>
      <c r="JI9" s="72">
        <v>293</v>
      </c>
      <c r="JJ9" s="244"/>
      <c r="JK9" s="71">
        <v>331</v>
      </c>
      <c r="JL9" s="71">
        <v>233</v>
      </c>
      <c r="JM9" s="71">
        <v>195</v>
      </c>
      <c r="JN9" s="71">
        <v>196</v>
      </c>
      <c r="JO9" s="71">
        <v>112</v>
      </c>
      <c r="JP9" s="72">
        <v>1067</v>
      </c>
      <c r="JQ9" s="73">
        <v>1360</v>
      </c>
      <c r="JR9" s="70">
        <v>0</v>
      </c>
      <c r="JS9" s="71">
        <v>0</v>
      </c>
      <c r="JT9" s="72">
        <v>0</v>
      </c>
      <c r="JU9" s="244"/>
      <c r="JV9" s="71">
        <v>0</v>
      </c>
      <c r="JW9" s="71">
        <v>0</v>
      </c>
      <c r="JX9" s="71">
        <v>0</v>
      </c>
      <c r="JY9" s="71">
        <v>0</v>
      </c>
      <c r="JZ9" s="71">
        <v>0</v>
      </c>
      <c r="KA9" s="72">
        <v>0</v>
      </c>
      <c r="KB9" s="73">
        <v>0</v>
      </c>
      <c r="KC9" s="70">
        <v>645</v>
      </c>
      <c r="KD9" s="71">
        <v>580</v>
      </c>
      <c r="KE9" s="72">
        <v>1225</v>
      </c>
      <c r="KF9" s="244"/>
      <c r="KG9" s="71">
        <v>1171</v>
      </c>
      <c r="KH9" s="71">
        <v>755</v>
      </c>
      <c r="KI9" s="71">
        <v>574</v>
      </c>
      <c r="KJ9" s="71">
        <v>535</v>
      </c>
      <c r="KK9" s="71">
        <v>342</v>
      </c>
      <c r="KL9" s="72">
        <v>3377</v>
      </c>
      <c r="KM9" s="73">
        <v>4602</v>
      </c>
    </row>
    <row r="10" spans="2:299" ht="21" customHeight="1" x14ac:dyDescent="0.2">
      <c r="B10" s="126" t="s">
        <v>14</v>
      </c>
      <c r="C10" s="315">
        <v>180</v>
      </c>
      <c r="D10" s="82">
        <v>195</v>
      </c>
      <c r="E10" s="83">
        <v>375</v>
      </c>
      <c r="F10" s="241"/>
      <c r="G10" s="82">
        <v>254</v>
      </c>
      <c r="H10" s="82">
        <v>254</v>
      </c>
      <c r="I10" s="82">
        <v>152</v>
      </c>
      <c r="J10" s="82">
        <v>137</v>
      </c>
      <c r="K10" s="82">
        <v>83</v>
      </c>
      <c r="L10" s="84">
        <v>880</v>
      </c>
      <c r="M10" s="85">
        <v>1255</v>
      </c>
      <c r="N10" s="70">
        <v>8</v>
      </c>
      <c r="O10" s="71">
        <v>7</v>
      </c>
      <c r="P10" s="72">
        <v>15</v>
      </c>
      <c r="Q10" s="244"/>
      <c r="R10" s="71">
        <v>6</v>
      </c>
      <c r="S10" s="71">
        <v>9</v>
      </c>
      <c r="T10" s="71">
        <v>4</v>
      </c>
      <c r="U10" s="71">
        <v>7</v>
      </c>
      <c r="V10" s="71">
        <v>10</v>
      </c>
      <c r="W10" s="72">
        <v>36</v>
      </c>
      <c r="X10" s="73">
        <v>51</v>
      </c>
      <c r="Y10" s="70">
        <v>15</v>
      </c>
      <c r="Z10" s="71">
        <v>24</v>
      </c>
      <c r="AA10" s="72">
        <v>39</v>
      </c>
      <c r="AB10" s="244"/>
      <c r="AC10" s="71">
        <v>17</v>
      </c>
      <c r="AD10" s="71">
        <v>23</v>
      </c>
      <c r="AE10" s="71">
        <v>18</v>
      </c>
      <c r="AF10" s="71">
        <v>11</v>
      </c>
      <c r="AG10" s="71">
        <v>6</v>
      </c>
      <c r="AH10" s="72">
        <v>75</v>
      </c>
      <c r="AI10" s="73">
        <v>114</v>
      </c>
      <c r="AJ10" s="70">
        <v>21</v>
      </c>
      <c r="AK10" s="71">
        <v>31</v>
      </c>
      <c r="AL10" s="72">
        <v>52</v>
      </c>
      <c r="AM10" s="244"/>
      <c r="AN10" s="71">
        <v>28</v>
      </c>
      <c r="AO10" s="71">
        <v>42</v>
      </c>
      <c r="AP10" s="71">
        <v>14</v>
      </c>
      <c r="AQ10" s="71">
        <v>20</v>
      </c>
      <c r="AR10" s="71">
        <v>15</v>
      </c>
      <c r="AS10" s="72">
        <v>119</v>
      </c>
      <c r="AT10" s="73">
        <v>171</v>
      </c>
      <c r="AU10" s="70">
        <v>43</v>
      </c>
      <c r="AV10" s="71">
        <v>37</v>
      </c>
      <c r="AW10" s="72">
        <v>80</v>
      </c>
      <c r="AX10" s="244"/>
      <c r="AY10" s="71">
        <v>64</v>
      </c>
      <c r="AZ10" s="71">
        <v>55</v>
      </c>
      <c r="BA10" s="71">
        <v>38</v>
      </c>
      <c r="BB10" s="71">
        <v>29</v>
      </c>
      <c r="BC10" s="71">
        <v>17</v>
      </c>
      <c r="BD10" s="72">
        <v>203</v>
      </c>
      <c r="BE10" s="73">
        <v>283</v>
      </c>
      <c r="BF10" s="70">
        <v>58</v>
      </c>
      <c r="BG10" s="71">
        <v>51</v>
      </c>
      <c r="BH10" s="72">
        <v>109</v>
      </c>
      <c r="BI10" s="244"/>
      <c r="BJ10" s="71">
        <v>77</v>
      </c>
      <c r="BK10" s="71">
        <v>70</v>
      </c>
      <c r="BL10" s="71">
        <v>46</v>
      </c>
      <c r="BM10" s="71">
        <v>39</v>
      </c>
      <c r="BN10" s="71">
        <v>17</v>
      </c>
      <c r="BO10" s="72">
        <v>249</v>
      </c>
      <c r="BP10" s="73">
        <v>358</v>
      </c>
      <c r="BQ10" s="70">
        <v>35</v>
      </c>
      <c r="BR10" s="71">
        <v>45</v>
      </c>
      <c r="BS10" s="72">
        <v>80</v>
      </c>
      <c r="BT10" s="244"/>
      <c r="BU10" s="71">
        <v>62</v>
      </c>
      <c r="BV10" s="71">
        <v>55</v>
      </c>
      <c r="BW10" s="71">
        <v>32</v>
      </c>
      <c r="BX10" s="71">
        <v>31</v>
      </c>
      <c r="BY10" s="71">
        <v>18</v>
      </c>
      <c r="BZ10" s="72">
        <v>198</v>
      </c>
      <c r="CA10" s="73">
        <v>278</v>
      </c>
      <c r="CB10" s="70">
        <v>0</v>
      </c>
      <c r="CC10" s="71">
        <v>0</v>
      </c>
      <c r="CD10" s="72">
        <v>0</v>
      </c>
      <c r="CE10" s="244"/>
      <c r="CF10" s="71">
        <v>0</v>
      </c>
      <c r="CG10" s="71">
        <v>0</v>
      </c>
      <c r="CH10" s="71">
        <v>0</v>
      </c>
      <c r="CI10" s="71">
        <v>0</v>
      </c>
      <c r="CJ10" s="71">
        <v>0</v>
      </c>
      <c r="CK10" s="72">
        <v>0</v>
      </c>
      <c r="CL10" s="73">
        <v>0</v>
      </c>
      <c r="CM10" s="70">
        <v>180</v>
      </c>
      <c r="CN10" s="71">
        <v>195</v>
      </c>
      <c r="CO10" s="72">
        <v>375</v>
      </c>
      <c r="CP10" s="244"/>
      <c r="CQ10" s="71">
        <v>254</v>
      </c>
      <c r="CR10" s="71">
        <v>254</v>
      </c>
      <c r="CS10" s="71">
        <v>152</v>
      </c>
      <c r="CT10" s="71">
        <v>137</v>
      </c>
      <c r="CU10" s="71">
        <v>83</v>
      </c>
      <c r="CV10" s="72">
        <v>880</v>
      </c>
      <c r="CW10" s="73">
        <v>1255</v>
      </c>
      <c r="CX10" s="123">
        <v>59</v>
      </c>
      <c r="CY10" s="82">
        <v>92</v>
      </c>
      <c r="CZ10" s="83">
        <v>151</v>
      </c>
      <c r="DA10" s="241"/>
      <c r="DB10" s="82">
        <v>98</v>
      </c>
      <c r="DC10" s="82">
        <v>117</v>
      </c>
      <c r="DD10" s="82">
        <v>79</v>
      </c>
      <c r="DE10" s="82">
        <v>61</v>
      </c>
      <c r="DF10" s="82">
        <v>50</v>
      </c>
      <c r="DG10" s="84">
        <v>405</v>
      </c>
      <c r="DH10" s="85">
        <v>556</v>
      </c>
      <c r="DI10" s="70">
        <v>1</v>
      </c>
      <c r="DJ10" s="71">
        <v>2</v>
      </c>
      <c r="DK10" s="72">
        <v>3</v>
      </c>
      <c r="DL10" s="244"/>
      <c r="DM10" s="71">
        <v>0</v>
      </c>
      <c r="DN10" s="71">
        <v>2</v>
      </c>
      <c r="DO10" s="71">
        <v>0</v>
      </c>
      <c r="DP10" s="71">
        <v>1</v>
      </c>
      <c r="DQ10" s="71">
        <v>2</v>
      </c>
      <c r="DR10" s="72">
        <v>5</v>
      </c>
      <c r="DS10" s="73">
        <v>8</v>
      </c>
      <c r="DT10" s="70">
        <v>9</v>
      </c>
      <c r="DU10" s="71">
        <v>6</v>
      </c>
      <c r="DV10" s="72">
        <v>15</v>
      </c>
      <c r="DW10" s="244"/>
      <c r="DX10" s="71">
        <v>6</v>
      </c>
      <c r="DY10" s="71">
        <v>6</v>
      </c>
      <c r="DZ10" s="71">
        <v>6</v>
      </c>
      <c r="EA10" s="71">
        <v>1</v>
      </c>
      <c r="EB10" s="71">
        <v>0</v>
      </c>
      <c r="EC10" s="72">
        <v>19</v>
      </c>
      <c r="ED10" s="73">
        <v>34</v>
      </c>
      <c r="EE10" s="70">
        <v>11</v>
      </c>
      <c r="EF10" s="71">
        <v>11</v>
      </c>
      <c r="EG10" s="72">
        <v>22</v>
      </c>
      <c r="EH10" s="244"/>
      <c r="EI10" s="71">
        <v>10</v>
      </c>
      <c r="EJ10" s="71">
        <v>12</v>
      </c>
      <c r="EK10" s="71">
        <v>10</v>
      </c>
      <c r="EL10" s="71">
        <v>3</v>
      </c>
      <c r="EM10" s="71">
        <v>6</v>
      </c>
      <c r="EN10" s="72">
        <v>41</v>
      </c>
      <c r="EO10" s="73">
        <v>63</v>
      </c>
      <c r="EP10" s="70">
        <v>17</v>
      </c>
      <c r="EQ10" s="71">
        <v>23</v>
      </c>
      <c r="ER10" s="72">
        <v>40</v>
      </c>
      <c r="ES10" s="244"/>
      <c r="ET10" s="71">
        <v>20</v>
      </c>
      <c r="EU10" s="71">
        <v>23</v>
      </c>
      <c r="EV10" s="71">
        <v>10</v>
      </c>
      <c r="EW10" s="71">
        <v>10</v>
      </c>
      <c r="EX10" s="71">
        <v>9</v>
      </c>
      <c r="EY10" s="72">
        <v>72</v>
      </c>
      <c r="EZ10" s="73">
        <v>112</v>
      </c>
      <c r="FA10" s="70">
        <v>12</v>
      </c>
      <c r="FB10" s="71">
        <v>32</v>
      </c>
      <c r="FC10" s="72">
        <v>44</v>
      </c>
      <c r="FD10" s="244"/>
      <c r="FE10" s="71">
        <v>26</v>
      </c>
      <c r="FF10" s="71">
        <v>30</v>
      </c>
      <c r="FG10" s="71">
        <v>14</v>
      </c>
      <c r="FH10" s="71">
        <v>15</v>
      </c>
      <c r="FI10" s="71">
        <v>10</v>
      </c>
      <c r="FJ10" s="72">
        <v>95</v>
      </c>
      <c r="FK10" s="73">
        <v>139</v>
      </c>
      <c r="FL10" s="70">
        <v>9</v>
      </c>
      <c r="FM10" s="71">
        <v>18</v>
      </c>
      <c r="FN10" s="72">
        <v>27</v>
      </c>
      <c r="FO10" s="244"/>
      <c r="FP10" s="71">
        <v>36</v>
      </c>
      <c r="FQ10" s="71">
        <v>44</v>
      </c>
      <c r="FR10" s="71">
        <v>39</v>
      </c>
      <c r="FS10" s="71">
        <v>31</v>
      </c>
      <c r="FT10" s="71">
        <v>23</v>
      </c>
      <c r="FU10" s="72">
        <v>173</v>
      </c>
      <c r="FV10" s="73">
        <v>200</v>
      </c>
      <c r="FW10" s="70">
        <v>0</v>
      </c>
      <c r="FX10" s="71">
        <v>0</v>
      </c>
      <c r="FY10" s="72">
        <v>0</v>
      </c>
      <c r="FZ10" s="244"/>
      <c r="GA10" s="71">
        <v>0</v>
      </c>
      <c r="GB10" s="71">
        <v>0</v>
      </c>
      <c r="GC10" s="71">
        <v>0</v>
      </c>
      <c r="GD10" s="71">
        <v>0</v>
      </c>
      <c r="GE10" s="71">
        <v>0</v>
      </c>
      <c r="GF10" s="72">
        <v>0</v>
      </c>
      <c r="GG10" s="73">
        <v>0</v>
      </c>
      <c r="GH10" s="70">
        <v>59</v>
      </c>
      <c r="GI10" s="71">
        <v>92</v>
      </c>
      <c r="GJ10" s="72">
        <v>151</v>
      </c>
      <c r="GK10" s="244"/>
      <c r="GL10" s="71">
        <v>98</v>
      </c>
      <c r="GM10" s="71">
        <v>117</v>
      </c>
      <c r="GN10" s="71">
        <v>79</v>
      </c>
      <c r="GO10" s="71">
        <v>61</v>
      </c>
      <c r="GP10" s="71">
        <v>50</v>
      </c>
      <c r="GQ10" s="72">
        <v>405</v>
      </c>
      <c r="GR10" s="73">
        <v>556</v>
      </c>
      <c r="GS10" s="123">
        <v>239</v>
      </c>
      <c r="GT10" s="82">
        <v>287</v>
      </c>
      <c r="GU10" s="83">
        <v>526</v>
      </c>
      <c r="GV10" s="241"/>
      <c r="GW10" s="82">
        <v>352</v>
      </c>
      <c r="GX10" s="82">
        <v>371</v>
      </c>
      <c r="GY10" s="82">
        <v>231</v>
      </c>
      <c r="GZ10" s="82">
        <v>198</v>
      </c>
      <c r="HA10" s="82">
        <v>133</v>
      </c>
      <c r="HB10" s="84">
        <v>1285</v>
      </c>
      <c r="HC10" s="85">
        <v>1811</v>
      </c>
      <c r="HD10" s="70">
        <v>9</v>
      </c>
      <c r="HE10" s="71">
        <v>9</v>
      </c>
      <c r="HF10" s="72">
        <v>18</v>
      </c>
      <c r="HG10" s="244"/>
      <c r="HH10" s="71">
        <v>6</v>
      </c>
      <c r="HI10" s="71">
        <v>11</v>
      </c>
      <c r="HJ10" s="71">
        <v>4</v>
      </c>
      <c r="HK10" s="71">
        <v>8</v>
      </c>
      <c r="HL10" s="71">
        <v>12</v>
      </c>
      <c r="HM10" s="72">
        <v>41</v>
      </c>
      <c r="HN10" s="73">
        <v>59</v>
      </c>
      <c r="HO10" s="70">
        <v>24</v>
      </c>
      <c r="HP10" s="71">
        <v>30</v>
      </c>
      <c r="HQ10" s="72">
        <v>54</v>
      </c>
      <c r="HR10" s="244"/>
      <c r="HS10" s="71">
        <v>23</v>
      </c>
      <c r="HT10" s="71">
        <v>29</v>
      </c>
      <c r="HU10" s="71">
        <v>24</v>
      </c>
      <c r="HV10" s="71">
        <v>12</v>
      </c>
      <c r="HW10" s="71">
        <v>6</v>
      </c>
      <c r="HX10" s="72">
        <v>94</v>
      </c>
      <c r="HY10" s="73">
        <v>148</v>
      </c>
      <c r="HZ10" s="70">
        <v>32</v>
      </c>
      <c r="IA10" s="71">
        <v>42</v>
      </c>
      <c r="IB10" s="72">
        <v>74</v>
      </c>
      <c r="IC10" s="244"/>
      <c r="ID10" s="71">
        <v>38</v>
      </c>
      <c r="IE10" s="71">
        <v>54</v>
      </c>
      <c r="IF10" s="71">
        <v>24</v>
      </c>
      <c r="IG10" s="71">
        <v>23</v>
      </c>
      <c r="IH10" s="71">
        <v>21</v>
      </c>
      <c r="II10" s="72">
        <v>160</v>
      </c>
      <c r="IJ10" s="73">
        <v>234</v>
      </c>
      <c r="IK10" s="70">
        <v>60</v>
      </c>
      <c r="IL10" s="71">
        <v>60</v>
      </c>
      <c r="IM10" s="72">
        <v>120</v>
      </c>
      <c r="IN10" s="244"/>
      <c r="IO10" s="71">
        <v>84</v>
      </c>
      <c r="IP10" s="71">
        <v>78</v>
      </c>
      <c r="IQ10" s="71">
        <v>48</v>
      </c>
      <c r="IR10" s="71">
        <v>39</v>
      </c>
      <c r="IS10" s="71">
        <v>26</v>
      </c>
      <c r="IT10" s="72">
        <v>275</v>
      </c>
      <c r="IU10" s="73">
        <v>395</v>
      </c>
      <c r="IV10" s="70">
        <v>70</v>
      </c>
      <c r="IW10" s="71">
        <v>83</v>
      </c>
      <c r="IX10" s="72">
        <v>153</v>
      </c>
      <c r="IY10" s="244"/>
      <c r="IZ10" s="71">
        <v>103</v>
      </c>
      <c r="JA10" s="71">
        <v>100</v>
      </c>
      <c r="JB10" s="71">
        <v>60</v>
      </c>
      <c r="JC10" s="71">
        <v>54</v>
      </c>
      <c r="JD10" s="71">
        <v>27</v>
      </c>
      <c r="JE10" s="72">
        <v>344</v>
      </c>
      <c r="JF10" s="73">
        <v>497</v>
      </c>
      <c r="JG10" s="70">
        <v>44</v>
      </c>
      <c r="JH10" s="71">
        <v>63</v>
      </c>
      <c r="JI10" s="72">
        <v>107</v>
      </c>
      <c r="JJ10" s="244"/>
      <c r="JK10" s="71">
        <v>98</v>
      </c>
      <c r="JL10" s="71">
        <v>99</v>
      </c>
      <c r="JM10" s="71">
        <v>71</v>
      </c>
      <c r="JN10" s="71">
        <v>62</v>
      </c>
      <c r="JO10" s="71">
        <v>41</v>
      </c>
      <c r="JP10" s="72">
        <v>371</v>
      </c>
      <c r="JQ10" s="73">
        <v>478</v>
      </c>
      <c r="JR10" s="70">
        <v>0</v>
      </c>
      <c r="JS10" s="71">
        <v>0</v>
      </c>
      <c r="JT10" s="72">
        <v>0</v>
      </c>
      <c r="JU10" s="244"/>
      <c r="JV10" s="71">
        <v>0</v>
      </c>
      <c r="JW10" s="71">
        <v>0</v>
      </c>
      <c r="JX10" s="71">
        <v>0</v>
      </c>
      <c r="JY10" s="71">
        <v>0</v>
      </c>
      <c r="JZ10" s="71">
        <v>0</v>
      </c>
      <c r="KA10" s="72">
        <v>0</v>
      </c>
      <c r="KB10" s="73">
        <v>0</v>
      </c>
      <c r="KC10" s="70">
        <v>239</v>
      </c>
      <c r="KD10" s="71">
        <v>287</v>
      </c>
      <c r="KE10" s="72">
        <v>526</v>
      </c>
      <c r="KF10" s="244"/>
      <c r="KG10" s="71">
        <v>352</v>
      </c>
      <c r="KH10" s="71">
        <v>371</v>
      </c>
      <c r="KI10" s="71">
        <v>231</v>
      </c>
      <c r="KJ10" s="71">
        <v>198</v>
      </c>
      <c r="KK10" s="71">
        <v>133</v>
      </c>
      <c r="KL10" s="72">
        <v>1285</v>
      </c>
      <c r="KM10" s="73">
        <v>1811</v>
      </c>
    </row>
    <row r="11" spans="2:299" ht="21" customHeight="1" x14ac:dyDescent="0.2">
      <c r="B11" s="126" t="s">
        <v>7</v>
      </c>
      <c r="C11" s="315">
        <v>103</v>
      </c>
      <c r="D11" s="82">
        <v>86</v>
      </c>
      <c r="E11" s="83">
        <v>189</v>
      </c>
      <c r="F11" s="241"/>
      <c r="G11" s="82">
        <v>238</v>
      </c>
      <c r="H11" s="82">
        <v>146</v>
      </c>
      <c r="I11" s="82">
        <v>83</v>
      </c>
      <c r="J11" s="82">
        <v>70</v>
      </c>
      <c r="K11" s="82">
        <v>39</v>
      </c>
      <c r="L11" s="84">
        <v>576</v>
      </c>
      <c r="M11" s="85">
        <v>765</v>
      </c>
      <c r="N11" s="70">
        <v>6</v>
      </c>
      <c r="O11" s="71">
        <v>1</v>
      </c>
      <c r="P11" s="72">
        <v>7</v>
      </c>
      <c r="Q11" s="244"/>
      <c r="R11" s="71">
        <v>2</v>
      </c>
      <c r="S11" s="71">
        <v>4</v>
      </c>
      <c r="T11" s="71">
        <v>5</v>
      </c>
      <c r="U11" s="71">
        <v>1</v>
      </c>
      <c r="V11" s="71">
        <v>1</v>
      </c>
      <c r="W11" s="72">
        <v>13</v>
      </c>
      <c r="X11" s="73">
        <v>20</v>
      </c>
      <c r="Y11" s="70">
        <v>9</v>
      </c>
      <c r="Z11" s="71">
        <v>7</v>
      </c>
      <c r="AA11" s="72">
        <v>16</v>
      </c>
      <c r="AB11" s="244"/>
      <c r="AC11" s="71">
        <v>23</v>
      </c>
      <c r="AD11" s="71">
        <v>13</v>
      </c>
      <c r="AE11" s="71">
        <v>11</v>
      </c>
      <c r="AF11" s="71">
        <v>8</v>
      </c>
      <c r="AG11" s="71">
        <v>4</v>
      </c>
      <c r="AH11" s="72">
        <v>59</v>
      </c>
      <c r="AI11" s="73">
        <v>75</v>
      </c>
      <c r="AJ11" s="70">
        <v>9</v>
      </c>
      <c r="AK11" s="71">
        <v>11</v>
      </c>
      <c r="AL11" s="72">
        <v>20</v>
      </c>
      <c r="AM11" s="244"/>
      <c r="AN11" s="71">
        <v>33</v>
      </c>
      <c r="AO11" s="71">
        <v>14</v>
      </c>
      <c r="AP11" s="71">
        <v>8</v>
      </c>
      <c r="AQ11" s="71">
        <v>10</v>
      </c>
      <c r="AR11" s="71">
        <v>7</v>
      </c>
      <c r="AS11" s="72">
        <v>72</v>
      </c>
      <c r="AT11" s="73">
        <v>92</v>
      </c>
      <c r="AU11" s="70">
        <v>28</v>
      </c>
      <c r="AV11" s="71">
        <v>18</v>
      </c>
      <c r="AW11" s="72">
        <v>46</v>
      </c>
      <c r="AX11" s="244"/>
      <c r="AY11" s="71">
        <v>59</v>
      </c>
      <c r="AZ11" s="71">
        <v>37</v>
      </c>
      <c r="BA11" s="71">
        <v>18</v>
      </c>
      <c r="BB11" s="71">
        <v>13</v>
      </c>
      <c r="BC11" s="71">
        <v>10</v>
      </c>
      <c r="BD11" s="72">
        <v>137</v>
      </c>
      <c r="BE11" s="73">
        <v>183</v>
      </c>
      <c r="BF11" s="70">
        <v>29</v>
      </c>
      <c r="BG11" s="71">
        <v>29</v>
      </c>
      <c r="BH11" s="72">
        <v>58</v>
      </c>
      <c r="BI11" s="244"/>
      <c r="BJ11" s="71">
        <v>58</v>
      </c>
      <c r="BK11" s="71">
        <v>40</v>
      </c>
      <c r="BL11" s="71">
        <v>20</v>
      </c>
      <c r="BM11" s="71">
        <v>16</v>
      </c>
      <c r="BN11" s="71">
        <v>11</v>
      </c>
      <c r="BO11" s="72">
        <v>145</v>
      </c>
      <c r="BP11" s="73">
        <v>203</v>
      </c>
      <c r="BQ11" s="70">
        <v>22</v>
      </c>
      <c r="BR11" s="71">
        <v>20</v>
      </c>
      <c r="BS11" s="72">
        <v>42</v>
      </c>
      <c r="BT11" s="244"/>
      <c r="BU11" s="71">
        <v>63</v>
      </c>
      <c r="BV11" s="71">
        <v>38</v>
      </c>
      <c r="BW11" s="71">
        <v>21</v>
      </c>
      <c r="BX11" s="71">
        <v>22</v>
      </c>
      <c r="BY11" s="71">
        <v>6</v>
      </c>
      <c r="BZ11" s="72">
        <v>150</v>
      </c>
      <c r="CA11" s="73">
        <v>192</v>
      </c>
      <c r="CB11" s="70">
        <v>0</v>
      </c>
      <c r="CC11" s="71">
        <v>0</v>
      </c>
      <c r="CD11" s="72">
        <v>0</v>
      </c>
      <c r="CE11" s="244"/>
      <c r="CF11" s="71">
        <v>0</v>
      </c>
      <c r="CG11" s="71">
        <v>0</v>
      </c>
      <c r="CH11" s="71">
        <v>0</v>
      </c>
      <c r="CI11" s="71">
        <v>0</v>
      </c>
      <c r="CJ11" s="71">
        <v>0</v>
      </c>
      <c r="CK11" s="72">
        <v>0</v>
      </c>
      <c r="CL11" s="73">
        <v>0</v>
      </c>
      <c r="CM11" s="70">
        <v>103</v>
      </c>
      <c r="CN11" s="71">
        <v>86</v>
      </c>
      <c r="CO11" s="72">
        <v>189</v>
      </c>
      <c r="CP11" s="244"/>
      <c r="CQ11" s="71">
        <v>238</v>
      </c>
      <c r="CR11" s="71">
        <v>146</v>
      </c>
      <c r="CS11" s="71">
        <v>83</v>
      </c>
      <c r="CT11" s="71">
        <v>70</v>
      </c>
      <c r="CU11" s="71">
        <v>39</v>
      </c>
      <c r="CV11" s="72">
        <v>576</v>
      </c>
      <c r="CW11" s="73">
        <v>765</v>
      </c>
      <c r="CX11" s="123">
        <v>36</v>
      </c>
      <c r="CY11" s="82">
        <v>39</v>
      </c>
      <c r="CZ11" s="83">
        <v>75</v>
      </c>
      <c r="DA11" s="241"/>
      <c r="DB11" s="82">
        <v>68</v>
      </c>
      <c r="DC11" s="82">
        <v>36</v>
      </c>
      <c r="DD11" s="82">
        <v>33</v>
      </c>
      <c r="DE11" s="82">
        <v>32</v>
      </c>
      <c r="DF11" s="82">
        <v>16</v>
      </c>
      <c r="DG11" s="84">
        <v>185</v>
      </c>
      <c r="DH11" s="85">
        <v>260</v>
      </c>
      <c r="DI11" s="70">
        <v>0</v>
      </c>
      <c r="DJ11" s="71">
        <v>0</v>
      </c>
      <c r="DK11" s="72">
        <v>0</v>
      </c>
      <c r="DL11" s="244"/>
      <c r="DM11" s="71">
        <v>1</v>
      </c>
      <c r="DN11" s="71">
        <v>1</v>
      </c>
      <c r="DO11" s="71">
        <v>4</v>
      </c>
      <c r="DP11" s="71">
        <v>0</v>
      </c>
      <c r="DQ11" s="71">
        <v>1</v>
      </c>
      <c r="DR11" s="72">
        <v>7</v>
      </c>
      <c r="DS11" s="73">
        <v>7</v>
      </c>
      <c r="DT11" s="70">
        <v>0</v>
      </c>
      <c r="DU11" s="71">
        <v>1</v>
      </c>
      <c r="DV11" s="72">
        <v>1</v>
      </c>
      <c r="DW11" s="244"/>
      <c r="DX11" s="71">
        <v>7</v>
      </c>
      <c r="DY11" s="71">
        <v>4</v>
      </c>
      <c r="DZ11" s="71">
        <v>2</v>
      </c>
      <c r="EA11" s="71">
        <v>5</v>
      </c>
      <c r="EB11" s="71">
        <v>1</v>
      </c>
      <c r="EC11" s="72">
        <v>19</v>
      </c>
      <c r="ED11" s="73">
        <v>20</v>
      </c>
      <c r="EE11" s="70">
        <v>3</v>
      </c>
      <c r="EF11" s="71">
        <v>4</v>
      </c>
      <c r="EG11" s="72">
        <v>7</v>
      </c>
      <c r="EH11" s="244"/>
      <c r="EI11" s="71">
        <v>7</v>
      </c>
      <c r="EJ11" s="71">
        <v>6</v>
      </c>
      <c r="EK11" s="71">
        <v>3</v>
      </c>
      <c r="EL11" s="71">
        <v>6</v>
      </c>
      <c r="EM11" s="71">
        <v>2</v>
      </c>
      <c r="EN11" s="72">
        <v>24</v>
      </c>
      <c r="EO11" s="73">
        <v>31</v>
      </c>
      <c r="EP11" s="70">
        <v>16</v>
      </c>
      <c r="EQ11" s="71">
        <v>9</v>
      </c>
      <c r="ER11" s="72">
        <v>25</v>
      </c>
      <c r="ES11" s="244"/>
      <c r="ET11" s="71">
        <v>19</v>
      </c>
      <c r="EU11" s="71">
        <v>8</v>
      </c>
      <c r="EV11" s="71">
        <v>4</v>
      </c>
      <c r="EW11" s="71">
        <v>1</v>
      </c>
      <c r="EX11" s="71">
        <v>2</v>
      </c>
      <c r="EY11" s="72">
        <v>34</v>
      </c>
      <c r="EZ11" s="73">
        <v>59</v>
      </c>
      <c r="FA11" s="70">
        <v>11</v>
      </c>
      <c r="FB11" s="71">
        <v>17</v>
      </c>
      <c r="FC11" s="72">
        <v>28</v>
      </c>
      <c r="FD11" s="244"/>
      <c r="FE11" s="71">
        <v>19</v>
      </c>
      <c r="FF11" s="71">
        <v>3</v>
      </c>
      <c r="FG11" s="71">
        <v>6</v>
      </c>
      <c r="FH11" s="71">
        <v>4</v>
      </c>
      <c r="FI11" s="71">
        <v>6</v>
      </c>
      <c r="FJ11" s="72">
        <v>38</v>
      </c>
      <c r="FK11" s="73">
        <v>66</v>
      </c>
      <c r="FL11" s="70">
        <v>6</v>
      </c>
      <c r="FM11" s="71">
        <v>8</v>
      </c>
      <c r="FN11" s="72">
        <v>14</v>
      </c>
      <c r="FO11" s="244"/>
      <c r="FP11" s="71">
        <v>15</v>
      </c>
      <c r="FQ11" s="71">
        <v>14</v>
      </c>
      <c r="FR11" s="71">
        <v>14</v>
      </c>
      <c r="FS11" s="71">
        <v>16</v>
      </c>
      <c r="FT11" s="71">
        <v>4</v>
      </c>
      <c r="FU11" s="72">
        <v>63</v>
      </c>
      <c r="FV11" s="73">
        <v>77</v>
      </c>
      <c r="FW11" s="70">
        <v>0</v>
      </c>
      <c r="FX11" s="71">
        <v>0</v>
      </c>
      <c r="FY11" s="72">
        <v>0</v>
      </c>
      <c r="FZ11" s="244"/>
      <c r="GA11" s="71">
        <v>0</v>
      </c>
      <c r="GB11" s="71">
        <v>0</v>
      </c>
      <c r="GC11" s="71">
        <v>0</v>
      </c>
      <c r="GD11" s="71">
        <v>0</v>
      </c>
      <c r="GE11" s="71">
        <v>0</v>
      </c>
      <c r="GF11" s="72">
        <v>0</v>
      </c>
      <c r="GG11" s="73">
        <v>0</v>
      </c>
      <c r="GH11" s="70">
        <v>36</v>
      </c>
      <c r="GI11" s="71">
        <v>39</v>
      </c>
      <c r="GJ11" s="72">
        <v>75</v>
      </c>
      <c r="GK11" s="244"/>
      <c r="GL11" s="71">
        <v>68</v>
      </c>
      <c r="GM11" s="71">
        <v>36</v>
      </c>
      <c r="GN11" s="71">
        <v>33</v>
      </c>
      <c r="GO11" s="71">
        <v>32</v>
      </c>
      <c r="GP11" s="71">
        <v>16</v>
      </c>
      <c r="GQ11" s="72">
        <v>185</v>
      </c>
      <c r="GR11" s="73">
        <v>260</v>
      </c>
      <c r="GS11" s="123">
        <v>139</v>
      </c>
      <c r="GT11" s="82">
        <v>125</v>
      </c>
      <c r="GU11" s="83">
        <v>264</v>
      </c>
      <c r="GV11" s="241"/>
      <c r="GW11" s="82">
        <v>306</v>
      </c>
      <c r="GX11" s="82">
        <v>182</v>
      </c>
      <c r="GY11" s="82">
        <v>116</v>
      </c>
      <c r="GZ11" s="82">
        <v>102</v>
      </c>
      <c r="HA11" s="82">
        <v>55</v>
      </c>
      <c r="HB11" s="84">
        <v>761</v>
      </c>
      <c r="HC11" s="85">
        <v>1025</v>
      </c>
      <c r="HD11" s="70">
        <v>6</v>
      </c>
      <c r="HE11" s="71">
        <v>1</v>
      </c>
      <c r="HF11" s="72">
        <v>7</v>
      </c>
      <c r="HG11" s="244"/>
      <c r="HH11" s="71">
        <v>3</v>
      </c>
      <c r="HI11" s="71">
        <v>5</v>
      </c>
      <c r="HJ11" s="71">
        <v>9</v>
      </c>
      <c r="HK11" s="71">
        <v>1</v>
      </c>
      <c r="HL11" s="71">
        <v>2</v>
      </c>
      <c r="HM11" s="72">
        <v>20</v>
      </c>
      <c r="HN11" s="73">
        <v>27</v>
      </c>
      <c r="HO11" s="70">
        <v>9</v>
      </c>
      <c r="HP11" s="71">
        <v>8</v>
      </c>
      <c r="HQ11" s="72">
        <v>17</v>
      </c>
      <c r="HR11" s="244"/>
      <c r="HS11" s="71">
        <v>30</v>
      </c>
      <c r="HT11" s="71">
        <v>17</v>
      </c>
      <c r="HU11" s="71">
        <v>13</v>
      </c>
      <c r="HV11" s="71">
        <v>13</v>
      </c>
      <c r="HW11" s="71">
        <v>5</v>
      </c>
      <c r="HX11" s="72">
        <v>78</v>
      </c>
      <c r="HY11" s="73">
        <v>95</v>
      </c>
      <c r="HZ11" s="70">
        <v>12</v>
      </c>
      <c r="IA11" s="71">
        <v>15</v>
      </c>
      <c r="IB11" s="72">
        <v>27</v>
      </c>
      <c r="IC11" s="244"/>
      <c r="ID11" s="71">
        <v>40</v>
      </c>
      <c r="IE11" s="71">
        <v>20</v>
      </c>
      <c r="IF11" s="71">
        <v>11</v>
      </c>
      <c r="IG11" s="71">
        <v>16</v>
      </c>
      <c r="IH11" s="71">
        <v>9</v>
      </c>
      <c r="II11" s="72">
        <v>96</v>
      </c>
      <c r="IJ11" s="73">
        <v>123</v>
      </c>
      <c r="IK11" s="70">
        <v>44</v>
      </c>
      <c r="IL11" s="71">
        <v>27</v>
      </c>
      <c r="IM11" s="72">
        <v>71</v>
      </c>
      <c r="IN11" s="244"/>
      <c r="IO11" s="71">
        <v>78</v>
      </c>
      <c r="IP11" s="71">
        <v>45</v>
      </c>
      <c r="IQ11" s="71">
        <v>22</v>
      </c>
      <c r="IR11" s="71">
        <v>14</v>
      </c>
      <c r="IS11" s="71">
        <v>12</v>
      </c>
      <c r="IT11" s="72">
        <v>171</v>
      </c>
      <c r="IU11" s="73">
        <v>242</v>
      </c>
      <c r="IV11" s="70">
        <v>40</v>
      </c>
      <c r="IW11" s="71">
        <v>46</v>
      </c>
      <c r="IX11" s="72">
        <v>86</v>
      </c>
      <c r="IY11" s="244"/>
      <c r="IZ11" s="71">
        <v>77</v>
      </c>
      <c r="JA11" s="71">
        <v>43</v>
      </c>
      <c r="JB11" s="71">
        <v>26</v>
      </c>
      <c r="JC11" s="71">
        <v>20</v>
      </c>
      <c r="JD11" s="71">
        <v>17</v>
      </c>
      <c r="JE11" s="72">
        <v>183</v>
      </c>
      <c r="JF11" s="73">
        <v>269</v>
      </c>
      <c r="JG11" s="70">
        <v>28</v>
      </c>
      <c r="JH11" s="71">
        <v>28</v>
      </c>
      <c r="JI11" s="72">
        <v>56</v>
      </c>
      <c r="JJ11" s="244"/>
      <c r="JK11" s="71">
        <v>78</v>
      </c>
      <c r="JL11" s="71">
        <v>52</v>
      </c>
      <c r="JM11" s="71">
        <v>35</v>
      </c>
      <c r="JN11" s="71">
        <v>38</v>
      </c>
      <c r="JO11" s="71">
        <v>10</v>
      </c>
      <c r="JP11" s="72">
        <v>213</v>
      </c>
      <c r="JQ11" s="73">
        <v>269</v>
      </c>
      <c r="JR11" s="70">
        <v>0</v>
      </c>
      <c r="JS11" s="71">
        <v>0</v>
      </c>
      <c r="JT11" s="72">
        <v>0</v>
      </c>
      <c r="JU11" s="244"/>
      <c r="JV11" s="71">
        <v>0</v>
      </c>
      <c r="JW11" s="71">
        <v>0</v>
      </c>
      <c r="JX11" s="71">
        <v>0</v>
      </c>
      <c r="JY11" s="71">
        <v>0</v>
      </c>
      <c r="JZ11" s="71">
        <v>0</v>
      </c>
      <c r="KA11" s="72">
        <v>0</v>
      </c>
      <c r="KB11" s="73">
        <v>0</v>
      </c>
      <c r="KC11" s="70">
        <v>139</v>
      </c>
      <c r="KD11" s="71">
        <v>125</v>
      </c>
      <c r="KE11" s="72">
        <v>264</v>
      </c>
      <c r="KF11" s="244"/>
      <c r="KG11" s="71">
        <v>306</v>
      </c>
      <c r="KH11" s="71">
        <v>182</v>
      </c>
      <c r="KI11" s="71">
        <v>116</v>
      </c>
      <c r="KJ11" s="71">
        <v>102</v>
      </c>
      <c r="KK11" s="71">
        <v>55</v>
      </c>
      <c r="KL11" s="72">
        <v>761</v>
      </c>
      <c r="KM11" s="73">
        <v>1025</v>
      </c>
    </row>
    <row r="12" spans="2:299" ht="21" customHeight="1" x14ac:dyDescent="0.2">
      <c r="B12" s="126" t="s">
        <v>8</v>
      </c>
      <c r="C12" s="315">
        <v>45</v>
      </c>
      <c r="D12" s="82">
        <v>30</v>
      </c>
      <c r="E12" s="83">
        <v>75</v>
      </c>
      <c r="F12" s="241"/>
      <c r="G12" s="82">
        <v>107</v>
      </c>
      <c r="H12" s="82">
        <v>82</v>
      </c>
      <c r="I12" s="82">
        <v>47</v>
      </c>
      <c r="J12" s="82">
        <v>54</v>
      </c>
      <c r="K12" s="82">
        <v>26</v>
      </c>
      <c r="L12" s="84">
        <v>316</v>
      </c>
      <c r="M12" s="85">
        <v>391</v>
      </c>
      <c r="N12" s="70">
        <v>3</v>
      </c>
      <c r="O12" s="71">
        <v>3</v>
      </c>
      <c r="P12" s="72">
        <v>6</v>
      </c>
      <c r="Q12" s="244"/>
      <c r="R12" s="71">
        <v>3</v>
      </c>
      <c r="S12" s="71">
        <v>2</v>
      </c>
      <c r="T12" s="71">
        <v>0</v>
      </c>
      <c r="U12" s="71">
        <v>3</v>
      </c>
      <c r="V12" s="71">
        <v>3</v>
      </c>
      <c r="W12" s="72">
        <v>11</v>
      </c>
      <c r="X12" s="73">
        <v>17</v>
      </c>
      <c r="Y12" s="70">
        <v>6</v>
      </c>
      <c r="Z12" s="71">
        <v>2</v>
      </c>
      <c r="AA12" s="72">
        <v>8</v>
      </c>
      <c r="AB12" s="244"/>
      <c r="AC12" s="71">
        <v>7</v>
      </c>
      <c r="AD12" s="71">
        <v>10</v>
      </c>
      <c r="AE12" s="71">
        <v>7</v>
      </c>
      <c r="AF12" s="71">
        <v>5</v>
      </c>
      <c r="AG12" s="71">
        <v>4</v>
      </c>
      <c r="AH12" s="72">
        <v>33</v>
      </c>
      <c r="AI12" s="73">
        <v>41</v>
      </c>
      <c r="AJ12" s="70">
        <v>4</v>
      </c>
      <c r="AK12" s="71">
        <v>3</v>
      </c>
      <c r="AL12" s="72">
        <v>7</v>
      </c>
      <c r="AM12" s="244"/>
      <c r="AN12" s="71">
        <v>16</v>
      </c>
      <c r="AO12" s="71">
        <v>12</v>
      </c>
      <c r="AP12" s="71">
        <v>6</v>
      </c>
      <c r="AQ12" s="71">
        <v>5</v>
      </c>
      <c r="AR12" s="71">
        <v>5</v>
      </c>
      <c r="AS12" s="72">
        <v>44</v>
      </c>
      <c r="AT12" s="73">
        <v>51</v>
      </c>
      <c r="AU12" s="70">
        <v>7</v>
      </c>
      <c r="AV12" s="71">
        <v>7</v>
      </c>
      <c r="AW12" s="72">
        <v>14</v>
      </c>
      <c r="AX12" s="244"/>
      <c r="AY12" s="71">
        <v>23</v>
      </c>
      <c r="AZ12" s="71">
        <v>15</v>
      </c>
      <c r="BA12" s="71">
        <v>7</v>
      </c>
      <c r="BB12" s="71">
        <v>11</v>
      </c>
      <c r="BC12" s="71">
        <v>2</v>
      </c>
      <c r="BD12" s="72">
        <v>58</v>
      </c>
      <c r="BE12" s="73">
        <v>72</v>
      </c>
      <c r="BF12" s="70">
        <v>11</v>
      </c>
      <c r="BG12" s="71">
        <v>2</v>
      </c>
      <c r="BH12" s="72">
        <v>13</v>
      </c>
      <c r="BI12" s="244"/>
      <c r="BJ12" s="71">
        <v>35</v>
      </c>
      <c r="BK12" s="71">
        <v>20</v>
      </c>
      <c r="BL12" s="71">
        <v>12</v>
      </c>
      <c r="BM12" s="71">
        <v>14</v>
      </c>
      <c r="BN12" s="71">
        <v>5</v>
      </c>
      <c r="BO12" s="72">
        <v>86</v>
      </c>
      <c r="BP12" s="73">
        <v>99</v>
      </c>
      <c r="BQ12" s="70">
        <v>14</v>
      </c>
      <c r="BR12" s="71">
        <v>13</v>
      </c>
      <c r="BS12" s="72">
        <v>27</v>
      </c>
      <c r="BT12" s="244"/>
      <c r="BU12" s="71">
        <v>23</v>
      </c>
      <c r="BV12" s="71">
        <v>23</v>
      </c>
      <c r="BW12" s="71">
        <v>15</v>
      </c>
      <c r="BX12" s="71">
        <v>16</v>
      </c>
      <c r="BY12" s="71">
        <v>7</v>
      </c>
      <c r="BZ12" s="72">
        <v>84</v>
      </c>
      <c r="CA12" s="73">
        <v>111</v>
      </c>
      <c r="CB12" s="70">
        <v>0</v>
      </c>
      <c r="CC12" s="71">
        <v>0</v>
      </c>
      <c r="CD12" s="72">
        <v>0</v>
      </c>
      <c r="CE12" s="244"/>
      <c r="CF12" s="71">
        <v>0</v>
      </c>
      <c r="CG12" s="71">
        <v>0</v>
      </c>
      <c r="CH12" s="71">
        <v>0</v>
      </c>
      <c r="CI12" s="71">
        <v>0</v>
      </c>
      <c r="CJ12" s="71">
        <v>0</v>
      </c>
      <c r="CK12" s="72">
        <v>0</v>
      </c>
      <c r="CL12" s="73">
        <v>0</v>
      </c>
      <c r="CM12" s="70">
        <v>45</v>
      </c>
      <c r="CN12" s="71">
        <v>30</v>
      </c>
      <c r="CO12" s="72">
        <v>75</v>
      </c>
      <c r="CP12" s="244"/>
      <c r="CQ12" s="71">
        <v>107</v>
      </c>
      <c r="CR12" s="71">
        <v>82</v>
      </c>
      <c r="CS12" s="71">
        <v>47</v>
      </c>
      <c r="CT12" s="71">
        <v>54</v>
      </c>
      <c r="CU12" s="71">
        <v>26</v>
      </c>
      <c r="CV12" s="72">
        <v>316</v>
      </c>
      <c r="CW12" s="73">
        <v>391</v>
      </c>
      <c r="CX12" s="123">
        <v>22</v>
      </c>
      <c r="CY12" s="82">
        <v>25</v>
      </c>
      <c r="CZ12" s="83">
        <v>47</v>
      </c>
      <c r="DA12" s="241"/>
      <c r="DB12" s="82">
        <v>45</v>
      </c>
      <c r="DC12" s="82">
        <v>34</v>
      </c>
      <c r="DD12" s="82">
        <v>18</v>
      </c>
      <c r="DE12" s="82">
        <v>24</v>
      </c>
      <c r="DF12" s="82">
        <v>15</v>
      </c>
      <c r="DG12" s="84">
        <v>136</v>
      </c>
      <c r="DH12" s="85">
        <v>183</v>
      </c>
      <c r="DI12" s="70">
        <v>1</v>
      </c>
      <c r="DJ12" s="71">
        <v>1</v>
      </c>
      <c r="DK12" s="72">
        <v>2</v>
      </c>
      <c r="DL12" s="244"/>
      <c r="DM12" s="71">
        <v>1</v>
      </c>
      <c r="DN12" s="71">
        <v>1</v>
      </c>
      <c r="DO12" s="71">
        <v>0</v>
      </c>
      <c r="DP12" s="71">
        <v>2</v>
      </c>
      <c r="DQ12" s="71">
        <v>0</v>
      </c>
      <c r="DR12" s="72">
        <v>4</v>
      </c>
      <c r="DS12" s="73">
        <v>6</v>
      </c>
      <c r="DT12" s="70">
        <v>3</v>
      </c>
      <c r="DU12" s="71">
        <v>3</v>
      </c>
      <c r="DV12" s="72">
        <v>6</v>
      </c>
      <c r="DW12" s="244"/>
      <c r="DX12" s="71">
        <v>3</v>
      </c>
      <c r="DY12" s="71">
        <v>0</v>
      </c>
      <c r="DZ12" s="71">
        <v>2</v>
      </c>
      <c r="EA12" s="71">
        <v>1</v>
      </c>
      <c r="EB12" s="71">
        <v>1</v>
      </c>
      <c r="EC12" s="72">
        <v>7</v>
      </c>
      <c r="ED12" s="73">
        <v>13</v>
      </c>
      <c r="EE12" s="70">
        <v>3</v>
      </c>
      <c r="EF12" s="71">
        <v>6</v>
      </c>
      <c r="EG12" s="72">
        <v>9</v>
      </c>
      <c r="EH12" s="244"/>
      <c r="EI12" s="71">
        <v>7</v>
      </c>
      <c r="EJ12" s="71">
        <v>3</v>
      </c>
      <c r="EK12" s="71">
        <v>2</v>
      </c>
      <c r="EL12" s="71">
        <v>1</v>
      </c>
      <c r="EM12" s="71">
        <v>1</v>
      </c>
      <c r="EN12" s="72">
        <v>14</v>
      </c>
      <c r="EO12" s="73">
        <v>23</v>
      </c>
      <c r="EP12" s="70">
        <v>6</v>
      </c>
      <c r="EQ12" s="71">
        <v>7</v>
      </c>
      <c r="ER12" s="72">
        <v>13</v>
      </c>
      <c r="ES12" s="244"/>
      <c r="ET12" s="71">
        <v>4</v>
      </c>
      <c r="EU12" s="71">
        <v>6</v>
      </c>
      <c r="EV12" s="71">
        <v>2</v>
      </c>
      <c r="EW12" s="71">
        <v>6</v>
      </c>
      <c r="EX12" s="71">
        <v>3</v>
      </c>
      <c r="EY12" s="72">
        <v>21</v>
      </c>
      <c r="EZ12" s="73">
        <v>34</v>
      </c>
      <c r="FA12" s="70">
        <v>6</v>
      </c>
      <c r="FB12" s="71">
        <v>2</v>
      </c>
      <c r="FC12" s="72">
        <v>8</v>
      </c>
      <c r="FD12" s="244"/>
      <c r="FE12" s="71">
        <v>17</v>
      </c>
      <c r="FF12" s="71">
        <v>11</v>
      </c>
      <c r="FG12" s="71">
        <v>5</v>
      </c>
      <c r="FH12" s="71">
        <v>3</v>
      </c>
      <c r="FI12" s="71">
        <v>2</v>
      </c>
      <c r="FJ12" s="72">
        <v>38</v>
      </c>
      <c r="FK12" s="73">
        <v>46</v>
      </c>
      <c r="FL12" s="70">
        <v>3</v>
      </c>
      <c r="FM12" s="71">
        <v>6</v>
      </c>
      <c r="FN12" s="72">
        <v>9</v>
      </c>
      <c r="FO12" s="244"/>
      <c r="FP12" s="71">
        <v>13</v>
      </c>
      <c r="FQ12" s="71">
        <v>13</v>
      </c>
      <c r="FR12" s="71">
        <v>7</v>
      </c>
      <c r="FS12" s="71">
        <v>11</v>
      </c>
      <c r="FT12" s="71">
        <v>8</v>
      </c>
      <c r="FU12" s="72">
        <v>52</v>
      </c>
      <c r="FV12" s="73">
        <v>61</v>
      </c>
      <c r="FW12" s="70">
        <v>0</v>
      </c>
      <c r="FX12" s="71">
        <v>0</v>
      </c>
      <c r="FY12" s="72">
        <v>0</v>
      </c>
      <c r="FZ12" s="244"/>
      <c r="GA12" s="71">
        <v>0</v>
      </c>
      <c r="GB12" s="71">
        <v>0</v>
      </c>
      <c r="GC12" s="71">
        <v>0</v>
      </c>
      <c r="GD12" s="71">
        <v>0</v>
      </c>
      <c r="GE12" s="71">
        <v>0</v>
      </c>
      <c r="GF12" s="72">
        <v>0</v>
      </c>
      <c r="GG12" s="73">
        <v>0</v>
      </c>
      <c r="GH12" s="70">
        <v>22</v>
      </c>
      <c r="GI12" s="71">
        <v>25</v>
      </c>
      <c r="GJ12" s="72">
        <v>47</v>
      </c>
      <c r="GK12" s="244"/>
      <c r="GL12" s="71">
        <v>45</v>
      </c>
      <c r="GM12" s="71">
        <v>34</v>
      </c>
      <c r="GN12" s="71">
        <v>18</v>
      </c>
      <c r="GO12" s="71">
        <v>24</v>
      </c>
      <c r="GP12" s="71">
        <v>15</v>
      </c>
      <c r="GQ12" s="72">
        <v>136</v>
      </c>
      <c r="GR12" s="73">
        <v>183</v>
      </c>
      <c r="GS12" s="123">
        <v>67</v>
      </c>
      <c r="GT12" s="82">
        <v>55</v>
      </c>
      <c r="GU12" s="83">
        <v>122</v>
      </c>
      <c r="GV12" s="241"/>
      <c r="GW12" s="82">
        <v>152</v>
      </c>
      <c r="GX12" s="82">
        <v>116</v>
      </c>
      <c r="GY12" s="82">
        <v>65</v>
      </c>
      <c r="GZ12" s="82">
        <v>78</v>
      </c>
      <c r="HA12" s="82">
        <v>41</v>
      </c>
      <c r="HB12" s="84">
        <v>452</v>
      </c>
      <c r="HC12" s="85">
        <v>574</v>
      </c>
      <c r="HD12" s="70">
        <v>4</v>
      </c>
      <c r="HE12" s="71">
        <v>4</v>
      </c>
      <c r="HF12" s="72">
        <v>8</v>
      </c>
      <c r="HG12" s="244"/>
      <c r="HH12" s="71">
        <v>4</v>
      </c>
      <c r="HI12" s="71">
        <v>3</v>
      </c>
      <c r="HJ12" s="71">
        <v>0</v>
      </c>
      <c r="HK12" s="71">
        <v>5</v>
      </c>
      <c r="HL12" s="71">
        <v>3</v>
      </c>
      <c r="HM12" s="72">
        <v>15</v>
      </c>
      <c r="HN12" s="73">
        <v>23</v>
      </c>
      <c r="HO12" s="70">
        <v>9</v>
      </c>
      <c r="HP12" s="71">
        <v>5</v>
      </c>
      <c r="HQ12" s="72">
        <v>14</v>
      </c>
      <c r="HR12" s="244"/>
      <c r="HS12" s="71">
        <v>10</v>
      </c>
      <c r="HT12" s="71">
        <v>10</v>
      </c>
      <c r="HU12" s="71">
        <v>9</v>
      </c>
      <c r="HV12" s="71">
        <v>6</v>
      </c>
      <c r="HW12" s="71">
        <v>5</v>
      </c>
      <c r="HX12" s="72">
        <v>40</v>
      </c>
      <c r="HY12" s="73">
        <v>54</v>
      </c>
      <c r="HZ12" s="70">
        <v>7</v>
      </c>
      <c r="IA12" s="71">
        <v>9</v>
      </c>
      <c r="IB12" s="72">
        <v>16</v>
      </c>
      <c r="IC12" s="244"/>
      <c r="ID12" s="71">
        <v>23</v>
      </c>
      <c r="IE12" s="71">
        <v>15</v>
      </c>
      <c r="IF12" s="71">
        <v>8</v>
      </c>
      <c r="IG12" s="71">
        <v>6</v>
      </c>
      <c r="IH12" s="71">
        <v>6</v>
      </c>
      <c r="II12" s="72">
        <v>58</v>
      </c>
      <c r="IJ12" s="73">
        <v>74</v>
      </c>
      <c r="IK12" s="70">
        <v>13</v>
      </c>
      <c r="IL12" s="71">
        <v>14</v>
      </c>
      <c r="IM12" s="72">
        <v>27</v>
      </c>
      <c r="IN12" s="244"/>
      <c r="IO12" s="71">
        <v>27</v>
      </c>
      <c r="IP12" s="71">
        <v>21</v>
      </c>
      <c r="IQ12" s="71">
        <v>9</v>
      </c>
      <c r="IR12" s="71">
        <v>17</v>
      </c>
      <c r="IS12" s="71">
        <v>5</v>
      </c>
      <c r="IT12" s="72">
        <v>79</v>
      </c>
      <c r="IU12" s="73">
        <v>106</v>
      </c>
      <c r="IV12" s="70">
        <v>17</v>
      </c>
      <c r="IW12" s="71">
        <v>4</v>
      </c>
      <c r="IX12" s="72">
        <v>21</v>
      </c>
      <c r="IY12" s="244"/>
      <c r="IZ12" s="71">
        <v>52</v>
      </c>
      <c r="JA12" s="71">
        <v>31</v>
      </c>
      <c r="JB12" s="71">
        <v>17</v>
      </c>
      <c r="JC12" s="71">
        <v>17</v>
      </c>
      <c r="JD12" s="71">
        <v>7</v>
      </c>
      <c r="JE12" s="72">
        <v>124</v>
      </c>
      <c r="JF12" s="73">
        <v>145</v>
      </c>
      <c r="JG12" s="70">
        <v>17</v>
      </c>
      <c r="JH12" s="71">
        <v>19</v>
      </c>
      <c r="JI12" s="72">
        <v>36</v>
      </c>
      <c r="JJ12" s="244"/>
      <c r="JK12" s="71">
        <v>36</v>
      </c>
      <c r="JL12" s="71">
        <v>36</v>
      </c>
      <c r="JM12" s="71">
        <v>22</v>
      </c>
      <c r="JN12" s="71">
        <v>27</v>
      </c>
      <c r="JO12" s="71">
        <v>15</v>
      </c>
      <c r="JP12" s="72">
        <v>136</v>
      </c>
      <c r="JQ12" s="73">
        <v>172</v>
      </c>
      <c r="JR12" s="70">
        <v>0</v>
      </c>
      <c r="JS12" s="71">
        <v>0</v>
      </c>
      <c r="JT12" s="72">
        <v>0</v>
      </c>
      <c r="JU12" s="244"/>
      <c r="JV12" s="71">
        <v>0</v>
      </c>
      <c r="JW12" s="71">
        <v>0</v>
      </c>
      <c r="JX12" s="71">
        <v>0</v>
      </c>
      <c r="JY12" s="71">
        <v>0</v>
      </c>
      <c r="JZ12" s="71">
        <v>0</v>
      </c>
      <c r="KA12" s="72">
        <v>0</v>
      </c>
      <c r="KB12" s="73">
        <v>0</v>
      </c>
      <c r="KC12" s="70">
        <v>67</v>
      </c>
      <c r="KD12" s="71">
        <v>55</v>
      </c>
      <c r="KE12" s="72">
        <v>122</v>
      </c>
      <c r="KF12" s="244"/>
      <c r="KG12" s="71">
        <v>152</v>
      </c>
      <c r="KH12" s="71">
        <v>116</v>
      </c>
      <c r="KI12" s="71">
        <v>65</v>
      </c>
      <c r="KJ12" s="71">
        <v>78</v>
      </c>
      <c r="KK12" s="71">
        <v>41</v>
      </c>
      <c r="KL12" s="72">
        <v>452</v>
      </c>
      <c r="KM12" s="73">
        <v>574</v>
      </c>
    </row>
    <row r="13" spans="2:299" ht="21" customHeight="1" x14ac:dyDescent="0.2">
      <c r="B13" s="126" t="s">
        <v>9</v>
      </c>
      <c r="C13" s="315">
        <v>185</v>
      </c>
      <c r="D13" s="82">
        <v>110</v>
      </c>
      <c r="E13" s="83">
        <v>295</v>
      </c>
      <c r="F13" s="241"/>
      <c r="G13" s="82">
        <v>209</v>
      </c>
      <c r="H13" s="82">
        <v>143</v>
      </c>
      <c r="I13" s="82">
        <v>84</v>
      </c>
      <c r="J13" s="82">
        <v>90</v>
      </c>
      <c r="K13" s="82">
        <v>50</v>
      </c>
      <c r="L13" s="84">
        <v>576</v>
      </c>
      <c r="M13" s="85">
        <v>871</v>
      </c>
      <c r="N13" s="70">
        <v>3</v>
      </c>
      <c r="O13" s="71">
        <v>1</v>
      </c>
      <c r="P13" s="72">
        <v>4</v>
      </c>
      <c r="Q13" s="244"/>
      <c r="R13" s="71">
        <v>3</v>
      </c>
      <c r="S13" s="71">
        <v>4</v>
      </c>
      <c r="T13" s="71">
        <v>1</v>
      </c>
      <c r="U13" s="71">
        <v>4</v>
      </c>
      <c r="V13" s="71">
        <v>6</v>
      </c>
      <c r="W13" s="72">
        <v>18</v>
      </c>
      <c r="X13" s="73">
        <v>22</v>
      </c>
      <c r="Y13" s="70">
        <v>10</v>
      </c>
      <c r="Z13" s="71">
        <v>9</v>
      </c>
      <c r="AA13" s="72">
        <v>19</v>
      </c>
      <c r="AB13" s="244"/>
      <c r="AC13" s="71">
        <v>1</v>
      </c>
      <c r="AD13" s="71">
        <v>7</v>
      </c>
      <c r="AE13" s="71">
        <v>3</v>
      </c>
      <c r="AF13" s="71">
        <v>4</v>
      </c>
      <c r="AG13" s="71">
        <v>5</v>
      </c>
      <c r="AH13" s="72">
        <v>20</v>
      </c>
      <c r="AI13" s="73">
        <v>39</v>
      </c>
      <c r="AJ13" s="70">
        <v>21</v>
      </c>
      <c r="AK13" s="71">
        <v>10</v>
      </c>
      <c r="AL13" s="72">
        <v>31</v>
      </c>
      <c r="AM13" s="244"/>
      <c r="AN13" s="71">
        <v>15</v>
      </c>
      <c r="AO13" s="71">
        <v>13</v>
      </c>
      <c r="AP13" s="71">
        <v>7</v>
      </c>
      <c r="AQ13" s="71">
        <v>13</v>
      </c>
      <c r="AR13" s="71">
        <v>2</v>
      </c>
      <c r="AS13" s="72">
        <v>50</v>
      </c>
      <c r="AT13" s="73">
        <v>81</v>
      </c>
      <c r="AU13" s="70">
        <v>43</v>
      </c>
      <c r="AV13" s="71">
        <v>17</v>
      </c>
      <c r="AW13" s="72">
        <v>60</v>
      </c>
      <c r="AX13" s="244"/>
      <c r="AY13" s="71">
        <v>56</v>
      </c>
      <c r="AZ13" s="71">
        <v>22</v>
      </c>
      <c r="BA13" s="71">
        <v>14</v>
      </c>
      <c r="BB13" s="71">
        <v>11</v>
      </c>
      <c r="BC13" s="71">
        <v>12</v>
      </c>
      <c r="BD13" s="72">
        <v>115</v>
      </c>
      <c r="BE13" s="73">
        <v>175</v>
      </c>
      <c r="BF13" s="70">
        <v>55</v>
      </c>
      <c r="BG13" s="71">
        <v>44</v>
      </c>
      <c r="BH13" s="72">
        <v>99</v>
      </c>
      <c r="BI13" s="244"/>
      <c r="BJ13" s="71">
        <v>75</v>
      </c>
      <c r="BK13" s="71">
        <v>51</v>
      </c>
      <c r="BL13" s="71">
        <v>28</v>
      </c>
      <c r="BM13" s="71">
        <v>28</v>
      </c>
      <c r="BN13" s="71">
        <v>11</v>
      </c>
      <c r="BO13" s="72">
        <v>193</v>
      </c>
      <c r="BP13" s="73">
        <v>292</v>
      </c>
      <c r="BQ13" s="70">
        <v>53</v>
      </c>
      <c r="BR13" s="71">
        <v>29</v>
      </c>
      <c r="BS13" s="72">
        <v>82</v>
      </c>
      <c r="BT13" s="244"/>
      <c r="BU13" s="71">
        <v>59</v>
      </c>
      <c r="BV13" s="71">
        <v>46</v>
      </c>
      <c r="BW13" s="71">
        <v>31</v>
      </c>
      <c r="BX13" s="71">
        <v>30</v>
      </c>
      <c r="BY13" s="71">
        <v>14</v>
      </c>
      <c r="BZ13" s="72">
        <v>180</v>
      </c>
      <c r="CA13" s="73">
        <v>262</v>
      </c>
      <c r="CB13" s="70">
        <v>0</v>
      </c>
      <c r="CC13" s="71">
        <v>0</v>
      </c>
      <c r="CD13" s="72">
        <v>0</v>
      </c>
      <c r="CE13" s="244"/>
      <c r="CF13" s="71">
        <v>0</v>
      </c>
      <c r="CG13" s="71">
        <v>0</v>
      </c>
      <c r="CH13" s="71">
        <v>0</v>
      </c>
      <c r="CI13" s="71">
        <v>0</v>
      </c>
      <c r="CJ13" s="71">
        <v>0</v>
      </c>
      <c r="CK13" s="72">
        <v>0</v>
      </c>
      <c r="CL13" s="73">
        <v>0</v>
      </c>
      <c r="CM13" s="70">
        <v>185</v>
      </c>
      <c r="CN13" s="71">
        <v>110</v>
      </c>
      <c r="CO13" s="72">
        <v>295</v>
      </c>
      <c r="CP13" s="244"/>
      <c r="CQ13" s="71">
        <v>209</v>
      </c>
      <c r="CR13" s="71">
        <v>143</v>
      </c>
      <c r="CS13" s="71">
        <v>84</v>
      </c>
      <c r="CT13" s="71">
        <v>90</v>
      </c>
      <c r="CU13" s="71">
        <v>50</v>
      </c>
      <c r="CV13" s="72">
        <v>576</v>
      </c>
      <c r="CW13" s="73">
        <v>871</v>
      </c>
      <c r="CX13" s="123">
        <v>66</v>
      </c>
      <c r="CY13" s="82">
        <v>36</v>
      </c>
      <c r="CZ13" s="83">
        <v>102</v>
      </c>
      <c r="DA13" s="241"/>
      <c r="DB13" s="82">
        <v>72</v>
      </c>
      <c r="DC13" s="82">
        <v>44</v>
      </c>
      <c r="DD13" s="82">
        <v>47</v>
      </c>
      <c r="DE13" s="82">
        <v>45</v>
      </c>
      <c r="DF13" s="82">
        <v>28</v>
      </c>
      <c r="DG13" s="84">
        <v>236</v>
      </c>
      <c r="DH13" s="85">
        <v>338</v>
      </c>
      <c r="DI13" s="70">
        <v>0</v>
      </c>
      <c r="DJ13" s="71">
        <v>0</v>
      </c>
      <c r="DK13" s="72">
        <v>0</v>
      </c>
      <c r="DL13" s="244"/>
      <c r="DM13" s="71">
        <v>0</v>
      </c>
      <c r="DN13" s="71">
        <v>0</v>
      </c>
      <c r="DO13" s="71">
        <v>0</v>
      </c>
      <c r="DP13" s="71">
        <v>0</v>
      </c>
      <c r="DQ13" s="71">
        <v>0</v>
      </c>
      <c r="DR13" s="72">
        <v>0</v>
      </c>
      <c r="DS13" s="73">
        <v>0</v>
      </c>
      <c r="DT13" s="70">
        <v>7</v>
      </c>
      <c r="DU13" s="71">
        <v>3</v>
      </c>
      <c r="DV13" s="72">
        <v>10</v>
      </c>
      <c r="DW13" s="244"/>
      <c r="DX13" s="71">
        <v>5</v>
      </c>
      <c r="DY13" s="71">
        <v>2</v>
      </c>
      <c r="DZ13" s="71">
        <v>1</v>
      </c>
      <c r="EA13" s="71">
        <v>2</v>
      </c>
      <c r="EB13" s="71">
        <v>0</v>
      </c>
      <c r="EC13" s="72">
        <v>10</v>
      </c>
      <c r="ED13" s="73">
        <v>20</v>
      </c>
      <c r="EE13" s="70">
        <v>7</v>
      </c>
      <c r="EF13" s="71">
        <v>7</v>
      </c>
      <c r="EG13" s="72">
        <v>14</v>
      </c>
      <c r="EH13" s="244"/>
      <c r="EI13" s="71">
        <v>9</v>
      </c>
      <c r="EJ13" s="71">
        <v>5</v>
      </c>
      <c r="EK13" s="71">
        <v>1</v>
      </c>
      <c r="EL13" s="71">
        <v>3</v>
      </c>
      <c r="EM13" s="71">
        <v>1</v>
      </c>
      <c r="EN13" s="72">
        <v>19</v>
      </c>
      <c r="EO13" s="73">
        <v>33</v>
      </c>
      <c r="EP13" s="70">
        <v>20</v>
      </c>
      <c r="EQ13" s="71">
        <v>7</v>
      </c>
      <c r="ER13" s="72">
        <v>27</v>
      </c>
      <c r="ES13" s="244"/>
      <c r="ET13" s="71">
        <v>13</v>
      </c>
      <c r="EU13" s="71">
        <v>8</v>
      </c>
      <c r="EV13" s="71">
        <v>10</v>
      </c>
      <c r="EW13" s="71">
        <v>6</v>
      </c>
      <c r="EX13" s="71">
        <v>3</v>
      </c>
      <c r="EY13" s="72">
        <v>40</v>
      </c>
      <c r="EZ13" s="73">
        <v>67</v>
      </c>
      <c r="FA13" s="70">
        <v>20</v>
      </c>
      <c r="FB13" s="71">
        <v>7</v>
      </c>
      <c r="FC13" s="72">
        <v>27</v>
      </c>
      <c r="FD13" s="244"/>
      <c r="FE13" s="71">
        <v>12</v>
      </c>
      <c r="FF13" s="71">
        <v>12</v>
      </c>
      <c r="FG13" s="71">
        <v>16</v>
      </c>
      <c r="FH13" s="71">
        <v>11</v>
      </c>
      <c r="FI13" s="71">
        <v>6</v>
      </c>
      <c r="FJ13" s="72">
        <v>57</v>
      </c>
      <c r="FK13" s="73">
        <v>84</v>
      </c>
      <c r="FL13" s="70">
        <v>12</v>
      </c>
      <c r="FM13" s="71">
        <v>12</v>
      </c>
      <c r="FN13" s="72">
        <v>24</v>
      </c>
      <c r="FO13" s="244"/>
      <c r="FP13" s="71">
        <v>33</v>
      </c>
      <c r="FQ13" s="71">
        <v>17</v>
      </c>
      <c r="FR13" s="71">
        <v>19</v>
      </c>
      <c r="FS13" s="71">
        <v>23</v>
      </c>
      <c r="FT13" s="71">
        <v>18</v>
      </c>
      <c r="FU13" s="72">
        <v>110</v>
      </c>
      <c r="FV13" s="73">
        <v>134</v>
      </c>
      <c r="FW13" s="70">
        <v>0</v>
      </c>
      <c r="FX13" s="71">
        <v>0</v>
      </c>
      <c r="FY13" s="72">
        <v>0</v>
      </c>
      <c r="FZ13" s="244"/>
      <c r="GA13" s="71">
        <v>0</v>
      </c>
      <c r="GB13" s="71">
        <v>0</v>
      </c>
      <c r="GC13" s="71">
        <v>0</v>
      </c>
      <c r="GD13" s="71">
        <v>0</v>
      </c>
      <c r="GE13" s="71">
        <v>0</v>
      </c>
      <c r="GF13" s="72">
        <v>0</v>
      </c>
      <c r="GG13" s="73">
        <v>0</v>
      </c>
      <c r="GH13" s="70">
        <v>66</v>
      </c>
      <c r="GI13" s="71">
        <v>36</v>
      </c>
      <c r="GJ13" s="72">
        <v>102</v>
      </c>
      <c r="GK13" s="244"/>
      <c r="GL13" s="71">
        <v>72</v>
      </c>
      <c r="GM13" s="71">
        <v>44</v>
      </c>
      <c r="GN13" s="71">
        <v>47</v>
      </c>
      <c r="GO13" s="71">
        <v>45</v>
      </c>
      <c r="GP13" s="71">
        <v>28</v>
      </c>
      <c r="GQ13" s="72">
        <v>236</v>
      </c>
      <c r="GR13" s="73">
        <v>338</v>
      </c>
      <c r="GS13" s="123">
        <v>251</v>
      </c>
      <c r="GT13" s="82">
        <v>146</v>
      </c>
      <c r="GU13" s="83">
        <v>397</v>
      </c>
      <c r="GV13" s="241"/>
      <c r="GW13" s="82">
        <v>281</v>
      </c>
      <c r="GX13" s="82">
        <v>187</v>
      </c>
      <c r="GY13" s="82">
        <v>131</v>
      </c>
      <c r="GZ13" s="82">
        <v>135</v>
      </c>
      <c r="HA13" s="82">
        <v>78</v>
      </c>
      <c r="HB13" s="84">
        <v>812</v>
      </c>
      <c r="HC13" s="85">
        <v>1209</v>
      </c>
      <c r="HD13" s="70">
        <v>3</v>
      </c>
      <c r="HE13" s="71">
        <v>1</v>
      </c>
      <c r="HF13" s="72">
        <v>4</v>
      </c>
      <c r="HG13" s="244"/>
      <c r="HH13" s="71">
        <v>3</v>
      </c>
      <c r="HI13" s="71">
        <v>4</v>
      </c>
      <c r="HJ13" s="71">
        <v>1</v>
      </c>
      <c r="HK13" s="71">
        <v>4</v>
      </c>
      <c r="HL13" s="71">
        <v>6</v>
      </c>
      <c r="HM13" s="72">
        <v>18</v>
      </c>
      <c r="HN13" s="73">
        <v>22</v>
      </c>
      <c r="HO13" s="70">
        <v>17</v>
      </c>
      <c r="HP13" s="71">
        <v>12</v>
      </c>
      <c r="HQ13" s="72">
        <v>29</v>
      </c>
      <c r="HR13" s="244"/>
      <c r="HS13" s="71">
        <v>6</v>
      </c>
      <c r="HT13" s="71">
        <v>9</v>
      </c>
      <c r="HU13" s="71">
        <v>4</v>
      </c>
      <c r="HV13" s="71">
        <v>6</v>
      </c>
      <c r="HW13" s="71">
        <v>5</v>
      </c>
      <c r="HX13" s="72">
        <v>30</v>
      </c>
      <c r="HY13" s="73">
        <v>59</v>
      </c>
      <c r="HZ13" s="70">
        <v>28</v>
      </c>
      <c r="IA13" s="71">
        <v>17</v>
      </c>
      <c r="IB13" s="72">
        <v>45</v>
      </c>
      <c r="IC13" s="244"/>
      <c r="ID13" s="71">
        <v>24</v>
      </c>
      <c r="IE13" s="71">
        <v>18</v>
      </c>
      <c r="IF13" s="71">
        <v>8</v>
      </c>
      <c r="IG13" s="71">
        <v>16</v>
      </c>
      <c r="IH13" s="71">
        <v>3</v>
      </c>
      <c r="II13" s="72">
        <v>69</v>
      </c>
      <c r="IJ13" s="73">
        <v>114</v>
      </c>
      <c r="IK13" s="70">
        <v>63</v>
      </c>
      <c r="IL13" s="71">
        <v>24</v>
      </c>
      <c r="IM13" s="72">
        <v>87</v>
      </c>
      <c r="IN13" s="244"/>
      <c r="IO13" s="71">
        <v>69</v>
      </c>
      <c r="IP13" s="71">
        <v>30</v>
      </c>
      <c r="IQ13" s="71">
        <v>24</v>
      </c>
      <c r="IR13" s="71">
        <v>17</v>
      </c>
      <c r="IS13" s="71">
        <v>15</v>
      </c>
      <c r="IT13" s="72">
        <v>155</v>
      </c>
      <c r="IU13" s="73">
        <v>242</v>
      </c>
      <c r="IV13" s="70">
        <v>75</v>
      </c>
      <c r="IW13" s="71">
        <v>51</v>
      </c>
      <c r="IX13" s="72">
        <v>126</v>
      </c>
      <c r="IY13" s="244"/>
      <c r="IZ13" s="71">
        <v>87</v>
      </c>
      <c r="JA13" s="71">
        <v>63</v>
      </c>
      <c r="JB13" s="71">
        <v>44</v>
      </c>
      <c r="JC13" s="71">
        <v>39</v>
      </c>
      <c r="JD13" s="71">
        <v>17</v>
      </c>
      <c r="JE13" s="72">
        <v>250</v>
      </c>
      <c r="JF13" s="73">
        <v>376</v>
      </c>
      <c r="JG13" s="70">
        <v>65</v>
      </c>
      <c r="JH13" s="71">
        <v>41</v>
      </c>
      <c r="JI13" s="72">
        <v>106</v>
      </c>
      <c r="JJ13" s="244"/>
      <c r="JK13" s="71">
        <v>92</v>
      </c>
      <c r="JL13" s="71">
        <v>63</v>
      </c>
      <c r="JM13" s="71">
        <v>50</v>
      </c>
      <c r="JN13" s="71">
        <v>53</v>
      </c>
      <c r="JO13" s="71">
        <v>32</v>
      </c>
      <c r="JP13" s="72">
        <v>290</v>
      </c>
      <c r="JQ13" s="73">
        <v>396</v>
      </c>
      <c r="JR13" s="70">
        <v>0</v>
      </c>
      <c r="JS13" s="71">
        <v>0</v>
      </c>
      <c r="JT13" s="72">
        <v>0</v>
      </c>
      <c r="JU13" s="244"/>
      <c r="JV13" s="71">
        <v>0</v>
      </c>
      <c r="JW13" s="71">
        <v>0</v>
      </c>
      <c r="JX13" s="71">
        <v>0</v>
      </c>
      <c r="JY13" s="71">
        <v>0</v>
      </c>
      <c r="JZ13" s="71">
        <v>0</v>
      </c>
      <c r="KA13" s="72">
        <v>0</v>
      </c>
      <c r="KB13" s="73">
        <v>0</v>
      </c>
      <c r="KC13" s="70">
        <v>251</v>
      </c>
      <c r="KD13" s="71">
        <v>146</v>
      </c>
      <c r="KE13" s="72">
        <v>397</v>
      </c>
      <c r="KF13" s="244"/>
      <c r="KG13" s="71">
        <v>281</v>
      </c>
      <c r="KH13" s="71">
        <v>187</v>
      </c>
      <c r="KI13" s="71">
        <v>131</v>
      </c>
      <c r="KJ13" s="71">
        <v>135</v>
      </c>
      <c r="KK13" s="71">
        <v>78</v>
      </c>
      <c r="KL13" s="72">
        <v>812</v>
      </c>
      <c r="KM13" s="73">
        <v>1209</v>
      </c>
    </row>
    <row r="14" spans="2:299" ht="21" customHeight="1" x14ac:dyDescent="0.2">
      <c r="B14" s="126" t="s">
        <v>10</v>
      </c>
      <c r="C14" s="315">
        <v>286</v>
      </c>
      <c r="D14" s="82">
        <v>180</v>
      </c>
      <c r="E14" s="83">
        <v>466</v>
      </c>
      <c r="F14" s="241"/>
      <c r="G14" s="82">
        <v>243</v>
      </c>
      <c r="H14" s="82">
        <v>153</v>
      </c>
      <c r="I14" s="82">
        <v>102</v>
      </c>
      <c r="J14" s="82">
        <v>73</v>
      </c>
      <c r="K14" s="82">
        <v>84</v>
      </c>
      <c r="L14" s="84">
        <v>655</v>
      </c>
      <c r="M14" s="85">
        <v>1121</v>
      </c>
      <c r="N14" s="70">
        <v>5</v>
      </c>
      <c r="O14" s="71">
        <v>8</v>
      </c>
      <c r="P14" s="72">
        <v>13</v>
      </c>
      <c r="Q14" s="244"/>
      <c r="R14" s="71">
        <v>8</v>
      </c>
      <c r="S14" s="71">
        <v>6</v>
      </c>
      <c r="T14" s="71">
        <v>3</v>
      </c>
      <c r="U14" s="71">
        <v>2</v>
      </c>
      <c r="V14" s="71">
        <v>3</v>
      </c>
      <c r="W14" s="72">
        <v>22</v>
      </c>
      <c r="X14" s="73">
        <v>35</v>
      </c>
      <c r="Y14" s="70">
        <v>22</v>
      </c>
      <c r="Z14" s="71">
        <v>16</v>
      </c>
      <c r="AA14" s="72">
        <v>38</v>
      </c>
      <c r="AB14" s="244"/>
      <c r="AC14" s="71">
        <v>22</v>
      </c>
      <c r="AD14" s="71">
        <v>13</v>
      </c>
      <c r="AE14" s="71">
        <v>5</v>
      </c>
      <c r="AF14" s="71">
        <v>4</v>
      </c>
      <c r="AG14" s="71">
        <v>11</v>
      </c>
      <c r="AH14" s="72">
        <v>55</v>
      </c>
      <c r="AI14" s="73">
        <v>93</v>
      </c>
      <c r="AJ14" s="70">
        <v>28</v>
      </c>
      <c r="AK14" s="71">
        <v>23</v>
      </c>
      <c r="AL14" s="72">
        <v>51</v>
      </c>
      <c r="AM14" s="244"/>
      <c r="AN14" s="71">
        <v>27</v>
      </c>
      <c r="AO14" s="71">
        <v>24</v>
      </c>
      <c r="AP14" s="71">
        <v>10</v>
      </c>
      <c r="AQ14" s="71">
        <v>10</v>
      </c>
      <c r="AR14" s="71">
        <v>16</v>
      </c>
      <c r="AS14" s="72">
        <v>87</v>
      </c>
      <c r="AT14" s="73">
        <v>138</v>
      </c>
      <c r="AU14" s="70">
        <v>67</v>
      </c>
      <c r="AV14" s="71">
        <v>40</v>
      </c>
      <c r="AW14" s="72">
        <v>107</v>
      </c>
      <c r="AX14" s="244"/>
      <c r="AY14" s="71">
        <v>53</v>
      </c>
      <c r="AZ14" s="71">
        <v>26</v>
      </c>
      <c r="BA14" s="71">
        <v>18</v>
      </c>
      <c r="BB14" s="71">
        <v>6</v>
      </c>
      <c r="BC14" s="71">
        <v>19</v>
      </c>
      <c r="BD14" s="72">
        <v>122</v>
      </c>
      <c r="BE14" s="73">
        <v>229</v>
      </c>
      <c r="BF14" s="70">
        <v>89</v>
      </c>
      <c r="BG14" s="71">
        <v>49</v>
      </c>
      <c r="BH14" s="72">
        <v>138</v>
      </c>
      <c r="BI14" s="244"/>
      <c r="BJ14" s="71">
        <v>70</v>
      </c>
      <c r="BK14" s="71">
        <v>35</v>
      </c>
      <c r="BL14" s="71">
        <v>30</v>
      </c>
      <c r="BM14" s="71">
        <v>20</v>
      </c>
      <c r="BN14" s="71">
        <v>13</v>
      </c>
      <c r="BO14" s="72">
        <v>168</v>
      </c>
      <c r="BP14" s="73">
        <v>306</v>
      </c>
      <c r="BQ14" s="70">
        <v>75</v>
      </c>
      <c r="BR14" s="71">
        <v>44</v>
      </c>
      <c r="BS14" s="72">
        <v>119</v>
      </c>
      <c r="BT14" s="244"/>
      <c r="BU14" s="71">
        <v>63</v>
      </c>
      <c r="BV14" s="71">
        <v>49</v>
      </c>
      <c r="BW14" s="71">
        <v>36</v>
      </c>
      <c r="BX14" s="71">
        <v>31</v>
      </c>
      <c r="BY14" s="71">
        <v>22</v>
      </c>
      <c r="BZ14" s="72">
        <v>201</v>
      </c>
      <c r="CA14" s="73">
        <v>320</v>
      </c>
      <c r="CB14" s="70">
        <v>0</v>
      </c>
      <c r="CC14" s="71">
        <v>0</v>
      </c>
      <c r="CD14" s="72">
        <v>0</v>
      </c>
      <c r="CE14" s="244"/>
      <c r="CF14" s="71">
        <v>0</v>
      </c>
      <c r="CG14" s="71">
        <v>0</v>
      </c>
      <c r="CH14" s="71">
        <v>0</v>
      </c>
      <c r="CI14" s="71">
        <v>0</v>
      </c>
      <c r="CJ14" s="71">
        <v>0</v>
      </c>
      <c r="CK14" s="72">
        <v>0</v>
      </c>
      <c r="CL14" s="73">
        <v>0</v>
      </c>
      <c r="CM14" s="70">
        <v>286</v>
      </c>
      <c r="CN14" s="71">
        <v>180</v>
      </c>
      <c r="CO14" s="72">
        <v>466</v>
      </c>
      <c r="CP14" s="244"/>
      <c r="CQ14" s="71">
        <v>243</v>
      </c>
      <c r="CR14" s="71">
        <v>153</v>
      </c>
      <c r="CS14" s="71">
        <v>102</v>
      </c>
      <c r="CT14" s="71">
        <v>73</v>
      </c>
      <c r="CU14" s="71">
        <v>84</v>
      </c>
      <c r="CV14" s="72">
        <v>655</v>
      </c>
      <c r="CW14" s="73">
        <v>1121</v>
      </c>
      <c r="CX14" s="123">
        <v>107</v>
      </c>
      <c r="CY14" s="82">
        <v>73</v>
      </c>
      <c r="CZ14" s="83">
        <v>180</v>
      </c>
      <c r="DA14" s="241"/>
      <c r="DB14" s="82">
        <v>115</v>
      </c>
      <c r="DC14" s="82">
        <v>53</v>
      </c>
      <c r="DD14" s="82">
        <v>47</v>
      </c>
      <c r="DE14" s="82">
        <v>39</v>
      </c>
      <c r="DF14" s="82">
        <v>39</v>
      </c>
      <c r="DG14" s="84">
        <v>293</v>
      </c>
      <c r="DH14" s="85">
        <v>473</v>
      </c>
      <c r="DI14" s="70">
        <v>6</v>
      </c>
      <c r="DJ14" s="71">
        <v>2</v>
      </c>
      <c r="DK14" s="72">
        <v>8</v>
      </c>
      <c r="DL14" s="244"/>
      <c r="DM14" s="71">
        <v>3</v>
      </c>
      <c r="DN14" s="71">
        <v>0</v>
      </c>
      <c r="DO14" s="71">
        <v>2</v>
      </c>
      <c r="DP14" s="71">
        <v>0</v>
      </c>
      <c r="DQ14" s="71">
        <v>1</v>
      </c>
      <c r="DR14" s="72">
        <v>6</v>
      </c>
      <c r="DS14" s="73">
        <v>14</v>
      </c>
      <c r="DT14" s="70">
        <v>8</v>
      </c>
      <c r="DU14" s="71">
        <v>9</v>
      </c>
      <c r="DV14" s="72">
        <v>17</v>
      </c>
      <c r="DW14" s="244"/>
      <c r="DX14" s="71">
        <v>4</v>
      </c>
      <c r="DY14" s="71">
        <v>1</v>
      </c>
      <c r="DZ14" s="71">
        <v>1</v>
      </c>
      <c r="EA14" s="71">
        <v>1</v>
      </c>
      <c r="EB14" s="71">
        <v>2</v>
      </c>
      <c r="EC14" s="72">
        <v>9</v>
      </c>
      <c r="ED14" s="73">
        <v>26</v>
      </c>
      <c r="EE14" s="70">
        <v>15</v>
      </c>
      <c r="EF14" s="71">
        <v>6</v>
      </c>
      <c r="EG14" s="72">
        <v>21</v>
      </c>
      <c r="EH14" s="244"/>
      <c r="EI14" s="71">
        <v>8</v>
      </c>
      <c r="EJ14" s="71">
        <v>5</v>
      </c>
      <c r="EK14" s="71">
        <v>6</v>
      </c>
      <c r="EL14" s="71">
        <v>1</v>
      </c>
      <c r="EM14" s="71">
        <v>1</v>
      </c>
      <c r="EN14" s="72">
        <v>21</v>
      </c>
      <c r="EO14" s="73">
        <v>42</v>
      </c>
      <c r="EP14" s="70">
        <v>29</v>
      </c>
      <c r="EQ14" s="71">
        <v>21</v>
      </c>
      <c r="ER14" s="72">
        <v>50</v>
      </c>
      <c r="ES14" s="244"/>
      <c r="ET14" s="71">
        <v>23</v>
      </c>
      <c r="EU14" s="71">
        <v>6</v>
      </c>
      <c r="EV14" s="71">
        <v>4</v>
      </c>
      <c r="EW14" s="71">
        <v>1</v>
      </c>
      <c r="EX14" s="71">
        <v>6</v>
      </c>
      <c r="EY14" s="72">
        <v>40</v>
      </c>
      <c r="EZ14" s="73">
        <v>90</v>
      </c>
      <c r="FA14" s="70">
        <v>29</v>
      </c>
      <c r="FB14" s="71">
        <v>17</v>
      </c>
      <c r="FC14" s="72">
        <v>46</v>
      </c>
      <c r="FD14" s="244"/>
      <c r="FE14" s="71">
        <v>33</v>
      </c>
      <c r="FF14" s="71">
        <v>14</v>
      </c>
      <c r="FG14" s="71">
        <v>11</v>
      </c>
      <c r="FH14" s="71">
        <v>10</v>
      </c>
      <c r="FI14" s="71">
        <v>8</v>
      </c>
      <c r="FJ14" s="72">
        <v>76</v>
      </c>
      <c r="FK14" s="73">
        <v>122</v>
      </c>
      <c r="FL14" s="70">
        <v>20</v>
      </c>
      <c r="FM14" s="71">
        <v>18</v>
      </c>
      <c r="FN14" s="72">
        <v>38</v>
      </c>
      <c r="FO14" s="244"/>
      <c r="FP14" s="71">
        <v>44</v>
      </c>
      <c r="FQ14" s="71">
        <v>27</v>
      </c>
      <c r="FR14" s="71">
        <v>23</v>
      </c>
      <c r="FS14" s="71">
        <v>26</v>
      </c>
      <c r="FT14" s="71">
        <v>21</v>
      </c>
      <c r="FU14" s="72">
        <v>141</v>
      </c>
      <c r="FV14" s="73">
        <v>179</v>
      </c>
      <c r="FW14" s="70">
        <v>0</v>
      </c>
      <c r="FX14" s="71">
        <v>0</v>
      </c>
      <c r="FY14" s="72">
        <v>0</v>
      </c>
      <c r="FZ14" s="244"/>
      <c r="GA14" s="71">
        <v>0</v>
      </c>
      <c r="GB14" s="71">
        <v>0</v>
      </c>
      <c r="GC14" s="71">
        <v>0</v>
      </c>
      <c r="GD14" s="71">
        <v>0</v>
      </c>
      <c r="GE14" s="71">
        <v>0</v>
      </c>
      <c r="GF14" s="72">
        <v>0</v>
      </c>
      <c r="GG14" s="73">
        <v>0</v>
      </c>
      <c r="GH14" s="70">
        <v>107</v>
      </c>
      <c r="GI14" s="71">
        <v>73</v>
      </c>
      <c r="GJ14" s="72">
        <v>180</v>
      </c>
      <c r="GK14" s="244"/>
      <c r="GL14" s="71">
        <v>115</v>
      </c>
      <c r="GM14" s="71">
        <v>53</v>
      </c>
      <c r="GN14" s="71">
        <v>47</v>
      </c>
      <c r="GO14" s="71">
        <v>39</v>
      </c>
      <c r="GP14" s="71">
        <v>39</v>
      </c>
      <c r="GQ14" s="72">
        <v>293</v>
      </c>
      <c r="GR14" s="73">
        <v>473</v>
      </c>
      <c r="GS14" s="123">
        <v>393</v>
      </c>
      <c r="GT14" s="82">
        <v>253</v>
      </c>
      <c r="GU14" s="83">
        <v>646</v>
      </c>
      <c r="GV14" s="241"/>
      <c r="GW14" s="82">
        <v>358</v>
      </c>
      <c r="GX14" s="82">
        <v>206</v>
      </c>
      <c r="GY14" s="82">
        <v>149</v>
      </c>
      <c r="GZ14" s="82">
        <v>112</v>
      </c>
      <c r="HA14" s="82">
        <v>123</v>
      </c>
      <c r="HB14" s="84">
        <v>948</v>
      </c>
      <c r="HC14" s="85">
        <v>1594</v>
      </c>
      <c r="HD14" s="70">
        <v>11</v>
      </c>
      <c r="HE14" s="71">
        <v>10</v>
      </c>
      <c r="HF14" s="72">
        <v>21</v>
      </c>
      <c r="HG14" s="244"/>
      <c r="HH14" s="71">
        <v>11</v>
      </c>
      <c r="HI14" s="71">
        <v>6</v>
      </c>
      <c r="HJ14" s="71">
        <v>5</v>
      </c>
      <c r="HK14" s="71">
        <v>2</v>
      </c>
      <c r="HL14" s="71">
        <v>4</v>
      </c>
      <c r="HM14" s="72">
        <v>28</v>
      </c>
      <c r="HN14" s="73">
        <v>49</v>
      </c>
      <c r="HO14" s="70">
        <v>30</v>
      </c>
      <c r="HP14" s="71">
        <v>25</v>
      </c>
      <c r="HQ14" s="72">
        <v>55</v>
      </c>
      <c r="HR14" s="244"/>
      <c r="HS14" s="71">
        <v>26</v>
      </c>
      <c r="HT14" s="71">
        <v>14</v>
      </c>
      <c r="HU14" s="71">
        <v>6</v>
      </c>
      <c r="HV14" s="71">
        <v>5</v>
      </c>
      <c r="HW14" s="71">
        <v>13</v>
      </c>
      <c r="HX14" s="72">
        <v>64</v>
      </c>
      <c r="HY14" s="73">
        <v>119</v>
      </c>
      <c r="HZ14" s="70">
        <v>43</v>
      </c>
      <c r="IA14" s="71">
        <v>29</v>
      </c>
      <c r="IB14" s="72">
        <v>72</v>
      </c>
      <c r="IC14" s="244"/>
      <c r="ID14" s="71">
        <v>35</v>
      </c>
      <c r="IE14" s="71">
        <v>29</v>
      </c>
      <c r="IF14" s="71">
        <v>16</v>
      </c>
      <c r="IG14" s="71">
        <v>11</v>
      </c>
      <c r="IH14" s="71">
        <v>17</v>
      </c>
      <c r="II14" s="72">
        <v>108</v>
      </c>
      <c r="IJ14" s="73">
        <v>180</v>
      </c>
      <c r="IK14" s="70">
        <v>96</v>
      </c>
      <c r="IL14" s="71">
        <v>61</v>
      </c>
      <c r="IM14" s="72">
        <v>157</v>
      </c>
      <c r="IN14" s="244"/>
      <c r="IO14" s="71">
        <v>76</v>
      </c>
      <c r="IP14" s="71">
        <v>32</v>
      </c>
      <c r="IQ14" s="71">
        <v>22</v>
      </c>
      <c r="IR14" s="71">
        <v>7</v>
      </c>
      <c r="IS14" s="71">
        <v>25</v>
      </c>
      <c r="IT14" s="72">
        <v>162</v>
      </c>
      <c r="IU14" s="73">
        <v>319</v>
      </c>
      <c r="IV14" s="70">
        <v>118</v>
      </c>
      <c r="IW14" s="71">
        <v>66</v>
      </c>
      <c r="IX14" s="72">
        <v>184</v>
      </c>
      <c r="IY14" s="244"/>
      <c r="IZ14" s="71">
        <v>103</v>
      </c>
      <c r="JA14" s="71">
        <v>49</v>
      </c>
      <c r="JB14" s="71">
        <v>41</v>
      </c>
      <c r="JC14" s="71">
        <v>30</v>
      </c>
      <c r="JD14" s="71">
        <v>21</v>
      </c>
      <c r="JE14" s="72">
        <v>244</v>
      </c>
      <c r="JF14" s="73">
        <v>428</v>
      </c>
      <c r="JG14" s="70">
        <v>95</v>
      </c>
      <c r="JH14" s="71">
        <v>62</v>
      </c>
      <c r="JI14" s="72">
        <v>157</v>
      </c>
      <c r="JJ14" s="244"/>
      <c r="JK14" s="71">
        <v>107</v>
      </c>
      <c r="JL14" s="71">
        <v>76</v>
      </c>
      <c r="JM14" s="71">
        <v>59</v>
      </c>
      <c r="JN14" s="71">
        <v>57</v>
      </c>
      <c r="JO14" s="71">
        <v>43</v>
      </c>
      <c r="JP14" s="72">
        <v>342</v>
      </c>
      <c r="JQ14" s="73">
        <v>499</v>
      </c>
      <c r="JR14" s="70">
        <v>0</v>
      </c>
      <c r="JS14" s="71">
        <v>0</v>
      </c>
      <c r="JT14" s="72">
        <v>0</v>
      </c>
      <c r="JU14" s="244"/>
      <c r="JV14" s="71">
        <v>0</v>
      </c>
      <c r="JW14" s="71">
        <v>0</v>
      </c>
      <c r="JX14" s="71">
        <v>0</v>
      </c>
      <c r="JY14" s="71">
        <v>0</v>
      </c>
      <c r="JZ14" s="71">
        <v>0</v>
      </c>
      <c r="KA14" s="72">
        <v>0</v>
      </c>
      <c r="KB14" s="73">
        <v>0</v>
      </c>
      <c r="KC14" s="70">
        <v>393</v>
      </c>
      <c r="KD14" s="71">
        <v>253</v>
      </c>
      <c r="KE14" s="72">
        <v>646</v>
      </c>
      <c r="KF14" s="244"/>
      <c r="KG14" s="71">
        <v>358</v>
      </c>
      <c r="KH14" s="71">
        <v>206</v>
      </c>
      <c r="KI14" s="71">
        <v>149</v>
      </c>
      <c r="KJ14" s="71">
        <v>112</v>
      </c>
      <c r="KK14" s="71">
        <v>123</v>
      </c>
      <c r="KL14" s="72">
        <v>948</v>
      </c>
      <c r="KM14" s="73">
        <v>1594</v>
      </c>
    </row>
    <row r="15" spans="2:299" ht="21" customHeight="1" x14ac:dyDescent="0.2">
      <c r="B15" s="126" t="s">
        <v>11</v>
      </c>
      <c r="C15" s="315">
        <v>43</v>
      </c>
      <c r="D15" s="82">
        <v>33</v>
      </c>
      <c r="E15" s="83">
        <v>76</v>
      </c>
      <c r="F15" s="241"/>
      <c r="G15" s="82">
        <v>95</v>
      </c>
      <c r="H15" s="82">
        <v>39</v>
      </c>
      <c r="I15" s="82">
        <v>31</v>
      </c>
      <c r="J15" s="82">
        <v>31</v>
      </c>
      <c r="K15" s="82">
        <v>17</v>
      </c>
      <c r="L15" s="84">
        <v>213</v>
      </c>
      <c r="M15" s="85">
        <v>289</v>
      </c>
      <c r="N15" s="70">
        <v>1</v>
      </c>
      <c r="O15" s="71">
        <v>3</v>
      </c>
      <c r="P15" s="72">
        <v>4</v>
      </c>
      <c r="Q15" s="244"/>
      <c r="R15" s="71">
        <v>4</v>
      </c>
      <c r="S15" s="71">
        <v>0</v>
      </c>
      <c r="T15" s="71">
        <v>1</v>
      </c>
      <c r="U15" s="71">
        <v>1</v>
      </c>
      <c r="V15" s="71">
        <v>1</v>
      </c>
      <c r="W15" s="72">
        <v>7</v>
      </c>
      <c r="X15" s="73">
        <v>11</v>
      </c>
      <c r="Y15" s="70">
        <v>3</v>
      </c>
      <c r="Z15" s="71">
        <v>2</v>
      </c>
      <c r="AA15" s="72">
        <v>5</v>
      </c>
      <c r="AB15" s="244"/>
      <c r="AC15" s="71">
        <v>9</v>
      </c>
      <c r="AD15" s="71">
        <v>6</v>
      </c>
      <c r="AE15" s="71">
        <v>3</v>
      </c>
      <c r="AF15" s="71">
        <v>0</v>
      </c>
      <c r="AG15" s="71">
        <v>0</v>
      </c>
      <c r="AH15" s="72">
        <v>18</v>
      </c>
      <c r="AI15" s="73">
        <v>23</v>
      </c>
      <c r="AJ15" s="70">
        <v>4</v>
      </c>
      <c r="AK15" s="71">
        <v>3</v>
      </c>
      <c r="AL15" s="72">
        <v>7</v>
      </c>
      <c r="AM15" s="244"/>
      <c r="AN15" s="71">
        <v>19</v>
      </c>
      <c r="AO15" s="71">
        <v>4</v>
      </c>
      <c r="AP15" s="71">
        <v>5</v>
      </c>
      <c r="AQ15" s="71">
        <v>7</v>
      </c>
      <c r="AR15" s="71">
        <v>3</v>
      </c>
      <c r="AS15" s="72">
        <v>38</v>
      </c>
      <c r="AT15" s="73">
        <v>45</v>
      </c>
      <c r="AU15" s="70">
        <v>8</v>
      </c>
      <c r="AV15" s="71">
        <v>3</v>
      </c>
      <c r="AW15" s="72">
        <v>11</v>
      </c>
      <c r="AX15" s="244"/>
      <c r="AY15" s="71">
        <v>21</v>
      </c>
      <c r="AZ15" s="71">
        <v>12</v>
      </c>
      <c r="BA15" s="71">
        <v>8</v>
      </c>
      <c r="BB15" s="71">
        <v>9</v>
      </c>
      <c r="BC15" s="71">
        <v>3</v>
      </c>
      <c r="BD15" s="72">
        <v>53</v>
      </c>
      <c r="BE15" s="73">
        <v>64</v>
      </c>
      <c r="BF15" s="70">
        <v>19</v>
      </c>
      <c r="BG15" s="71">
        <v>13</v>
      </c>
      <c r="BH15" s="72">
        <v>32</v>
      </c>
      <c r="BI15" s="244"/>
      <c r="BJ15" s="71">
        <v>22</v>
      </c>
      <c r="BK15" s="71">
        <v>8</v>
      </c>
      <c r="BL15" s="71">
        <v>3</v>
      </c>
      <c r="BM15" s="71">
        <v>9</v>
      </c>
      <c r="BN15" s="71">
        <v>5</v>
      </c>
      <c r="BO15" s="72">
        <v>47</v>
      </c>
      <c r="BP15" s="73">
        <v>79</v>
      </c>
      <c r="BQ15" s="70">
        <v>8</v>
      </c>
      <c r="BR15" s="71">
        <v>9</v>
      </c>
      <c r="BS15" s="72">
        <v>17</v>
      </c>
      <c r="BT15" s="244"/>
      <c r="BU15" s="71">
        <v>20</v>
      </c>
      <c r="BV15" s="71">
        <v>9</v>
      </c>
      <c r="BW15" s="71">
        <v>11</v>
      </c>
      <c r="BX15" s="71">
        <v>5</v>
      </c>
      <c r="BY15" s="71">
        <v>5</v>
      </c>
      <c r="BZ15" s="72">
        <v>50</v>
      </c>
      <c r="CA15" s="73">
        <v>67</v>
      </c>
      <c r="CB15" s="70">
        <v>0</v>
      </c>
      <c r="CC15" s="71">
        <v>0</v>
      </c>
      <c r="CD15" s="72">
        <v>0</v>
      </c>
      <c r="CE15" s="244"/>
      <c r="CF15" s="71">
        <v>0</v>
      </c>
      <c r="CG15" s="71">
        <v>0</v>
      </c>
      <c r="CH15" s="71">
        <v>0</v>
      </c>
      <c r="CI15" s="71">
        <v>0</v>
      </c>
      <c r="CJ15" s="71">
        <v>0</v>
      </c>
      <c r="CK15" s="72">
        <v>0</v>
      </c>
      <c r="CL15" s="73">
        <v>0</v>
      </c>
      <c r="CM15" s="70">
        <v>43</v>
      </c>
      <c r="CN15" s="71">
        <v>33</v>
      </c>
      <c r="CO15" s="72">
        <v>76</v>
      </c>
      <c r="CP15" s="244"/>
      <c r="CQ15" s="71">
        <v>95</v>
      </c>
      <c r="CR15" s="71">
        <v>39</v>
      </c>
      <c r="CS15" s="71">
        <v>31</v>
      </c>
      <c r="CT15" s="71">
        <v>31</v>
      </c>
      <c r="CU15" s="71">
        <v>17</v>
      </c>
      <c r="CV15" s="72">
        <v>213</v>
      </c>
      <c r="CW15" s="73">
        <v>289</v>
      </c>
      <c r="CX15" s="123">
        <v>24</v>
      </c>
      <c r="CY15" s="82">
        <v>18</v>
      </c>
      <c r="CZ15" s="83">
        <v>42</v>
      </c>
      <c r="DA15" s="241"/>
      <c r="DB15" s="82">
        <v>40</v>
      </c>
      <c r="DC15" s="82">
        <v>27</v>
      </c>
      <c r="DD15" s="82">
        <v>25</v>
      </c>
      <c r="DE15" s="82">
        <v>31</v>
      </c>
      <c r="DF15" s="82">
        <v>15</v>
      </c>
      <c r="DG15" s="84">
        <v>138</v>
      </c>
      <c r="DH15" s="85">
        <v>180</v>
      </c>
      <c r="DI15" s="70">
        <v>0</v>
      </c>
      <c r="DJ15" s="71">
        <v>1</v>
      </c>
      <c r="DK15" s="72">
        <v>1</v>
      </c>
      <c r="DL15" s="244"/>
      <c r="DM15" s="71">
        <v>1</v>
      </c>
      <c r="DN15" s="71">
        <v>0</v>
      </c>
      <c r="DO15" s="71">
        <v>0</v>
      </c>
      <c r="DP15" s="71">
        <v>0</v>
      </c>
      <c r="DQ15" s="71">
        <v>0</v>
      </c>
      <c r="DR15" s="72">
        <v>1</v>
      </c>
      <c r="DS15" s="73">
        <v>2</v>
      </c>
      <c r="DT15" s="70">
        <v>1</v>
      </c>
      <c r="DU15" s="71">
        <v>1</v>
      </c>
      <c r="DV15" s="72">
        <v>2</v>
      </c>
      <c r="DW15" s="244"/>
      <c r="DX15" s="71">
        <v>4</v>
      </c>
      <c r="DY15" s="71">
        <v>2</v>
      </c>
      <c r="DZ15" s="71">
        <v>0</v>
      </c>
      <c r="EA15" s="71">
        <v>1</v>
      </c>
      <c r="EB15" s="71">
        <v>2</v>
      </c>
      <c r="EC15" s="72">
        <v>9</v>
      </c>
      <c r="ED15" s="73">
        <v>11</v>
      </c>
      <c r="EE15" s="70">
        <v>4</v>
      </c>
      <c r="EF15" s="71">
        <v>3</v>
      </c>
      <c r="EG15" s="72">
        <v>7</v>
      </c>
      <c r="EH15" s="244"/>
      <c r="EI15" s="71">
        <v>5</v>
      </c>
      <c r="EJ15" s="71">
        <v>3</v>
      </c>
      <c r="EK15" s="71">
        <v>3</v>
      </c>
      <c r="EL15" s="71">
        <v>1</v>
      </c>
      <c r="EM15" s="71">
        <v>0</v>
      </c>
      <c r="EN15" s="72">
        <v>12</v>
      </c>
      <c r="EO15" s="73">
        <v>19</v>
      </c>
      <c r="EP15" s="70">
        <v>3</v>
      </c>
      <c r="EQ15" s="71">
        <v>2</v>
      </c>
      <c r="ER15" s="72">
        <v>5</v>
      </c>
      <c r="ES15" s="244"/>
      <c r="ET15" s="71">
        <v>5</v>
      </c>
      <c r="EU15" s="71">
        <v>6</v>
      </c>
      <c r="EV15" s="71">
        <v>1</v>
      </c>
      <c r="EW15" s="71">
        <v>2</v>
      </c>
      <c r="EX15" s="71">
        <v>3</v>
      </c>
      <c r="EY15" s="72">
        <v>17</v>
      </c>
      <c r="EZ15" s="73">
        <v>22</v>
      </c>
      <c r="FA15" s="70">
        <v>10</v>
      </c>
      <c r="FB15" s="71">
        <v>3</v>
      </c>
      <c r="FC15" s="72">
        <v>13</v>
      </c>
      <c r="FD15" s="244"/>
      <c r="FE15" s="71">
        <v>13</v>
      </c>
      <c r="FF15" s="71">
        <v>11</v>
      </c>
      <c r="FG15" s="71">
        <v>8</v>
      </c>
      <c r="FH15" s="71">
        <v>14</v>
      </c>
      <c r="FI15" s="71">
        <v>3</v>
      </c>
      <c r="FJ15" s="72">
        <v>49</v>
      </c>
      <c r="FK15" s="73">
        <v>62</v>
      </c>
      <c r="FL15" s="70">
        <v>6</v>
      </c>
      <c r="FM15" s="71">
        <v>8</v>
      </c>
      <c r="FN15" s="72">
        <v>14</v>
      </c>
      <c r="FO15" s="244"/>
      <c r="FP15" s="71">
        <v>12</v>
      </c>
      <c r="FQ15" s="71">
        <v>5</v>
      </c>
      <c r="FR15" s="71">
        <v>13</v>
      </c>
      <c r="FS15" s="71">
        <v>13</v>
      </c>
      <c r="FT15" s="71">
        <v>7</v>
      </c>
      <c r="FU15" s="72">
        <v>50</v>
      </c>
      <c r="FV15" s="73">
        <v>64</v>
      </c>
      <c r="FW15" s="70">
        <v>0</v>
      </c>
      <c r="FX15" s="71">
        <v>0</v>
      </c>
      <c r="FY15" s="72">
        <v>0</v>
      </c>
      <c r="FZ15" s="244"/>
      <c r="GA15" s="71">
        <v>0</v>
      </c>
      <c r="GB15" s="71">
        <v>0</v>
      </c>
      <c r="GC15" s="71">
        <v>0</v>
      </c>
      <c r="GD15" s="71">
        <v>0</v>
      </c>
      <c r="GE15" s="71">
        <v>0</v>
      </c>
      <c r="GF15" s="72">
        <v>0</v>
      </c>
      <c r="GG15" s="73">
        <v>0</v>
      </c>
      <c r="GH15" s="70">
        <v>24</v>
      </c>
      <c r="GI15" s="71">
        <v>18</v>
      </c>
      <c r="GJ15" s="72">
        <v>42</v>
      </c>
      <c r="GK15" s="244"/>
      <c r="GL15" s="71">
        <v>40</v>
      </c>
      <c r="GM15" s="71">
        <v>27</v>
      </c>
      <c r="GN15" s="71">
        <v>25</v>
      </c>
      <c r="GO15" s="71">
        <v>31</v>
      </c>
      <c r="GP15" s="71">
        <v>15</v>
      </c>
      <c r="GQ15" s="72">
        <v>138</v>
      </c>
      <c r="GR15" s="73">
        <v>180</v>
      </c>
      <c r="GS15" s="123">
        <v>67</v>
      </c>
      <c r="GT15" s="82">
        <v>51</v>
      </c>
      <c r="GU15" s="83">
        <v>118</v>
      </c>
      <c r="GV15" s="241"/>
      <c r="GW15" s="82">
        <v>135</v>
      </c>
      <c r="GX15" s="82">
        <v>66</v>
      </c>
      <c r="GY15" s="82">
        <v>56</v>
      </c>
      <c r="GZ15" s="82">
        <v>62</v>
      </c>
      <c r="HA15" s="82">
        <v>32</v>
      </c>
      <c r="HB15" s="84">
        <v>351</v>
      </c>
      <c r="HC15" s="85">
        <v>469</v>
      </c>
      <c r="HD15" s="70">
        <v>1</v>
      </c>
      <c r="HE15" s="71">
        <v>4</v>
      </c>
      <c r="HF15" s="72">
        <v>5</v>
      </c>
      <c r="HG15" s="244"/>
      <c r="HH15" s="71">
        <v>5</v>
      </c>
      <c r="HI15" s="71">
        <v>0</v>
      </c>
      <c r="HJ15" s="71">
        <v>1</v>
      </c>
      <c r="HK15" s="71">
        <v>1</v>
      </c>
      <c r="HL15" s="71">
        <v>1</v>
      </c>
      <c r="HM15" s="72">
        <v>8</v>
      </c>
      <c r="HN15" s="73">
        <v>13</v>
      </c>
      <c r="HO15" s="70">
        <v>4</v>
      </c>
      <c r="HP15" s="71">
        <v>3</v>
      </c>
      <c r="HQ15" s="72">
        <v>7</v>
      </c>
      <c r="HR15" s="244"/>
      <c r="HS15" s="71">
        <v>13</v>
      </c>
      <c r="HT15" s="71">
        <v>8</v>
      </c>
      <c r="HU15" s="71">
        <v>3</v>
      </c>
      <c r="HV15" s="71">
        <v>1</v>
      </c>
      <c r="HW15" s="71">
        <v>2</v>
      </c>
      <c r="HX15" s="72">
        <v>27</v>
      </c>
      <c r="HY15" s="73">
        <v>34</v>
      </c>
      <c r="HZ15" s="70">
        <v>8</v>
      </c>
      <c r="IA15" s="71">
        <v>6</v>
      </c>
      <c r="IB15" s="72">
        <v>14</v>
      </c>
      <c r="IC15" s="244"/>
      <c r="ID15" s="71">
        <v>24</v>
      </c>
      <c r="IE15" s="71">
        <v>7</v>
      </c>
      <c r="IF15" s="71">
        <v>8</v>
      </c>
      <c r="IG15" s="71">
        <v>8</v>
      </c>
      <c r="IH15" s="71">
        <v>3</v>
      </c>
      <c r="II15" s="72">
        <v>50</v>
      </c>
      <c r="IJ15" s="73">
        <v>64</v>
      </c>
      <c r="IK15" s="70">
        <v>11</v>
      </c>
      <c r="IL15" s="71">
        <v>5</v>
      </c>
      <c r="IM15" s="72">
        <v>16</v>
      </c>
      <c r="IN15" s="244"/>
      <c r="IO15" s="71">
        <v>26</v>
      </c>
      <c r="IP15" s="71">
        <v>18</v>
      </c>
      <c r="IQ15" s="71">
        <v>9</v>
      </c>
      <c r="IR15" s="71">
        <v>11</v>
      </c>
      <c r="IS15" s="71">
        <v>6</v>
      </c>
      <c r="IT15" s="72">
        <v>70</v>
      </c>
      <c r="IU15" s="73">
        <v>86</v>
      </c>
      <c r="IV15" s="70">
        <v>29</v>
      </c>
      <c r="IW15" s="71">
        <v>16</v>
      </c>
      <c r="IX15" s="72">
        <v>45</v>
      </c>
      <c r="IY15" s="244"/>
      <c r="IZ15" s="71">
        <v>35</v>
      </c>
      <c r="JA15" s="71">
        <v>19</v>
      </c>
      <c r="JB15" s="71">
        <v>11</v>
      </c>
      <c r="JC15" s="71">
        <v>23</v>
      </c>
      <c r="JD15" s="71">
        <v>8</v>
      </c>
      <c r="JE15" s="72">
        <v>96</v>
      </c>
      <c r="JF15" s="73">
        <v>141</v>
      </c>
      <c r="JG15" s="70">
        <v>14</v>
      </c>
      <c r="JH15" s="71">
        <v>17</v>
      </c>
      <c r="JI15" s="72">
        <v>31</v>
      </c>
      <c r="JJ15" s="244"/>
      <c r="JK15" s="71">
        <v>32</v>
      </c>
      <c r="JL15" s="71">
        <v>14</v>
      </c>
      <c r="JM15" s="71">
        <v>24</v>
      </c>
      <c r="JN15" s="71">
        <v>18</v>
      </c>
      <c r="JO15" s="71">
        <v>12</v>
      </c>
      <c r="JP15" s="72">
        <v>100</v>
      </c>
      <c r="JQ15" s="73">
        <v>131</v>
      </c>
      <c r="JR15" s="70">
        <v>0</v>
      </c>
      <c r="JS15" s="71">
        <v>0</v>
      </c>
      <c r="JT15" s="72">
        <v>0</v>
      </c>
      <c r="JU15" s="244"/>
      <c r="JV15" s="71">
        <v>0</v>
      </c>
      <c r="JW15" s="71">
        <v>0</v>
      </c>
      <c r="JX15" s="71">
        <v>0</v>
      </c>
      <c r="JY15" s="71">
        <v>0</v>
      </c>
      <c r="JZ15" s="71">
        <v>0</v>
      </c>
      <c r="KA15" s="72">
        <v>0</v>
      </c>
      <c r="KB15" s="73">
        <v>0</v>
      </c>
      <c r="KC15" s="70">
        <v>67</v>
      </c>
      <c r="KD15" s="71">
        <v>51</v>
      </c>
      <c r="KE15" s="72">
        <v>118</v>
      </c>
      <c r="KF15" s="244"/>
      <c r="KG15" s="71">
        <v>135</v>
      </c>
      <c r="KH15" s="71">
        <v>66</v>
      </c>
      <c r="KI15" s="71">
        <v>56</v>
      </c>
      <c r="KJ15" s="71">
        <v>62</v>
      </c>
      <c r="KK15" s="71">
        <v>32</v>
      </c>
      <c r="KL15" s="72">
        <v>351</v>
      </c>
      <c r="KM15" s="73">
        <v>469</v>
      </c>
    </row>
    <row r="16" spans="2:299" ht="21" customHeight="1" x14ac:dyDescent="0.2">
      <c r="B16" s="126" t="s">
        <v>12</v>
      </c>
      <c r="C16" s="315">
        <v>136</v>
      </c>
      <c r="D16" s="82">
        <v>83</v>
      </c>
      <c r="E16" s="83">
        <v>219</v>
      </c>
      <c r="F16" s="241"/>
      <c r="G16" s="82">
        <v>106</v>
      </c>
      <c r="H16" s="82">
        <v>72</v>
      </c>
      <c r="I16" s="82">
        <v>55</v>
      </c>
      <c r="J16" s="82">
        <v>69</v>
      </c>
      <c r="K16" s="82">
        <v>35</v>
      </c>
      <c r="L16" s="84">
        <v>337</v>
      </c>
      <c r="M16" s="85">
        <v>556</v>
      </c>
      <c r="N16" s="86">
        <v>4</v>
      </c>
      <c r="O16" s="71">
        <v>4</v>
      </c>
      <c r="P16" s="72">
        <v>8</v>
      </c>
      <c r="Q16" s="244"/>
      <c r="R16" s="71">
        <v>1</v>
      </c>
      <c r="S16" s="71">
        <v>3</v>
      </c>
      <c r="T16" s="71">
        <v>1</v>
      </c>
      <c r="U16" s="71">
        <v>1</v>
      </c>
      <c r="V16" s="71">
        <v>1</v>
      </c>
      <c r="W16" s="72">
        <v>7</v>
      </c>
      <c r="X16" s="73">
        <v>15</v>
      </c>
      <c r="Y16" s="70">
        <v>8</v>
      </c>
      <c r="Z16" s="71">
        <v>7</v>
      </c>
      <c r="AA16" s="72">
        <v>15</v>
      </c>
      <c r="AB16" s="244"/>
      <c r="AC16" s="71">
        <v>6</v>
      </c>
      <c r="AD16" s="71">
        <v>4</v>
      </c>
      <c r="AE16" s="71">
        <v>1</v>
      </c>
      <c r="AF16" s="71">
        <v>4</v>
      </c>
      <c r="AG16" s="71">
        <v>4</v>
      </c>
      <c r="AH16" s="72">
        <v>19</v>
      </c>
      <c r="AI16" s="73">
        <v>34</v>
      </c>
      <c r="AJ16" s="86">
        <v>13</v>
      </c>
      <c r="AK16" s="71">
        <v>7</v>
      </c>
      <c r="AL16" s="72">
        <v>20</v>
      </c>
      <c r="AM16" s="244"/>
      <c r="AN16" s="71">
        <v>4</v>
      </c>
      <c r="AO16" s="71">
        <v>4</v>
      </c>
      <c r="AP16" s="71">
        <v>4</v>
      </c>
      <c r="AQ16" s="71">
        <v>8</v>
      </c>
      <c r="AR16" s="71">
        <v>7</v>
      </c>
      <c r="AS16" s="72">
        <v>27</v>
      </c>
      <c r="AT16" s="73">
        <v>47</v>
      </c>
      <c r="AU16" s="70">
        <v>33</v>
      </c>
      <c r="AV16" s="71">
        <v>21</v>
      </c>
      <c r="AW16" s="72">
        <v>54</v>
      </c>
      <c r="AX16" s="244"/>
      <c r="AY16" s="71">
        <v>27</v>
      </c>
      <c r="AZ16" s="71">
        <v>24</v>
      </c>
      <c r="BA16" s="71">
        <v>13</v>
      </c>
      <c r="BB16" s="71">
        <v>13</v>
      </c>
      <c r="BC16" s="71">
        <v>11</v>
      </c>
      <c r="BD16" s="72">
        <v>88</v>
      </c>
      <c r="BE16" s="73">
        <v>142</v>
      </c>
      <c r="BF16" s="86">
        <v>42</v>
      </c>
      <c r="BG16" s="71">
        <v>20</v>
      </c>
      <c r="BH16" s="72">
        <v>62</v>
      </c>
      <c r="BI16" s="244"/>
      <c r="BJ16" s="71">
        <v>36</v>
      </c>
      <c r="BK16" s="71">
        <v>19</v>
      </c>
      <c r="BL16" s="71">
        <v>20</v>
      </c>
      <c r="BM16" s="71">
        <v>23</v>
      </c>
      <c r="BN16" s="71">
        <v>7</v>
      </c>
      <c r="BO16" s="72">
        <v>105</v>
      </c>
      <c r="BP16" s="73">
        <v>167</v>
      </c>
      <c r="BQ16" s="70">
        <v>36</v>
      </c>
      <c r="BR16" s="71">
        <v>24</v>
      </c>
      <c r="BS16" s="72">
        <v>60</v>
      </c>
      <c r="BT16" s="244"/>
      <c r="BU16" s="71">
        <v>32</v>
      </c>
      <c r="BV16" s="71">
        <v>18</v>
      </c>
      <c r="BW16" s="71">
        <v>16</v>
      </c>
      <c r="BX16" s="71">
        <v>20</v>
      </c>
      <c r="BY16" s="71">
        <v>5</v>
      </c>
      <c r="BZ16" s="72">
        <v>91</v>
      </c>
      <c r="CA16" s="73">
        <v>151</v>
      </c>
      <c r="CB16" s="70">
        <v>0</v>
      </c>
      <c r="CC16" s="71">
        <v>0</v>
      </c>
      <c r="CD16" s="72">
        <v>0</v>
      </c>
      <c r="CE16" s="244"/>
      <c r="CF16" s="71">
        <v>0</v>
      </c>
      <c r="CG16" s="71">
        <v>0</v>
      </c>
      <c r="CH16" s="71">
        <v>0</v>
      </c>
      <c r="CI16" s="71">
        <v>0</v>
      </c>
      <c r="CJ16" s="71">
        <v>0</v>
      </c>
      <c r="CK16" s="72">
        <v>0</v>
      </c>
      <c r="CL16" s="73">
        <v>0</v>
      </c>
      <c r="CM16" s="70">
        <v>136</v>
      </c>
      <c r="CN16" s="71">
        <v>83</v>
      </c>
      <c r="CO16" s="72">
        <v>219</v>
      </c>
      <c r="CP16" s="244"/>
      <c r="CQ16" s="71">
        <v>106</v>
      </c>
      <c r="CR16" s="71">
        <v>72</v>
      </c>
      <c r="CS16" s="71">
        <v>55</v>
      </c>
      <c r="CT16" s="71">
        <v>69</v>
      </c>
      <c r="CU16" s="71">
        <v>35</v>
      </c>
      <c r="CV16" s="72">
        <v>337</v>
      </c>
      <c r="CW16" s="73">
        <v>556</v>
      </c>
      <c r="CX16" s="123">
        <v>38</v>
      </c>
      <c r="CY16" s="82">
        <v>34</v>
      </c>
      <c r="CZ16" s="83">
        <v>72</v>
      </c>
      <c r="DA16" s="241"/>
      <c r="DB16" s="82">
        <v>39</v>
      </c>
      <c r="DC16" s="82">
        <v>30</v>
      </c>
      <c r="DD16" s="82">
        <v>25</v>
      </c>
      <c r="DE16" s="82">
        <v>28</v>
      </c>
      <c r="DF16" s="82">
        <v>8</v>
      </c>
      <c r="DG16" s="84">
        <v>130</v>
      </c>
      <c r="DH16" s="85">
        <v>202</v>
      </c>
      <c r="DI16" s="86">
        <v>1</v>
      </c>
      <c r="DJ16" s="71">
        <v>0</v>
      </c>
      <c r="DK16" s="72">
        <v>1</v>
      </c>
      <c r="DL16" s="244"/>
      <c r="DM16" s="71">
        <v>1</v>
      </c>
      <c r="DN16" s="71">
        <v>1</v>
      </c>
      <c r="DO16" s="71">
        <v>1</v>
      </c>
      <c r="DP16" s="71">
        <v>0</v>
      </c>
      <c r="DQ16" s="71">
        <v>0</v>
      </c>
      <c r="DR16" s="72">
        <v>3</v>
      </c>
      <c r="DS16" s="73">
        <v>4</v>
      </c>
      <c r="DT16" s="70">
        <v>1</v>
      </c>
      <c r="DU16" s="71">
        <v>2</v>
      </c>
      <c r="DV16" s="72">
        <v>3</v>
      </c>
      <c r="DW16" s="244"/>
      <c r="DX16" s="71">
        <v>3</v>
      </c>
      <c r="DY16" s="71">
        <v>0</v>
      </c>
      <c r="DZ16" s="71">
        <v>0</v>
      </c>
      <c r="EA16" s="71">
        <v>1</v>
      </c>
      <c r="EB16" s="71">
        <v>0</v>
      </c>
      <c r="EC16" s="72">
        <v>4</v>
      </c>
      <c r="ED16" s="73">
        <v>7</v>
      </c>
      <c r="EE16" s="86">
        <v>8</v>
      </c>
      <c r="EF16" s="71">
        <v>5</v>
      </c>
      <c r="EG16" s="72">
        <v>13</v>
      </c>
      <c r="EH16" s="244"/>
      <c r="EI16" s="71">
        <v>3</v>
      </c>
      <c r="EJ16" s="71">
        <v>3</v>
      </c>
      <c r="EK16" s="71">
        <v>1</v>
      </c>
      <c r="EL16" s="71">
        <v>1</v>
      </c>
      <c r="EM16" s="71">
        <v>0</v>
      </c>
      <c r="EN16" s="72">
        <v>8</v>
      </c>
      <c r="EO16" s="73">
        <v>21</v>
      </c>
      <c r="EP16" s="70">
        <v>6</v>
      </c>
      <c r="EQ16" s="71">
        <v>9</v>
      </c>
      <c r="ER16" s="72">
        <v>15</v>
      </c>
      <c r="ES16" s="244"/>
      <c r="ET16" s="71">
        <v>8</v>
      </c>
      <c r="EU16" s="71">
        <v>5</v>
      </c>
      <c r="EV16" s="71">
        <v>3</v>
      </c>
      <c r="EW16" s="71">
        <v>4</v>
      </c>
      <c r="EX16" s="71">
        <v>2</v>
      </c>
      <c r="EY16" s="72">
        <v>22</v>
      </c>
      <c r="EZ16" s="73">
        <v>37</v>
      </c>
      <c r="FA16" s="86">
        <v>14</v>
      </c>
      <c r="FB16" s="71">
        <v>7</v>
      </c>
      <c r="FC16" s="72">
        <v>21</v>
      </c>
      <c r="FD16" s="244"/>
      <c r="FE16" s="71">
        <v>10</v>
      </c>
      <c r="FF16" s="71">
        <v>9</v>
      </c>
      <c r="FG16" s="71">
        <v>11</v>
      </c>
      <c r="FH16" s="71">
        <v>6</v>
      </c>
      <c r="FI16" s="71">
        <v>2</v>
      </c>
      <c r="FJ16" s="72">
        <v>38</v>
      </c>
      <c r="FK16" s="73">
        <v>59</v>
      </c>
      <c r="FL16" s="70">
        <v>8</v>
      </c>
      <c r="FM16" s="71">
        <v>11</v>
      </c>
      <c r="FN16" s="72">
        <v>19</v>
      </c>
      <c r="FO16" s="244"/>
      <c r="FP16" s="71">
        <v>14</v>
      </c>
      <c r="FQ16" s="71">
        <v>12</v>
      </c>
      <c r="FR16" s="71">
        <v>9</v>
      </c>
      <c r="FS16" s="71">
        <v>16</v>
      </c>
      <c r="FT16" s="71">
        <v>4</v>
      </c>
      <c r="FU16" s="72">
        <v>55</v>
      </c>
      <c r="FV16" s="73">
        <v>74</v>
      </c>
      <c r="FW16" s="70">
        <v>0</v>
      </c>
      <c r="FX16" s="71">
        <v>0</v>
      </c>
      <c r="FY16" s="72">
        <v>0</v>
      </c>
      <c r="FZ16" s="244"/>
      <c r="GA16" s="71">
        <v>0</v>
      </c>
      <c r="GB16" s="71">
        <v>0</v>
      </c>
      <c r="GC16" s="71">
        <v>0</v>
      </c>
      <c r="GD16" s="71">
        <v>0</v>
      </c>
      <c r="GE16" s="71">
        <v>0</v>
      </c>
      <c r="GF16" s="72">
        <v>0</v>
      </c>
      <c r="GG16" s="73">
        <v>0</v>
      </c>
      <c r="GH16" s="70">
        <v>38</v>
      </c>
      <c r="GI16" s="71">
        <v>34</v>
      </c>
      <c r="GJ16" s="72">
        <v>72</v>
      </c>
      <c r="GK16" s="244"/>
      <c r="GL16" s="71">
        <v>39</v>
      </c>
      <c r="GM16" s="71">
        <v>30</v>
      </c>
      <c r="GN16" s="71">
        <v>25</v>
      </c>
      <c r="GO16" s="71">
        <v>28</v>
      </c>
      <c r="GP16" s="71">
        <v>8</v>
      </c>
      <c r="GQ16" s="72">
        <v>130</v>
      </c>
      <c r="GR16" s="73">
        <v>202</v>
      </c>
      <c r="GS16" s="123">
        <v>174</v>
      </c>
      <c r="GT16" s="82">
        <v>117</v>
      </c>
      <c r="GU16" s="83">
        <v>291</v>
      </c>
      <c r="GV16" s="241"/>
      <c r="GW16" s="82">
        <v>145</v>
      </c>
      <c r="GX16" s="82">
        <v>102</v>
      </c>
      <c r="GY16" s="82">
        <v>80</v>
      </c>
      <c r="GZ16" s="82">
        <v>97</v>
      </c>
      <c r="HA16" s="82">
        <v>43</v>
      </c>
      <c r="HB16" s="84">
        <v>467</v>
      </c>
      <c r="HC16" s="85">
        <v>758</v>
      </c>
      <c r="HD16" s="86">
        <v>5</v>
      </c>
      <c r="HE16" s="71">
        <v>4</v>
      </c>
      <c r="HF16" s="72">
        <v>9</v>
      </c>
      <c r="HG16" s="244"/>
      <c r="HH16" s="71">
        <v>2</v>
      </c>
      <c r="HI16" s="71">
        <v>4</v>
      </c>
      <c r="HJ16" s="71">
        <v>2</v>
      </c>
      <c r="HK16" s="71">
        <v>1</v>
      </c>
      <c r="HL16" s="71">
        <v>1</v>
      </c>
      <c r="HM16" s="72">
        <v>10</v>
      </c>
      <c r="HN16" s="73">
        <v>19</v>
      </c>
      <c r="HO16" s="70">
        <v>9</v>
      </c>
      <c r="HP16" s="71">
        <v>9</v>
      </c>
      <c r="HQ16" s="72">
        <v>18</v>
      </c>
      <c r="HR16" s="244"/>
      <c r="HS16" s="71">
        <v>9</v>
      </c>
      <c r="HT16" s="71">
        <v>4</v>
      </c>
      <c r="HU16" s="71">
        <v>1</v>
      </c>
      <c r="HV16" s="71">
        <v>5</v>
      </c>
      <c r="HW16" s="71">
        <v>4</v>
      </c>
      <c r="HX16" s="72">
        <v>23</v>
      </c>
      <c r="HY16" s="73">
        <v>41</v>
      </c>
      <c r="HZ16" s="86">
        <v>21</v>
      </c>
      <c r="IA16" s="71">
        <v>12</v>
      </c>
      <c r="IB16" s="72">
        <v>33</v>
      </c>
      <c r="IC16" s="244"/>
      <c r="ID16" s="71">
        <v>7</v>
      </c>
      <c r="IE16" s="71">
        <v>7</v>
      </c>
      <c r="IF16" s="71">
        <v>5</v>
      </c>
      <c r="IG16" s="71">
        <v>9</v>
      </c>
      <c r="IH16" s="71">
        <v>7</v>
      </c>
      <c r="II16" s="72">
        <v>35</v>
      </c>
      <c r="IJ16" s="73">
        <v>68</v>
      </c>
      <c r="IK16" s="70">
        <v>39</v>
      </c>
      <c r="IL16" s="71">
        <v>30</v>
      </c>
      <c r="IM16" s="72">
        <v>69</v>
      </c>
      <c r="IN16" s="244"/>
      <c r="IO16" s="71">
        <v>35</v>
      </c>
      <c r="IP16" s="71">
        <v>29</v>
      </c>
      <c r="IQ16" s="71">
        <v>16</v>
      </c>
      <c r="IR16" s="71">
        <v>17</v>
      </c>
      <c r="IS16" s="71">
        <v>13</v>
      </c>
      <c r="IT16" s="72">
        <v>110</v>
      </c>
      <c r="IU16" s="73">
        <v>179</v>
      </c>
      <c r="IV16" s="86">
        <v>56</v>
      </c>
      <c r="IW16" s="71">
        <v>27</v>
      </c>
      <c r="IX16" s="72">
        <v>83</v>
      </c>
      <c r="IY16" s="244"/>
      <c r="IZ16" s="71">
        <v>46</v>
      </c>
      <c r="JA16" s="71">
        <v>28</v>
      </c>
      <c r="JB16" s="71">
        <v>31</v>
      </c>
      <c r="JC16" s="71">
        <v>29</v>
      </c>
      <c r="JD16" s="71">
        <v>9</v>
      </c>
      <c r="JE16" s="72">
        <v>143</v>
      </c>
      <c r="JF16" s="73">
        <v>226</v>
      </c>
      <c r="JG16" s="70">
        <v>44</v>
      </c>
      <c r="JH16" s="71">
        <v>35</v>
      </c>
      <c r="JI16" s="72">
        <v>79</v>
      </c>
      <c r="JJ16" s="244"/>
      <c r="JK16" s="71">
        <v>46</v>
      </c>
      <c r="JL16" s="71">
        <v>30</v>
      </c>
      <c r="JM16" s="71">
        <v>25</v>
      </c>
      <c r="JN16" s="71">
        <v>36</v>
      </c>
      <c r="JO16" s="71">
        <v>9</v>
      </c>
      <c r="JP16" s="72">
        <v>146</v>
      </c>
      <c r="JQ16" s="73">
        <v>225</v>
      </c>
      <c r="JR16" s="70">
        <v>0</v>
      </c>
      <c r="JS16" s="71">
        <v>0</v>
      </c>
      <c r="JT16" s="72">
        <v>0</v>
      </c>
      <c r="JU16" s="244"/>
      <c r="JV16" s="71">
        <v>0</v>
      </c>
      <c r="JW16" s="71">
        <v>0</v>
      </c>
      <c r="JX16" s="71">
        <v>0</v>
      </c>
      <c r="JY16" s="71">
        <v>0</v>
      </c>
      <c r="JZ16" s="71">
        <v>0</v>
      </c>
      <c r="KA16" s="72">
        <v>0</v>
      </c>
      <c r="KB16" s="73">
        <v>0</v>
      </c>
      <c r="KC16" s="70">
        <v>174</v>
      </c>
      <c r="KD16" s="71">
        <v>117</v>
      </c>
      <c r="KE16" s="72">
        <v>291</v>
      </c>
      <c r="KF16" s="244"/>
      <c r="KG16" s="71">
        <v>145</v>
      </c>
      <c r="KH16" s="71">
        <v>102</v>
      </c>
      <c r="KI16" s="71">
        <v>80</v>
      </c>
      <c r="KJ16" s="71">
        <v>97</v>
      </c>
      <c r="KK16" s="71">
        <v>43</v>
      </c>
      <c r="KL16" s="72">
        <v>467</v>
      </c>
      <c r="KM16" s="73">
        <v>758</v>
      </c>
    </row>
    <row r="17" spans="2:299" ht="21" customHeight="1" x14ac:dyDescent="0.2">
      <c r="B17" s="126" t="s">
        <v>13</v>
      </c>
      <c r="C17" s="315">
        <v>39</v>
      </c>
      <c r="D17" s="82">
        <v>40</v>
      </c>
      <c r="E17" s="83">
        <v>79</v>
      </c>
      <c r="F17" s="241"/>
      <c r="G17" s="82">
        <v>61</v>
      </c>
      <c r="H17" s="82">
        <v>56</v>
      </c>
      <c r="I17" s="82">
        <v>40</v>
      </c>
      <c r="J17" s="82">
        <v>21</v>
      </c>
      <c r="K17" s="82">
        <v>17</v>
      </c>
      <c r="L17" s="84">
        <v>195</v>
      </c>
      <c r="M17" s="85">
        <v>274</v>
      </c>
      <c r="N17" s="70">
        <v>0</v>
      </c>
      <c r="O17" s="71">
        <v>1</v>
      </c>
      <c r="P17" s="72">
        <v>1</v>
      </c>
      <c r="Q17" s="244"/>
      <c r="R17" s="71">
        <v>3</v>
      </c>
      <c r="S17" s="71">
        <v>0</v>
      </c>
      <c r="T17" s="71">
        <v>0</v>
      </c>
      <c r="U17" s="71">
        <v>2</v>
      </c>
      <c r="V17" s="71">
        <v>0</v>
      </c>
      <c r="W17" s="72">
        <v>5</v>
      </c>
      <c r="X17" s="73">
        <v>6</v>
      </c>
      <c r="Y17" s="70">
        <v>3</v>
      </c>
      <c r="Z17" s="71">
        <v>2</v>
      </c>
      <c r="AA17" s="72">
        <v>5</v>
      </c>
      <c r="AB17" s="244"/>
      <c r="AC17" s="71">
        <v>3</v>
      </c>
      <c r="AD17" s="71">
        <v>1</v>
      </c>
      <c r="AE17" s="71">
        <v>0</v>
      </c>
      <c r="AF17" s="71">
        <v>0</v>
      </c>
      <c r="AG17" s="71">
        <v>1</v>
      </c>
      <c r="AH17" s="72">
        <v>5</v>
      </c>
      <c r="AI17" s="73">
        <v>10</v>
      </c>
      <c r="AJ17" s="70">
        <v>3</v>
      </c>
      <c r="AK17" s="71">
        <v>2</v>
      </c>
      <c r="AL17" s="72">
        <v>5</v>
      </c>
      <c r="AM17" s="244"/>
      <c r="AN17" s="71">
        <v>6</v>
      </c>
      <c r="AO17" s="71">
        <v>6</v>
      </c>
      <c r="AP17" s="71">
        <v>4</v>
      </c>
      <c r="AQ17" s="71">
        <v>3</v>
      </c>
      <c r="AR17" s="71">
        <v>1</v>
      </c>
      <c r="AS17" s="72">
        <v>20</v>
      </c>
      <c r="AT17" s="73">
        <v>25</v>
      </c>
      <c r="AU17" s="70">
        <v>9</v>
      </c>
      <c r="AV17" s="71">
        <v>12</v>
      </c>
      <c r="AW17" s="72">
        <v>21</v>
      </c>
      <c r="AX17" s="244"/>
      <c r="AY17" s="71">
        <v>15</v>
      </c>
      <c r="AZ17" s="71">
        <v>8</v>
      </c>
      <c r="BA17" s="71">
        <v>9</v>
      </c>
      <c r="BB17" s="71">
        <v>5</v>
      </c>
      <c r="BC17" s="71">
        <v>2</v>
      </c>
      <c r="BD17" s="72">
        <v>39</v>
      </c>
      <c r="BE17" s="73">
        <v>60</v>
      </c>
      <c r="BF17" s="70">
        <v>11</v>
      </c>
      <c r="BG17" s="71">
        <v>12</v>
      </c>
      <c r="BH17" s="72">
        <v>23</v>
      </c>
      <c r="BI17" s="244"/>
      <c r="BJ17" s="71">
        <v>14</v>
      </c>
      <c r="BK17" s="71">
        <v>20</v>
      </c>
      <c r="BL17" s="71">
        <v>13</v>
      </c>
      <c r="BM17" s="71">
        <v>5</v>
      </c>
      <c r="BN17" s="71">
        <v>6</v>
      </c>
      <c r="BO17" s="72">
        <v>58</v>
      </c>
      <c r="BP17" s="73">
        <v>81</v>
      </c>
      <c r="BQ17" s="70">
        <v>13</v>
      </c>
      <c r="BR17" s="71">
        <v>11</v>
      </c>
      <c r="BS17" s="72">
        <v>24</v>
      </c>
      <c r="BT17" s="244"/>
      <c r="BU17" s="71">
        <v>20</v>
      </c>
      <c r="BV17" s="71">
        <v>21</v>
      </c>
      <c r="BW17" s="71">
        <v>14</v>
      </c>
      <c r="BX17" s="71">
        <v>6</v>
      </c>
      <c r="BY17" s="71">
        <v>7</v>
      </c>
      <c r="BZ17" s="72">
        <v>68</v>
      </c>
      <c r="CA17" s="73">
        <v>92</v>
      </c>
      <c r="CB17" s="70">
        <v>0</v>
      </c>
      <c r="CC17" s="71">
        <v>0</v>
      </c>
      <c r="CD17" s="72">
        <v>0</v>
      </c>
      <c r="CE17" s="244"/>
      <c r="CF17" s="71">
        <v>0</v>
      </c>
      <c r="CG17" s="71">
        <v>0</v>
      </c>
      <c r="CH17" s="71">
        <v>0</v>
      </c>
      <c r="CI17" s="71">
        <v>0</v>
      </c>
      <c r="CJ17" s="71">
        <v>0</v>
      </c>
      <c r="CK17" s="72">
        <v>0</v>
      </c>
      <c r="CL17" s="73">
        <v>0</v>
      </c>
      <c r="CM17" s="70">
        <v>39</v>
      </c>
      <c r="CN17" s="71">
        <v>40</v>
      </c>
      <c r="CO17" s="72">
        <v>79</v>
      </c>
      <c r="CP17" s="244"/>
      <c r="CQ17" s="71">
        <v>61</v>
      </c>
      <c r="CR17" s="71">
        <v>56</v>
      </c>
      <c r="CS17" s="71">
        <v>40</v>
      </c>
      <c r="CT17" s="71">
        <v>21</v>
      </c>
      <c r="CU17" s="71">
        <v>17</v>
      </c>
      <c r="CV17" s="72">
        <v>195</v>
      </c>
      <c r="CW17" s="73">
        <v>274</v>
      </c>
      <c r="CX17" s="123">
        <v>16</v>
      </c>
      <c r="CY17" s="82">
        <v>14</v>
      </c>
      <c r="CZ17" s="83">
        <v>30</v>
      </c>
      <c r="DA17" s="241"/>
      <c r="DB17" s="82">
        <v>28</v>
      </c>
      <c r="DC17" s="82">
        <v>26</v>
      </c>
      <c r="DD17" s="82">
        <v>10</v>
      </c>
      <c r="DE17" s="82">
        <v>12</v>
      </c>
      <c r="DF17" s="82">
        <v>11</v>
      </c>
      <c r="DG17" s="84">
        <v>87</v>
      </c>
      <c r="DH17" s="85">
        <v>117</v>
      </c>
      <c r="DI17" s="70">
        <v>1</v>
      </c>
      <c r="DJ17" s="71">
        <v>0</v>
      </c>
      <c r="DK17" s="72">
        <v>1</v>
      </c>
      <c r="DL17" s="244"/>
      <c r="DM17" s="71">
        <v>0</v>
      </c>
      <c r="DN17" s="71">
        <v>0</v>
      </c>
      <c r="DO17" s="71">
        <v>0</v>
      </c>
      <c r="DP17" s="71">
        <v>0</v>
      </c>
      <c r="DQ17" s="71">
        <v>0</v>
      </c>
      <c r="DR17" s="72">
        <v>0</v>
      </c>
      <c r="DS17" s="73">
        <v>1</v>
      </c>
      <c r="DT17" s="70">
        <v>2</v>
      </c>
      <c r="DU17" s="71">
        <v>0</v>
      </c>
      <c r="DV17" s="72">
        <v>2</v>
      </c>
      <c r="DW17" s="244"/>
      <c r="DX17" s="71">
        <v>3</v>
      </c>
      <c r="DY17" s="71">
        <v>1</v>
      </c>
      <c r="DZ17" s="71">
        <v>1</v>
      </c>
      <c r="EA17" s="71">
        <v>0</v>
      </c>
      <c r="EB17" s="71">
        <v>1</v>
      </c>
      <c r="EC17" s="72">
        <v>6</v>
      </c>
      <c r="ED17" s="73">
        <v>8</v>
      </c>
      <c r="EE17" s="70">
        <v>1</v>
      </c>
      <c r="EF17" s="71">
        <v>0</v>
      </c>
      <c r="EG17" s="72">
        <v>1</v>
      </c>
      <c r="EH17" s="244"/>
      <c r="EI17" s="71">
        <v>4</v>
      </c>
      <c r="EJ17" s="71">
        <v>1</v>
      </c>
      <c r="EK17" s="71">
        <v>1</v>
      </c>
      <c r="EL17" s="71">
        <v>1</v>
      </c>
      <c r="EM17" s="71">
        <v>1</v>
      </c>
      <c r="EN17" s="72">
        <v>8</v>
      </c>
      <c r="EO17" s="73">
        <v>9</v>
      </c>
      <c r="EP17" s="70">
        <v>2</v>
      </c>
      <c r="EQ17" s="71">
        <v>3</v>
      </c>
      <c r="ER17" s="72">
        <v>5</v>
      </c>
      <c r="ES17" s="244"/>
      <c r="ET17" s="71">
        <v>8</v>
      </c>
      <c r="EU17" s="71">
        <v>5</v>
      </c>
      <c r="EV17" s="71">
        <v>1</v>
      </c>
      <c r="EW17" s="71">
        <v>0</v>
      </c>
      <c r="EX17" s="71">
        <v>1</v>
      </c>
      <c r="EY17" s="72">
        <v>15</v>
      </c>
      <c r="EZ17" s="73">
        <v>20</v>
      </c>
      <c r="FA17" s="70">
        <v>6</v>
      </c>
      <c r="FB17" s="71">
        <v>6</v>
      </c>
      <c r="FC17" s="72">
        <v>12</v>
      </c>
      <c r="FD17" s="244"/>
      <c r="FE17" s="71">
        <v>7</v>
      </c>
      <c r="FF17" s="71">
        <v>8</v>
      </c>
      <c r="FG17" s="71">
        <v>1</v>
      </c>
      <c r="FH17" s="71">
        <v>4</v>
      </c>
      <c r="FI17" s="71">
        <v>0</v>
      </c>
      <c r="FJ17" s="72">
        <v>20</v>
      </c>
      <c r="FK17" s="73">
        <v>32</v>
      </c>
      <c r="FL17" s="70">
        <v>4</v>
      </c>
      <c r="FM17" s="71">
        <v>5</v>
      </c>
      <c r="FN17" s="72">
        <v>9</v>
      </c>
      <c r="FO17" s="244"/>
      <c r="FP17" s="71">
        <v>6</v>
      </c>
      <c r="FQ17" s="71">
        <v>11</v>
      </c>
      <c r="FR17" s="71">
        <v>6</v>
      </c>
      <c r="FS17" s="71">
        <v>7</v>
      </c>
      <c r="FT17" s="71">
        <v>8</v>
      </c>
      <c r="FU17" s="72">
        <v>38</v>
      </c>
      <c r="FV17" s="73">
        <v>47</v>
      </c>
      <c r="FW17" s="70">
        <v>0</v>
      </c>
      <c r="FX17" s="71">
        <v>0</v>
      </c>
      <c r="FY17" s="72">
        <v>0</v>
      </c>
      <c r="FZ17" s="244"/>
      <c r="GA17" s="71">
        <v>0</v>
      </c>
      <c r="GB17" s="71">
        <v>0</v>
      </c>
      <c r="GC17" s="71">
        <v>0</v>
      </c>
      <c r="GD17" s="71">
        <v>0</v>
      </c>
      <c r="GE17" s="71">
        <v>0</v>
      </c>
      <c r="GF17" s="72">
        <v>0</v>
      </c>
      <c r="GG17" s="73">
        <v>0</v>
      </c>
      <c r="GH17" s="70">
        <v>16</v>
      </c>
      <c r="GI17" s="71">
        <v>14</v>
      </c>
      <c r="GJ17" s="72">
        <v>30</v>
      </c>
      <c r="GK17" s="244"/>
      <c r="GL17" s="71">
        <v>28</v>
      </c>
      <c r="GM17" s="71">
        <v>26</v>
      </c>
      <c r="GN17" s="71">
        <v>10</v>
      </c>
      <c r="GO17" s="71">
        <v>12</v>
      </c>
      <c r="GP17" s="71">
        <v>11</v>
      </c>
      <c r="GQ17" s="72">
        <v>87</v>
      </c>
      <c r="GR17" s="73">
        <v>117</v>
      </c>
      <c r="GS17" s="123">
        <v>55</v>
      </c>
      <c r="GT17" s="82">
        <v>54</v>
      </c>
      <c r="GU17" s="83">
        <v>109</v>
      </c>
      <c r="GV17" s="241"/>
      <c r="GW17" s="82">
        <v>89</v>
      </c>
      <c r="GX17" s="82">
        <v>82</v>
      </c>
      <c r="GY17" s="82">
        <v>50</v>
      </c>
      <c r="GZ17" s="82">
        <v>33</v>
      </c>
      <c r="HA17" s="82">
        <v>28</v>
      </c>
      <c r="HB17" s="84">
        <v>282</v>
      </c>
      <c r="HC17" s="85">
        <v>391</v>
      </c>
      <c r="HD17" s="70">
        <v>1</v>
      </c>
      <c r="HE17" s="71">
        <v>1</v>
      </c>
      <c r="HF17" s="72">
        <v>2</v>
      </c>
      <c r="HG17" s="244"/>
      <c r="HH17" s="71">
        <v>3</v>
      </c>
      <c r="HI17" s="71">
        <v>0</v>
      </c>
      <c r="HJ17" s="71">
        <v>0</v>
      </c>
      <c r="HK17" s="71">
        <v>2</v>
      </c>
      <c r="HL17" s="71">
        <v>0</v>
      </c>
      <c r="HM17" s="72">
        <v>5</v>
      </c>
      <c r="HN17" s="73">
        <v>7</v>
      </c>
      <c r="HO17" s="70">
        <v>5</v>
      </c>
      <c r="HP17" s="71">
        <v>2</v>
      </c>
      <c r="HQ17" s="72">
        <v>7</v>
      </c>
      <c r="HR17" s="244"/>
      <c r="HS17" s="71">
        <v>6</v>
      </c>
      <c r="HT17" s="71">
        <v>2</v>
      </c>
      <c r="HU17" s="71">
        <v>1</v>
      </c>
      <c r="HV17" s="71">
        <v>0</v>
      </c>
      <c r="HW17" s="71">
        <v>2</v>
      </c>
      <c r="HX17" s="72">
        <v>11</v>
      </c>
      <c r="HY17" s="73">
        <v>18</v>
      </c>
      <c r="HZ17" s="70">
        <v>4</v>
      </c>
      <c r="IA17" s="71">
        <v>2</v>
      </c>
      <c r="IB17" s="72">
        <v>6</v>
      </c>
      <c r="IC17" s="244"/>
      <c r="ID17" s="71">
        <v>10</v>
      </c>
      <c r="IE17" s="71">
        <v>7</v>
      </c>
      <c r="IF17" s="71">
        <v>5</v>
      </c>
      <c r="IG17" s="71">
        <v>4</v>
      </c>
      <c r="IH17" s="71">
        <v>2</v>
      </c>
      <c r="II17" s="72">
        <v>28</v>
      </c>
      <c r="IJ17" s="73">
        <v>34</v>
      </c>
      <c r="IK17" s="70">
        <v>11</v>
      </c>
      <c r="IL17" s="71">
        <v>15</v>
      </c>
      <c r="IM17" s="72">
        <v>26</v>
      </c>
      <c r="IN17" s="244"/>
      <c r="IO17" s="71">
        <v>23</v>
      </c>
      <c r="IP17" s="71">
        <v>13</v>
      </c>
      <c r="IQ17" s="71">
        <v>10</v>
      </c>
      <c r="IR17" s="71">
        <v>5</v>
      </c>
      <c r="IS17" s="71">
        <v>3</v>
      </c>
      <c r="IT17" s="72">
        <v>54</v>
      </c>
      <c r="IU17" s="73">
        <v>80</v>
      </c>
      <c r="IV17" s="70">
        <v>17</v>
      </c>
      <c r="IW17" s="71">
        <v>18</v>
      </c>
      <c r="IX17" s="72">
        <v>35</v>
      </c>
      <c r="IY17" s="244"/>
      <c r="IZ17" s="71">
        <v>21</v>
      </c>
      <c r="JA17" s="71">
        <v>28</v>
      </c>
      <c r="JB17" s="71">
        <v>14</v>
      </c>
      <c r="JC17" s="71">
        <v>9</v>
      </c>
      <c r="JD17" s="71">
        <v>6</v>
      </c>
      <c r="JE17" s="72">
        <v>78</v>
      </c>
      <c r="JF17" s="73">
        <v>113</v>
      </c>
      <c r="JG17" s="70">
        <v>17</v>
      </c>
      <c r="JH17" s="71">
        <v>16</v>
      </c>
      <c r="JI17" s="72">
        <v>33</v>
      </c>
      <c r="JJ17" s="244"/>
      <c r="JK17" s="71">
        <v>26</v>
      </c>
      <c r="JL17" s="71">
        <v>32</v>
      </c>
      <c r="JM17" s="71">
        <v>20</v>
      </c>
      <c r="JN17" s="71">
        <v>13</v>
      </c>
      <c r="JO17" s="71">
        <v>15</v>
      </c>
      <c r="JP17" s="72">
        <v>106</v>
      </c>
      <c r="JQ17" s="73">
        <v>139</v>
      </c>
      <c r="JR17" s="70">
        <v>0</v>
      </c>
      <c r="JS17" s="71">
        <v>0</v>
      </c>
      <c r="JT17" s="72">
        <v>0</v>
      </c>
      <c r="JU17" s="244"/>
      <c r="JV17" s="71">
        <v>0</v>
      </c>
      <c r="JW17" s="71">
        <v>0</v>
      </c>
      <c r="JX17" s="71">
        <v>0</v>
      </c>
      <c r="JY17" s="71">
        <v>0</v>
      </c>
      <c r="JZ17" s="71">
        <v>0</v>
      </c>
      <c r="KA17" s="72">
        <v>0</v>
      </c>
      <c r="KB17" s="73">
        <v>0</v>
      </c>
      <c r="KC17" s="70">
        <v>55</v>
      </c>
      <c r="KD17" s="71">
        <v>54</v>
      </c>
      <c r="KE17" s="72">
        <v>109</v>
      </c>
      <c r="KF17" s="244"/>
      <c r="KG17" s="71">
        <v>89</v>
      </c>
      <c r="KH17" s="71">
        <v>82</v>
      </c>
      <c r="KI17" s="71">
        <v>50</v>
      </c>
      <c r="KJ17" s="71">
        <v>33</v>
      </c>
      <c r="KK17" s="71">
        <v>28</v>
      </c>
      <c r="KL17" s="72">
        <v>282</v>
      </c>
      <c r="KM17" s="73">
        <v>391</v>
      </c>
    </row>
    <row r="18" spans="2:299" ht="21" customHeight="1" x14ac:dyDescent="0.2">
      <c r="B18" s="126" t="s">
        <v>15</v>
      </c>
      <c r="C18" s="315">
        <v>8</v>
      </c>
      <c r="D18" s="82">
        <v>11</v>
      </c>
      <c r="E18" s="83">
        <v>19</v>
      </c>
      <c r="F18" s="241"/>
      <c r="G18" s="82">
        <v>17</v>
      </c>
      <c r="H18" s="82">
        <v>14</v>
      </c>
      <c r="I18" s="82">
        <v>6</v>
      </c>
      <c r="J18" s="82">
        <v>11</v>
      </c>
      <c r="K18" s="82">
        <v>7</v>
      </c>
      <c r="L18" s="84">
        <v>55</v>
      </c>
      <c r="M18" s="85">
        <v>74</v>
      </c>
      <c r="N18" s="70">
        <v>0</v>
      </c>
      <c r="O18" s="71">
        <v>1</v>
      </c>
      <c r="P18" s="72">
        <v>1</v>
      </c>
      <c r="Q18" s="244"/>
      <c r="R18" s="71">
        <v>1</v>
      </c>
      <c r="S18" s="71">
        <v>1</v>
      </c>
      <c r="T18" s="71">
        <v>0</v>
      </c>
      <c r="U18" s="71">
        <v>2</v>
      </c>
      <c r="V18" s="71">
        <v>0</v>
      </c>
      <c r="W18" s="72">
        <v>4</v>
      </c>
      <c r="X18" s="73">
        <v>5</v>
      </c>
      <c r="Y18" s="70">
        <v>1</v>
      </c>
      <c r="Z18" s="71">
        <v>0</v>
      </c>
      <c r="AA18" s="72">
        <v>1</v>
      </c>
      <c r="AB18" s="244"/>
      <c r="AC18" s="71">
        <v>0</v>
      </c>
      <c r="AD18" s="71">
        <v>1</v>
      </c>
      <c r="AE18" s="71">
        <v>2</v>
      </c>
      <c r="AF18" s="71">
        <v>1</v>
      </c>
      <c r="AG18" s="71">
        <v>1</v>
      </c>
      <c r="AH18" s="72">
        <v>5</v>
      </c>
      <c r="AI18" s="73">
        <v>6</v>
      </c>
      <c r="AJ18" s="70">
        <v>1</v>
      </c>
      <c r="AK18" s="71">
        <v>1</v>
      </c>
      <c r="AL18" s="72">
        <v>2</v>
      </c>
      <c r="AM18" s="244"/>
      <c r="AN18" s="71">
        <v>4</v>
      </c>
      <c r="AO18" s="71">
        <v>3</v>
      </c>
      <c r="AP18" s="71">
        <v>1</v>
      </c>
      <c r="AQ18" s="71">
        <v>0</v>
      </c>
      <c r="AR18" s="71">
        <v>1</v>
      </c>
      <c r="AS18" s="72">
        <v>9</v>
      </c>
      <c r="AT18" s="73">
        <v>11</v>
      </c>
      <c r="AU18" s="70">
        <v>1</v>
      </c>
      <c r="AV18" s="71">
        <v>4</v>
      </c>
      <c r="AW18" s="72">
        <v>5</v>
      </c>
      <c r="AX18" s="244"/>
      <c r="AY18" s="71">
        <v>3</v>
      </c>
      <c r="AZ18" s="71">
        <v>4</v>
      </c>
      <c r="BA18" s="71">
        <v>2</v>
      </c>
      <c r="BB18" s="71">
        <v>2</v>
      </c>
      <c r="BC18" s="71">
        <v>1</v>
      </c>
      <c r="BD18" s="72">
        <v>12</v>
      </c>
      <c r="BE18" s="73">
        <v>17</v>
      </c>
      <c r="BF18" s="70">
        <v>1</v>
      </c>
      <c r="BG18" s="71">
        <v>3</v>
      </c>
      <c r="BH18" s="72">
        <v>4</v>
      </c>
      <c r="BI18" s="244"/>
      <c r="BJ18" s="71">
        <v>5</v>
      </c>
      <c r="BK18" s="71">
        <v>3</v>
      </c>
      <c r="BL18" s="71">
        <v>1</v>
      </c>
      <c r="BM18" s="71">
        <v>4</v>
      </c>
      <c r="BN18" s="71">
        <v>2</v>
      </c>
      <c r="BO18" s="72">
        <v>15</v>
      </c>
      <c r="BP18" s="73">
        <v>19</v>
      </c>
      <c r="BQ18" s="70">
        <v>4</v>
      </c>
      <c r="BR18" s="71">
        <v>2</v>
      </c>
      <c r="BS18" s="72">
        <v>6</v>
      </c>
      <c r="BT18" s="244"/>
      <c r="BU18" s="71">
        <v>4</v>
      </c>
      <c r="BV18" s="71">
        <v>2</v>
      </c>
      <c r="BW18" s="71">
        <v>0</v>
      </c>
      <c r="BX18" s="71">
        <v>2</v>
      </c>
      <c r="BY18" s="71">
        <v>2</v>
      </c>
      <c r="BZ18" s="72">
        <v>10</v>
      </c>
      <c r="CA18" s="73">
        <v>16</v>
      </c>
      <c r="CB18" s="70">
        <v>0</v>
      </c>
      <c r="CC18" s="71">
        <v>0</v>
      </c>
      <c r="CD18" s="72">
        <v>0</v>
      </c>
      <c r="CE18" s="244"/>
      <c r="CF18" s="71">
        <v>0</v>
      </c>
      <c r="CG18" s="71">
        <v>0</v>
      </c>
      <c r="CH18" s="71">
        <v>0</v>
      </c>
      <c r="CI18" s="71">
        <v>0</v>
      </c>
      <c r="CJ18" s="71">
        <v>0</v>
      </c>
      <c r="CK18" s="72">
        <v>0</v>
      </c>
      <c r="CL18" s="73">
        <v>0</v>
      </c>
      <c r="CM18" s="70">
        <v>8</v>
      </c>
      <c r="CN18" s="71">
        <v>11</v>
      </c>
      <c r="CO18" s="72">
        <v>19</v>
      </c>
      <c r="CP18" s="244"/>
      <c r="CQ18" s="71">
        <v>17</v>
      </c>
      <c r="CR18" s="71">
        <v>14</v>
      </c>
      <c r="CS18" s="71">
        <v>6</v>
      </c>
      <c r="CT18" s="71">
        <v>11</v>
      </c>
      <c r="CU18" s="71">
        <v>7</v>
      </c>
      <c r="CV18" s="72">
        <v>55</v>
      </c>
      <c r="CW18" s="73">
        <v>74</v>
      </c>
      <c r="CX18" s="123">
        <v>2</v>
      </c>
      <c r="CY18" s="82">
        <v>8</v>
      </c>
      <c r="CZ18" s="83">
        <v>10</v>
      </c>
      <c r="DA18" s="241"/>
      <c r="DB18" s="82">
        <v>10</v>
      </c>
      <c r="DC18" s="82">
        <v>9</v>
      </c>
      <c r="DD18" s="82">
        <v>5</v>
      </c>
      <c r="DE18" s="82">
        <v>3</v>
      </c>
      <c r="DF18" s="82">
        <v>4</v>
      </c>
      <c r="DG18" s="84">
        <v>31</v>
      </c>
      <c r="DH18" s="85">
        <v>41</v>
      </c>
      <c r="DI18" s="70">
        <v>0</v>
      </c>
      <c r="DJ18" s="71">
        <v>0</v>
      </c>
      <c r="DK18" s="72">
        <v>0</v>
      </c>
      <c r="DL18" s="244"/>
      <c r="DM18" s="71">
        <v>0</v>
      </c>
      <c r="DN18" s="71">
        <v>0</v>
      </c>
      <c r="DO18" s="71">
        <v>0</v>
      </c>
      <c r="DP18" s="71">
        <v>0</v>
      </c>
      <c r="DQ18" s="71">
        <v>0</v>
      </c>
      <c r="DR18" s="72">
        <v>0</v>
      </c>
      <c r="DS18" s="73">
        <v>0</v>
      </c>
      <c r="DT18" s="70">
        <v>0</v>
      </c>
      <c r="DU18" s="71">
        <v>1</v>
      </c>
      <c r="DV18" s="72">
        <v>1</v>
      </c>
      <c r="DW18" s="244"/>
      <c r="DX18" s="71">
        <v>0</v>
      </c>
      <c r="DY18" s="71">
        <v>0</v>
      </c>
      <c r="DZ18" s="71">
        <v>0</v>
      </c>
      <c r="EA18" s="71">
        <v>0</v>
      </c>
      <c r="EB18" s="71">
        <v>0</v>
      </c>
      <c r="EC18" s="72">
        <v>0</v>
      </c>
      <c r="ED18" s="73">
        <v>1</v>
      </c>
      <c r="EE18" s="70">
        <v>0</v>
      </c>
      <c r="EF18" s="71">
        <v>3</v>
      </c>
      <c r="EG18" s="72">
        <v>3</v>
      </c>
      <c r="EH18" s="244"/>
      <c r="EI18" s="71">
        <v>3</v>
      </c>
      <c r="EJ18" s="71">
        <v>1</v>
      </c>
      <c r="EK18" s="71">
        <v>1</v>
      </c>
      <c r="EL18" s="71">
        <v>0</v>
      </c>
      <c r="EM18" s="71">
        <v>2</v>
      </c>
      <c r="EN18" s="72">
        <v>7</v>
      </c>
      <c r="EO18" s="73">
        <v>10</v>
      </c>
      <c r="EP18" s="70">
        <v>0</v>
      </c>
      <c r="EQ18" s="71">
        <v>1</v>
      </c>
      <c r="ER18" s="72">
        <v>1</v>
      </c>
      <c r="ES18" s="244"/>
      <c r="ET18" s="71">
        <v>1</v>
      </c>
      <c r="EU18" s="71">
        <v>0</v>
      </c>
      <c r="EV18" s="71">
        <v>0</v>
      </c>
      <c r="EW18" s="71">
        <v>1</v>
      </c>
      <c r="EX18" s="71">
        <v>0</v>
      </c>
      <c r="EY18" s="72">
        <v>2</v>
      </c>
      <c r="EZ18" s="73">
        <v>3</v>
      </c>
      <c r="FA18" s="70">
        <v>0</v>
      </c>
      <c r="FB18" s="71">
        <v>1</v>
      </c>
      <c r="FC18" s="72">
        <v>1</v>
      </c>
      <c r="FD18" s="244"/>
      <c r="FE18" s="71">
        <v>3</v>
      </c>
      <c r="FF18" s="71">
        <v>2</v>
      </c>
      <c r="FG18" s="71">
        <v>1</v>
      </c>
      <c r="FH18" s="71">
        <v>0</v>
      </c>
      <c r="FI18" s="71">
        <v>0</v>
      </c>
      <c r="FJ18" s="72">
        <v>6</v>
      </c>
      <c r="FK18" s="73">
        <v>7</v>
      </c>
      <c r="FL18" s="70">
        <v>2</v>
      </c>
      <c r="FM18" s="71">
        <v>2</v>
      </c>
      <c r="FN18" s="72">
        <v>4</v>
      </c>
      <c r="FO18" s="244"/>
      <c r="FP18" s="71">
        <v>3</v>
      </c>
      <c r="FQ18" s="71">
        <v>6</v>
      </c>
      <c r="FR18" s="71">
        <v>3</v>
      </c>
      <c r="FS18" s="71">
        <v>2</v>
      </c>
      <c r="FT18" s="71">
        <v>2</v>
      </c>
      <c r="FU18" s="72">
        <v>16</v>
      </c>
      <c r="FV18" s="73">
        <v>20</v>
      </c>
      <c r="FW18" s="70">
        <v>0</v>
      </c>
      <c r="FX18" s="71">
        <v>0</v>
      </c>
      <c r="FY18" s="72">
        <v>0</v>
      </c>
      <c r="FZ18" s="244"/>
      <c r="GA18" s="71">
        <v>0</v>
      </c>
      <c r="GB18" s="71">
        <v>0</v>
      </c>
      <c r="GC18" s="71">
        <v>0</v>
      </c>
      <c r="GD18" s="71">
        <v>0</v>
      </c>
      <c r="GE18" s="71">
        <v>0</v>
      </c>
      <c r="GF18" s="72">
        <v>0</v>
      </c>
      <c r="GG18" s="73">
        <v>0</v>
      </c>
      <c r="GH18" s="70">
        <v>2</v>
      </c>
      <c r="GI18" s="71">
        <v>8</v>
      </c>
      <c r="GJ18" s="72">
        <v>10</v>
      </c>
      <c r="GK18" s="244"/>
      <c r="GL18" s="71">
        <v>10</v>
      </c>
      <c r="GM18" s="71">
        <v>9</v>
      </c>
      <c r="GN18" s="71">
        <v>5</v>
      </c>
      <c r="GO18" s="71">
        <v>3</v>
      </c>
      <c r="GP18" s="71">
        <v>4</v>
      </c>
      <c r="GQ18" s="72">
        <v>31</v>
      </c>
      <c r="GR18" s="73">
        <v>41</v>
      </c>
      <c r="GS18" s="123">
        <v>10</v>
      </c>
      <c r="GT18" s="82">
        <v>19</v>
      </c>
      <c r="GU18" s="83">
        <v>29</v>
      </c>
      <c r="GV18" s="241"/>
      <c r="GW18" s="82">
        <v>27</v>
      </c>
      <c r="GX18" s="82">
        <v>23</v>
      </c>
      <c r="GY18" s="82">
        <v>11</v>
      </c>
      <c r="GZ18" s="82">
        <v>14</v>
      </c>
      <c r="HA18" s="82">
        <v>11</v>
      </c>
      <c r="HB18" s="84">
        <v>86</v>
      </c>
      <c r="HC18" s="85">
        <v>115</v>
      </c>
      <c r="HD18" s="70">
        <v>0</v>
      </c>
      <c r="HE18" s="71">
        <v>1</v>
      </c>
      <c r="HF18" s="72">
        <v>1</v>
      </c>
      <c r="HG18" s="244"/>
      <c r="HH18" s="71">
        <v>1</v>
      </c>
      <c r="HI18" s="71">
        <v>1</v>
      </c>
      <c r="HJ18" s="71">
        <v>0</v>
      </c>
      <c r="HK18" s="71">
        <v>2</v>
      </c>
      <c r="HL18" s="71">
        <v>0</v>
      </c>
      <c r="HM18" s="72">
        <v>4</v>
      </c>
      <c r="HN18" s="73">
        <v>5</v>
      </c>
      <c r="HO18" s="70">
        <v>1</v>
      </c>
      <c r="HP18" s="71">
        <v>1</v>
      </c>
      <c r="HQ18" s="72">
        <v>2</v>
      </c>
      <c r="HR18" s="244"/>
      <c r="HS18" s="71">
        <v>0</v>
      </c>
      <c r="HT18" s="71">
        <v>1</v>
      </c>
      <c r="HU18" s="71">
        <v>2</v>
      </c>
      <c r="HV18" s="71">
        <v>1</v>
      </c>
      <c r="HW18" s="71">
        <v>1</v>
      </c>
      <c r="HX18" s="72">
        <v>5</v>
      </c>
      <c r="HY18" s="73">
        <v>7</v>
      </c>
      <c r="HZ18" s="70">
        <v>1</v>
      </c>
      <c r="IA18" s="71">
        <v>4</v>
      </c>
      <c r="IB18" s="72">
        <v>5</v>
      </c>
      <c r="IC18" s="244"/>
      <c r="ID18" s="71">
        <v>7</v>
      </c>
      <c r="IE18" s="71">
        <v>4</v>
      </c>
      <c r="IF18" s="71">
        <v>2</v>
      </c>
      <c r="IG18" s="71">
        <v>0</v>
      </c>
      <c r="IH18" s="71">
        <v>3</v>
      </c>
      <c r="II18" s="72">
        <v>16</v>
      </c>
      <c r="IJ18" s="73">
        <v>21</v>
      </c>
      <c r="IK18" s="70">
        <v>1</v>
      </c>
      <c r="IL18" s="71">
        <v>5</v>
      </c>
      <c r="IM18" s="72">
        <v>6</v>
      </c>
      <c r="IN18" s="244"/>
      <c r="IO18" s="71">
        <v>4</v>
      </c>
      <c r="IP18" s="71">
        <v>4</v>
      </c>
      <c r="IQ18" s="71">
        <v>2</v>
      </c>
      <c r="IR18" s="71">
        <v>3</v>
      </c>
      <c r="IS18" s="71">
        <v>1</v>
      </c>
      <c r="IT18" s="72">
        <v>14</v>
      </c>
      <c r="IU18" s="73">
        <v>20</v>
      </c>
      <c r="IV18" s="70">
        <v>1</v>
      </c>
      <c r="IW18" s="71">
        <v>4</v>
      </c>
      <c r="IX18" s="72">
        <v>5</v>
      </c>
      <c r="IY18" s="244"/>
      <c r="IZ18" s="71">
        <v>8</v>
      </c>
      <c r="JA18" s="71">
        <v>5</v>
      </c>
      <c r="JB18" s="71">
        <v>2</v>
      </c>
      <c r="JC18" s="71">
        <v>4</v>
      </c>
      <c r="JD18" s="71">
        <v>2</v>
      </c>
      <c r="JE18" s="72">
        <v>21</v>
      </c>
      <c r="JF18" s="73">
        <v>26</v>
      </c>
      <c r="JG18" s="70">
        <v>6</v>
      </c>
      <c r="JH18" s="71">
        <v>4</v>
      </c>
      <c r="JI18" s="72">
        <v>10</v>
      </c>
      <c r="JJ18" s="244"/>
      <c r="JK18" s="71">
        <v>7</v>
      </c>
      <c r="JL18" s="71">
        <v>8</v>
      </c>
      <c r="JM18" s="71">
        <v>3</v>
      </c>
      <c r="JN18" s="71">
        <v>4</v>
      </c>
      <c r="JO18" s="71">
        <v>4</v>
      </c>
      <c r="JP18" s="72">
        <v>26</v>
      </c>
      <c r="JQ18" s="73">
        <v>36</v>
      </c>
      <c r="JR18" s="70">
        <v>0</v>
      </c>
      <c r="JS18" s="71">
        <v>0</v>
      </c>
      <c r="JT18" s="72">
        <v>0</v>
      </c>
      <c r="JU18" s="244"/>
      <c r="JV18" s="71">
        <v>0</v>
      </c>
      <c r="JW18" s="71">
        <v>0</v>
      </c>
      <c r="JX18" s="71">
        <v>0</v>
      </c>
      <c r="JY18" s="71">
        <v>0</v>
      </c>
      <c r="JZ18" s="71">
        <v>0</v>
      </c>
      <c r="KA18" s="72">
        <v>0</v>
      </c>
      <c r="KB18" s="73">
        <v>0</v>
      </c>
      <c r="KC18" s="70">
        <v>10</v>
      </c>
      <c r="KD18" s="71">
        <v>19</v>
      </c>
      <c r="KE18" s="72">
        <v>29</v>
      </c>
      <c r="KF18" s="244"/>
      <c r="KG18" s="71">
        <v>27</v>
      </c>
      <c r="KH18" s="71">
        <v>23</v>
      </c>
      <c r="KI18" s="71">
        <v>11</v>
      </c>
      <c r="KJ18" s="71">
        <v>14</v>
      </c>
      <c r="KK18" s="71">
        <v>11</v>
      </c>
      <c r="KL18" s="72">
        <v>86</v>
      </c>
      <c r="KM18" s="73">
        <v>115</v>
      </c>
    </row>
    <row r="19" spans="2:299" ht="21" customHeight="1" x14ac:dyDescent="0.2">
      <c r="B19" s="126" t="s">
        <v>16</v>
      </c>
      <c r="C19" s="315">
        <v>31</v>
      </c>
      <c r="D19" s="82">
        <v>30</v>
      </c>
      <c r="E19" s="83">
        <v>61</v>
      </c>
      <c r="F19" s="241"/>
      <c r="G19" s="82">
        <v>52</v>
      </c>
      <c r="H19" s="82">
        <v>60</v>
      </c>
      <c r="I19" s="82">
        <v>44</v>
      </c>
      <c r="J19" s="82">
        <v>28</v>
      </c>
      <c r="K19" s="82">
        <v>19</v>
      </c>
      <c r="L19" s="84">
        <v>203</v>
      </c>
      <c r="M19" s="85">
        <v>264</v>
      </c>
      <c r="N19" s="70">
        <v>0</v>
      </c>
      <c r="O19" s="71">
        <v>2</v>
      </c>
      <c r="P19" s="72">
        <v>2</v>
      </c>
      <c r="Q19" s="244"/>
      <c r="R19" s="71">
        <v>1</v>
      </c>
      <c r="S19" s="71">
        <v>2</v>
      </c>
      <c r="T19" s="71">
        <v>1</v>
      </c>
      <c r="U19" s="71">
        <v>0</v>
      </c>
      <c r="V19" s="71">
        <v>3</v>
      </c>
      <c r="W19" s="72">
        <v>7</v>
      </c>
      <c r="X19" s="73">
        <v>9</v>
      </c>
      <c r="Y19" s="70">
        <v>4</v>
      </c>
      <c r="Z19" s="71">
        <v>6</v>
      </c>
      <c r="AA19" s="72">
        <v>10</v>
      </c>
      <c r="AB19" s="244"/>
      <c r="AC19" s="71">
        <v>7</v>
      </c>
      <c r="AD19" s="71">
        <v>7</v>
      </c>
      <c r="AE19" s="71">
        <v>3</v>
      </c>
      <c r="AF19" s="71">
        <v>4</v>
      </c>
      <c r="AG19" s="71">
        <v>1</v>
      </c>
      <c r="AH19" s="72">
        <v>22</v>
      </c>
      <c r="AI19" s="73">
        <v>32</v>
      </c>
      <c r="AJ19" s="70">
        <v>7</v>
      </c>
      <c r="AK19" s="71">
        <v>5</v>
      </c>
      <c r="AL19" s="72">
        <v>12</v>
      </c>
      <c r="AM19" s="244"/>
      <c r="AN19" s="71">
        <v>5</v>
      </c>
      <c r="AO19" s="71">
        <v>10</v>
      </c>
      <c r="AP19" s="71">
        <v>8</v>
      </c>
      <c r="AQ19" s="71">
        <v>5</v>
      </c>
      <c r="AR19" s="71">
        <v>1</v>
      </c>
      <c r="AS19" s="72">
        <v>29</v>
      </c>
      <c r="AT19" s="73">
        <v>41</v>
      </c>
      <c r="AU19" s="70">
        <v>5</v>
      </c>
      <c r="AV19" s="71">
        <v>4</v>
      </c>
      <c r="AW19" s="72">
        <v>9</v>
      </c>
      <c r="AX19" s="244"/>
      <c r="AY19" s="71">
        <v>15</v>
      </c>
      <c r="AZ19" s="71">
        <v>16</v>
      </c>
      <c r="BA19" s="71">
        <v>11</v>
      </c>
      <c r="BB19" s="71">
        <v>3</v>
      </c>
      <c r="BC19" s="71">
        <v>6</v>
      </c>
      <c r="BD19" s="72">
        <v>51</v>
      </c>
      <c r="BE19" s="73">
        <v>60</v>
      </c>
      <c r="BF19" s="70">
        <v>11</v>
      </c>
      <c r="BG19" s="71">
        <v>11</v>
      </c>
      <c r="BH19" s="72">
        <v>22</v>
      </c>
      <c r="BI19" s="244"/>
      <c r="BJ19" s="71">
        <v>10</v>
      </c>
      <c r="BK19" s="71">
        <v>11</v>
      </c>
      <c r="BL19" s="71">
        <v>13</v>
      </c>
      <c r="BM19" s="71">
        <v>5</v>
      </c>
      <c r="BN19" s="71">
        <v>4</v>
      </c>
      <c r="BO19" s="72">
        <v>43</v>
      </c>
      <c r="BP19" s="73">
        <v>65</v>
      </c>
      <c r="BQ19" s="70">
        <v>4</v>
      </c>
      <c r="BR19" s="71">
        <v>2</v>
      </c>
      <c r="BS19" s="72">
        <v>6</v>
      </c>
      <c r="BT19" s="244"/>
      <c r="BU19" s="71">
        <v>14</v>
      </c>
      <c r="BV19" s="71">
        <v>14</v>
      </c>
      <c r="BW19" s="71">
        <v>8</v>
      </c>
      <c r="BX19" s="71">
        <v>11</v>
      </c>
      <c r="BY19" s="71">
        <v>4</v>
      </c>
      <c r="BZ19" s="72">
        <v>51</v>
      </c>
      <c r="CA19" s="73">
        <v>57</v>
      </c>
      <c r="CB19" s="70">
        <v>0</v>
      </c>
      <c r="CC19" s="71">
        <v>0</v>
      </c>
      <c r="CD19" s="72">
        <v>0</v>
      </c>
      <c r="CE19" s="244"/>
      <c r="CF19" s="71">
        <v>0</v>
      </c>
      <c r="CG19" s="71">
        <v>0</v>
      </c>
      <c r="CH19" s="71">
        <v>0</v>
      </c>
      <c r="CI19" s="71">
        <v>0</v>
      </c>
      <c r="CJ19" s="71">
        <v>0</v>
      </c>
      <c r="CK19" s="72">
        <v>0</v>
      </c>
      <c r="CL19" s="73">
        <v>0</v>
      </c>
      <c r="CM19" s="70">
        <v>31</v>
      </c>
      <c r="CN19" s="71">
        <v>30</v>
      </c>
      <c r="CO19" s="72">
        <v>61</v>
      </c>
      <c r="CP19" s="244"/>
      <c r="CQ19" s="71">
        <v>52</v>
      </c>
      <c r="CR19" s="71">
        <v>60</v>
      </c>
      <c r="CS19" s="71">
        <v>44</v>
      </c>
      <c r="CT19" s="71">
        <v>28</v>
      </c>
      <c r="CU19" s="71">
        <v>19</v>
      </c>
      <c r="CV19" s="72">
        <v>203</v>
      </c>
      <c r="CW19" s="73">
        <v>264</v>
      </c>
      <c r="CX19" s="123">
        <v>10</v>
      </c>
      <c r="CY19" s="82">
        <v>12</v>
      </c>
      <c r="CZ19" s="83">
        <v>22</v>
      </c>
      <c r="DA19" s="241"/>
      <c r="DB19" s="82">
        <v>25</v>
      </c>
      <c r="DC19" s="82">
        <v>22</v>
      </c>
      <c r="DD19" s="82">
        <v>18</v>
      </c>
      <c r="DE19" s="82">
        <v>16</v>
      </c>
      <c r="DF19" s="82">
        <v>14</v>
      </c>
      <c r="DG19" s="84">
        <v>95</v>
      </c>
      <c r="DH19" s="85">
        <v>117</v>
      </c>
      <c r="DI19" s="70">
        <v>0</v>
      </c>
      <c r="DJ19" s="71">
        <v>0</v>
      </c>
      <c r="DK19" s="72">
        <v>0</v>
      </c>
      <c r="DL19" s="244"/>
      <c r="DM19" s="71">
        <v>1</v>
      </c>
      <c r="DN19" s="71">
        <v>0</v>
      </c>
      <c r="DO19" s="71">
        <v>0</v>
      </c>
      <c r="DP19" s="71">
        <v>1</v>
      </c>
      <c r="DQ19" s="71">
        <v>0</v>
      </c>
      <c r="DR19" s="72">
        <v>2</v>
      </c>
      <c r="DS19" s="73">
        <v>2</v>
      </c>
      <c r="DT19" s="70">
        <v>1</v>
      </c>
      <c r="DU19" s="71">
        <v>1</v>
      </c>
      <c r="DV19" s="72">
        <v>2</v>
      </c>
      <c r="DW19" s="244"/>
      <c r="DX19" s="71">
        <v>4</v>
      </c>
      <c r="DY19" s="71">
        <v>2</v>
      </c>
      <c r="DZ19" s="71">
        <v>2</v>
      </c>
      <c r="EA19" s="71">
        <v>0</v>
      </c>
      <c r="EB19" s="71">
        <v>1</v>
      </c>
      <c r="EC19" s="72">
        <v>9</v>
      </c>
      <c r="ED19" s="73">
        <v>11</v>
      </c>
      <c r="EE19" s="70">
        <v>1</v>
      </c>
      <c r="EF19" s="71">
        <v>2</v>
      </c>
      <c r="EG19" s="72">
        <v>3</v>
      </c>
      <c r="EH19" s="244"/>
      <c r="EI19" s="71">
        <v>1</v>
      </c>
      <c r="EJ19" s="71">
        <v>2</v>
      </c>
      <c r="EK19" s="71">
        <v>2</v>
      </c>
      <c r="EL19" s="71">
        <v>1</v>
      </c>
      <c r="EM19" s="71">
        <v>1</v>
      </c>
      <c r="EN19" s="72">
        <v>7</v>
      </c>
      <c r="EO19" s="73">
        <v>10</v>
      </c>
      <c r="EP19" s="70">
        <v>7</v>
      </c>
      <c r="EQ19" s="71">
        <v>4</v>
      </c>
      <c r="ER19" s="72">
        <v>11</v>
      </c>
      <c r="ES19" s="244"/>
      <c r="ET19" s="71">
        <v>4</v>
      </c>
      <c r="EU19" s="71">
        <v>6</v>
      </c>
      <c r="EV19" s="71">
        <v>0</v>
      </c>
      <c r="EW19" s="71">
        <v>0</v>
      </c>
      <c r="EX19" s="71">
        <v>1</v>
      </c>
      <c r="EY19" s="72">
        <v>11</v>
      </c>
      <c r="EZ19" s="73">
        <v>22</v>
      </c>
      <c r="FA19" s="70">
        <v>0</v>
      </c>
      <c r="FB19" s="71">
        <v>3</v>
      </c>
      <c r="FC19" s="72">
        <v>3</v>
      </c>
      <c r="FD19" s="244"/>
      <c r="FE19" s="71">
        <v>10</v>
      </c>
      <c r="FF19" s="71">
        <v>6</v>
      </c>
      <c r="FG19" s="71">
        <v>7</v>
      </c>
      <c r="FH19" s="71">
        <v>4</v>
      </c>
      <c r="FI19" s="71">
        <v>2</v>
      </c>
      <c r="FJ19" s="72">
        <v>29</v>
      </c>
      <c r="FK19" s="73">
        <v>32</v>
      </c>
      <c r="FL19" s="70">
        <v>1</v>
      </c>
      <c r="FM19" s="71">
        <v>2</v>
      </c>
      <c r="FN19" s="72">
        <v>3</v>
      </c>
      <c r="FO19" s="244"/>
      <c r="FP19" s="71">
        <v>5</v>
      </c>
      <c r="FQ19" s="71">
        <v>6</v>
      </c>
      <c r="FR19" s="71">
        <v>7</v>
      </c>
      <c r="FS19" s="71">
        <v>10</v>
      </c>
      <c r="FT19" s="71">
        <v>9</v>
      </c>
      <c r="FU19" s="72">
        <v>37</v>
      </c>
      <c r="FV19" s="73">
        <v>40</v>
      </c>
      <c r="FW19" s="70">
        <v>0</v>
      </c>
      <c r="FX19" s="71">
        <v>0</v>
      </c>
      <c r="FY19" s="72">
        <v>0</v>
      </c>
      <c r="FZ19" s="244"/>
      <c r="GA19" s="71">
        <v>0</v>
      </c>
      <c r="GB19" s="71">
        <v>0</v>
      </c>
      <c r="GC19" s="71">
        <v>0</v>
      </c>
      <c r="GD19" s="71">
        <v>0</v>
      </c>
      <c r="GE19" s="71">
        <v>0</v>
      </c>
      <c r="GF19" s="72">
        <v>0</v>
      </c>
      <c r="GG19" s="73">
        <v>0</v>
      </c>
      <c r="GH19" s="70">
        <v>10</v>
      </c>
      <c r="GI19" s="71">
        <v>12</v>
      </c>
      <c r="GJ19" s="72">
        <v>22</v>
      </c>
      <c r="GK19" s="244"/>
      <c r="GL19" s="71">
        <v>25</v>
      </c>
      <c r="GM19" s="71">
        <v>22</v>
      </c>
      <c r="GN19" s="71">
        <v>18</v>
      </c>
      <c r="GO19" s="71">
        <v>16</v>
      </c>
      <c r="GP19" s="71">
        <v>14</v>
      </c>
      <c r="GQ19" s="72">
        <v>95</v>
      </c>
      <c r="GR19" s="73">
        <v>117</v>
      </c>
      <c r="GS19" s="123">
        <v>41</v>
      </c>
      <c r="GT19" s="82">
        <v>42</v>
      </c>
      <c r="GU19" s="83">
        <v>83</v>
      </c>
      <c r="GV19" s="241"/>
      <c r="GW19" s="82">
        <v>77</v>
      </c>
      <c r="GX19" s="82">
        <v>82</v>
      </c>
      <c r="GY19" s="82">
        <v>62</v>
      </c>
      <c r="GZ19" s="82">
        <v>44</v>
      </c>
      <c r="HA19" s="82">
        <v>33</v>
      </c>
      <c r="HB19" s="84">
        <v>298</v>
      </c>
      <c r="HC19" s="85">
        <v>381</v>
      </c>
      <c r="HD19" s="70">
        <v>0</v>
      </c>
      <c r="HE19" s="71">
        <v>2</v>
      </c>
      <c r="HF19" s="72">
        <v>2</v>
      </c>
      <c r="HG19" s="244"/>
      <c r="HH19" s="71">
        <v>2</v>
      </c>
      <c r="HI19" s="71">
        <v>2</v>
      </c>
      <c r="HJ19" s="71">
        <v>1</v>
      </c>
      <c r="HK19" s="71">
        <v>1</v>
      </c>
      <c r="HL19" s="71">
        <v>3</v>
      </c>
      <c r="HM19" s="72">
        <v>9</v>
      </c>
      <c r="HN19" s="73">
        <v>11</v>
      </c>
      <c r="HO19" s="70">
        <v>5</v>
      </c>
      <c r="HP19" s="71">
        <v>7</v>
      </c>
      <c r="HQ19" s="72">
        <v>12</v>
      </c>
      <c r="HR19" s="244"/>
      <c r="HS19" s="71">
        <v>11</v>
      </c>
      <c r="HT19" s="71">
        <v>9</v>
      </c>
      <c r="HU19" s="71">
        <v>5</v>
      </c>
      <c r="HV19" s="71">
        <v>4</v>
      </c>
      <c r="HW19" s="71">
        <v>2</v>
      </c>
      <c r="HX19" s="72">
        <v>31</v>
      </c>
      <c r="HY19" s="73">
        <v>43</v>
      </c>
      <c r="HZ19" s="70">
        <v>8</v>
      </c>
      <c r="IA19" s="71">
        <v>7</v>
      </c>
      <c r="IB19" s="72">
        <v>15</v>
      </c>
      <c r="IC19" s="244"/>
      <c r="ID19" s="71">
        <v>6</v>
      </c>
      <c r="IE19" s="71">
        <v>12</v>
      </c>
      <c r="IF19" s="71">
        <v>10</v>
      </c>
      <c r="IG19" s="71">
        <v>6</v>
      </c>
      <c r="IH19" s="71">
        <v>2</v>
      </c>
      <c r="II19" s="72">
        <v>36</v>
      </c>
      <c r="IJ19" s="73">
        <v>51</v>
      </c>
      <c r="IK19" s="70">
        <v>12</v>
      </c>
      <c r="IL19" s="71">
        <v>8</v>
      </c>
      <c r="IM19" s="72">
        <v>20</v>
      </c>
      <c r="IN19" s="244"/>
      <c r="IO19" s="71">
        <v>19</v>
      </c>
      <c r="IP19" s="71">
        <v>22</v>
      </c>
      <c r="IQ19" s="71">
        <v>11</v>
      </c>
      <c r="IR19" s="71">
        <v>3</v>
      </c>
      <c r="IS19" s="71">
        <v>7</v>
      </c>
      <c r="IT19" s="72">
        <v>62</v>
      </c>
      <c r="IU19" s="73">
        <v>82</v>
      </c>
      <c r="IV19" s="70">
        <v>11</v>
      </c>
      <c r="IW19" s="71">
        <v>14</v>
      </c>
      <c r="IX19" s="72">
        <v>25</v>
      </c>
      <c r="IY19" s="244"/>
      <c r="IZ19" s="71">
        <v>20</v>
      </c>
      <c r="JA19" s="71">
        <v>17</v>
      </c>
      <c r="JB19" s="71">
        <v>20</v>
      </c>
      <c r="JC19" s="71">
        <v>9</v>
      </c>
      <c r="JD19" s="71">
        <v>6</v>
      </c>
      <c r="JE19" s="72">
        <v>72</v>
      </c>
      <c r="JF19" s="73">
        <v>97</v>
      </c>
      <c r="JG19" s="70">
        <v>5</v>
      </c>
      <c r="JH19" s="71">
        <v>4</v>
      </c>
      <c r="JI19" s="72">
        <v>9</v>
      </c>
      <c r="JJ19" s="244"/>
      <c r="JK19" s="71">
        <v>19</v>
      </c>
      <c r="JL19" s="71">
        <v>20</v>
      </c>
      <c r="JM19" s="71">
        <v>15</v>
      </c>
      <c r="JN19" s="71">
        <v>21</v>
      </c>
      <c r="JO19" s="71">
        <v>13</v>
      </c>
      <c r="JP19" s="72">
        <v>88</v>
      </c>
      <c r="JQ19" s="73">
        <v>97</v>
      </c>
      <c r="JR19" s="70">
        <v>0</v>
      </c>
      <c r="JS19" s="71">
        <v>0</v>
      </c>
      <c r="JT19" s="72">
        <v>0</v>
      </c>
      <c r="JU19" s="244"/>
      <c r="JV19" s="71">
        <v>0</v>
      </c>
      <c r="JW19" s="71">
        <v>0</v>
      </c>
      <c r="JX19" s="71">
        <v>0</v>
      </c>
      <c r="JY19" s="71">
        <v>0</v>
      </c>
      <c r="JZ19" s="71">
        <v>0</v>
      </c>
      <c r="KA19" s="72">
        <v>0</v>
      </c>
      <c r="KB19" s="73">
        <v>0</v>
      </c>
      <c r="KC19" s="70">
        <v>41</v>
      </c>
      <c r="KD19" s="71">
        <v>42</v>
      </c>
      <c r="KE19" s="72">
        <v>83</v>
      </c>
      <c r="KF19" s="244"/>
      <c r="KG19" s="71">
        <v>77</v>
      </c>
      <c r="KH19" s="71">
        <v>82</v>
      </c>
      <c r="KI19" s="71">
        <v>62</v>
      </c>
      <c r="KJ19" s="71">
        <v>44</v>
      </c>
      <c r="KK19" s="71">
        <v>33</v>
      </c>
      <c r="KL19" s="72">
        <v>298</v>
      </c>
      <c r="KM19" s="73">
        <v>381</v>
      </c>
    </row>
    <row r="20" spans="2:299" ht="21" customHeight="1" x14ac:dyDescent="0.2">
      <c r="B20" s="126" t="s">
        <v>17</v>
      </c>
      <c r="C20" s="315">
        <v>41</v>
      </c>
      <c r="D20" s="82">
        <v>46</v>
      </c>
      <c r="E20" s="83">
        <v>87</v>
      </c>
      <c r="F20" s="241"/>
      <c r="G20" s="82">
        <v>68</v>
      </c>
      <c r="H20" s="82">
        <v>84</v>
      </c>
      <c r="I20" s="82">
        <v>57</v>
      </c>
      <c r="J20" s="82">
        <v>46</v>
      </c>
      <c r="K20" s="82">
        <v>30</v>
      </c>
      <c r="L20" s="84">
        <v>285</v>
      </c>
      <c r="M20" s="85">
        <v>372</v>
      </c>
      <c r="N20" s="70">
        <v>0</v>
      </c>
      <c r="O20" s="71">
        <v>2</v>
      </c>
      <c r="P20" s="72">
        <v>2</v>
      </c>
      <c r="Q20" s="244"/>
      <c r="R20" s="71">
        <v>2</v>
      </c>
      <c r="S20" s="71">
        <v>3</v>
      </c>
      <c r="T20" s="71">
        <v>2</v>
      </c>
      <c r="U20" s="71">
        <v>5</v>
      </c>
      <c r="V20" s="71">
        <v>0</v>
      </c>
      <c r="W20" s="72">
        <v>12</v>
      </c>
      <c r="X20" s="73">
        <v>14</v>
      </c>
      <c r="Y20" s="70">
        <v>5</v>
      </c>
      <c r="Z20" s="71">
        <v>8</v>
      </c>
      <c r="AA20" s="72">
        <v>13</v>
      </c>
      <c r="AB20" s="244"/>
      <c r="AC20" s="71">
        <v>4</v>
      </c>
      <c r="AD20" s="71">
        <v>10</v>
      </c>
      <c r="AE20" s="71">
        <v>7</v>
      </c>
      <c r="AF20" s="71">
        <v>3</v>
      </c>
      <c r="AG20" s="71">
        <v>1</v>
      </c>
      <c r="AH20" s="72">
        <v>25</v>
      </c>
      <c r="AI20" s="73">
        <v>38</v>
      </c>
      <c r="AJ20" s="70">
        <v>7</v>
      </c>
      <c r="AK20" s="71">
        <v>5</v>
      </c>
      <c r="AL20" s="72">
        <v>12</v>
      </c>
      <c r="AM20" s="244"/>
      <c r="AN20" s="71">
        <v>9</v>
      </c>
      <c r="AO20" s="71">
        <v>7</v>
      </c>
      <c r="AP20" s="71">
        <v>14</v>
      </c>
      <c r="AQ20" s="71">
        <v>8</v>
      </c>
      <c r="AR20" s="71">
        <v>6</v>
      </c>
      <c r="AS20" s="72">
        <v>44</v>
      </c>
      <c r="AT20" s="73">
        <v>56</v>
      </c>
      <c r="AU20" s="70">
        <v>6</v>
      </c>
      <c r="AV20" s="71">
        <v>9</v>
      </c>
      <c r="AW20" s="72">
        <v>15</v>
      </c>
      <c r="AX20" s="244"/>
      <c r="AY20" s="71">
        <v>19</v>
      </c>
      <c r="AZ20" s="71">
        <v>21</v>
      </c>
      <c r="BA20" s="71">
        <v>12</v>
      </c>
      <c r="BB20" s="71">
        <v>8</v>
      </c>
      <c r="BC20" s="71">
        <v>4</v>
      </c>
      <c r="BD20" s="72">
        <v>64</v>
      </c>
      <c r="BE20" s="73">
        <v>79</v>
      </c>
      <c r="BF20" s="70">
        <v>13</v>
      </c>
      <c r="BG20" s="71">
        <v>11</v>
      </c>
      <c r="BH20" s="72">
        <v>24</v>
      </c>
      <c r="BI20" s="244"/>
      <c r="BJ20" s="71">
        <v>22</v>
      </c>
      <c r="BK20" s="71">
        <v>22</v>
      </c>
      <c r="BL20" s="71">
        <v>9</v>
      </c>
      <c r="BM20" s="71">
        <v>12</v>
      </c>
      <c r="BN20" s="71">
        <v>11</v>
      </c>
      <c r="BO20" s="72">
        <v>76</v>
      </c>
      <c r="BP20" s="73">
        <v>100</v>
      </c>
      <c r="BQ20" s="70">
        <v>10</v>
      </c>
      <c r="BR20" s="71">
        <v>11</v>
      </c>
      <c r="BS20" s="72">
        <v>21</v>
      </c>
      <c r="BT20" s="244"/>
      <c r="BU20" s="71">
        <v>12</v>
      </c>
      <c r="BV20" s="71">
        <v>21</v>
      </c>
      <c r="BW20" s="71">
        <v>13</v>
      </c>
      <c r="BX20" s="71">
        <v>10</v>
      </c>
      <c r="BY20" s="71">
        <v>8</v>
      </c>
      <c r="BZ20" s="72">
        <v>64</v>
      </c>
      <c r="CA20" s="73">
        <v>85</v>
      </c>
      <c r="CB20" s="70">
        <v>0</v>
      </c>
      <c r="CC20" s="71">
        <v>0</v>
      </c>
      <c r="CD20" s="72">
        <v>0</v>
      </c>
      <c r="CE20" s="244"/>
      <c r="CF20" s="71">
        <v>0</v>
      </c>
      <c r="CG20" s="71">
        <v>0</v>
      </c>
      <c r="CH20" s="71">
        <v>0</v>
      </c>
      <c r="CI20" s="71">
        <v>0</v>
      </c>
      <c r="CJ20" s="71">
        <v>0</v>
      </c>
      <c r="CK20" s="72">
        <v>0</v>
      </c>
      <c r="CL20" s="73">
        <v>0</v>
      </c>
      <c r="CM20" s="70">
        <v>41</v>
      </c>
      <c r="CN20" s="71">
        <v>46</v>
      </c>
      <c r="CO20" s="72">
        <v>87</v>
      </c>
      <c r="CP20" s="244"/>
      <c r="CQ20" s="71">
        <v>68</v>
      </c>
      <c r="CR20" s="71">
        <v>84</v>
      </c>
      <c r="CS20" s="71">
        <v>57</v>
      </c>
      <c r="CT20" s="71">
        <v>46</v>
      </c>
      <c r="CU20" s="71">
        <v>30</v>
      </c>
      <c r="CV20" s="72">
        <v>285</v>
      </c>
      <c r="CW20" s="73">
        <v>372</v>
      </c>
      <c r="CX20" s="123">
        <v>25</v>
      </c>
      <c r="CY20" s="82">
        <v>19</v>
      </c>
      <c r="CZ20" s="83">
        <v>44</v>
      </c>
      <c r="DA20" s="241"/>
      <c r="DB20" s="82">
        <v>33</v>
      </c>
      <c r="DC20" s="82">
        <v>29</v>
      </c>
      <c r="DD20" s="82">
        <v>35</v>
      </c>
      <c r="DE20" s="82">
        <v>26</v>
      </c>
      <c r="DF20" s="82">
        <v>24</v>
      </c>
      <c r="DG20" s="84">
        <v>147</v>
      </c>
      <c r="DH20" s="85">
        <v>191</v>
      </c>
      <c r="DI20" s="70">
        <v>2</v>
      </c>
      <c r="DJ20" s="71">
        <v>1</v>
      </c>
      <c r="DK20" s="72">
        <v>3</v>
      </c>
      <c r="DL20" s="244"/>
      <c r="DM20" s="71">
        <v>0</v>
      </c>
      <c r="DN20" s="71">
        <v>0</v>
      </c>
      <c r="DO20" s="71">
        <v>0</v>
      </c>
      <c r="DP20" s="71">
        <v>0</v>
      </c>
      <c r="DQ20" s="71">
        <v>1</v>
      </c>
      <c r="DR20" s="72">
        <v>1</v>
      </c>
      <c r="DS20" s="73">
        <v>4</v>
      </c>
      <c r="DT20" s="70">
        <v>1</v>
      </c>
      <c r="DU20" s="71">
        <v>1</v>
      </c>
      <c r="DV20" s="72">
        <v>2</v>
      </c>
      <c r="DW20" s="244"/>
      <c r="DX20" s="71">
        <v>2</v>
      </c>
      <c r="DY20" s="71">
        <v>2</v>
      </c>
      <c r="DZ20" s="71">
        <v>0</v>
      </c>
      <c r="EA20" s="71">
        <v>4</v>
      </c>
      <c r="EB20" s="71">
        <v>0</v>
      </c>
      <c r="EC20" s="72">
        <v>8</v>
      </c>
      <c r="ED20" s="73">
        <v>10</v>
      </c>
      <c r="EE20" s="70">
        <v>5</v>
      </c>
      <c r="EF20" s="71">
        <v>2</v>
      </c>
      <c r="EG20" s="72">
        <v>7</v>
      </c>
      <c r="EH20" s="244"/>
      <c r="EI20" s="71">
        <v>4</v>
      </c>
      <c r="EJ20" s="71">
        <v>5</v>
      </c>
      <c r="EK20" s="71">
        <v>1</v>
      </c>
      <c r="EL20" s="71">
        <v>0</v>
      </c>
      <c r="EM20" s="71">
        <v>1</v>
      </c>
      <c r="EN20" s="72">
        <v>11</v>
      </c>
      <c r="EO20" s="73">
        <v>18</v>
      </c>
      <c r="EP20" s="70">
        <v>5</v>
      </c>
      <c r="EQ20" s="71">
        <v>10</v>
      </c>
      <c r="ER20" s="72">
        <v>15</v>
      </c>
      <c r="ES20" s="244"/>
      <c r="ET20" s="71">
        <v>11</v>
      </c>
      <c r="EU20" s="71">
        <v>5</v>
      </c>
      <c r="EV20" s="71">
        <v>8</v>
      </c>
      <c r="EW20" s="71">
        <v>3</v>
      </c>
      <c r="EX20" s="71">
        <v>8</v>
      </c>
      <c r="EY20" s="72">
        <v>35</v>
      </c>
      <c r="EZ20" s="73">
        <v>50</v>
      </c>
      <c r="FA20" s="70">
        <v>5</v>
      </c>
      <c r="FB20" s="71">
        <v>5</v>
      </c>
      <c r="FC20" s="72">
        <v>10</v>
      </c>
      <c r="FD20" s="244"/>
      <c r="FE20" s="71">
        <v>9</v>
      </c>
      <c r="FF20" s="71">
        <v>5</v>
      </c>
      <c r="FG20" s="71">
        <v>10</v>
      </c>
      <c r="FH20" s="71">
        <v>3</v>
      </c>
      <c r="FI20" s="71">
        <v>2</v>
      </c>
      <c r="FJ20" s="72">
        <v>29</v>
      </c>
      <c r="FK20" s="73">
        <v>39</v>
      </c>
      <c r="FL20" s="70">
        <v>7</v>
      </c>
      <c r="FM20" s="71">
        <v>0</v>
      </c>
      <c r="FN20" s="72">
        <v>7</v>
      </c>
      <c r="FO20" s="244"/>
      <c r="FP20" s="71">
        <v>7</v>
      </c>
      <c r="FQ20" s="71">
        <v>12</v>
      </c>
      <c r="FR20" s="71">
        <v>16</v>
      </c>
      <c r="FS20" s="71">
        <v>16</v>
      </c>
      <c r="FT20" s="71">
        <v>12</v>
      </c>
      <c r="FU20" s="72">
        <v>63</v>
      </c>
      <c r="FV20" s="73">
        <v>70</v>
      </c>
      <c r="FW20" s="70">
        <v>0</v>
      </c>
      <c r="FX20" s="71">
        <v>0</v>
      </c>
      <c r="FY20" s="72">
        <v>0</v>
      </c>
      <c r="FZ20" s="244"/>
      <c r="GA20" s="71">
        <v>0</v>
      </c>
      <c r="GB20" s="71">
        <v>0</v>
      </c>
      <c r="GC20" s="71">
        <v>0</v>
      </c>
      <c r="GD20" s="71">
        <v>0</v>
      </c>
      <c r="GE20" s="71">
        <v>0</v>
      </c>
      <c r="GF20" s="72">
        <v>0</v>
      </c>
      <c r="GG20" s="73">
        <v>0</v>
      </c>
      <c r="GH20" s="70">
        <v>25</v>
      </c>
      <c r="GI20" s="71">
        <v>19</v>
      </c>
      <c r="GJ20" s="72">
        <v>44</v>
      </c>
      <c r="GK20" s="244"/>
      <c r="GL20" s="71">
        <v>33</v>
      </c>
      <c r="GM20" s="71">
        <v>29</v>
      </c>
      <c r="GN20" s="71">
        <v>35</v>
      </c>
      <c r="GO20" s="71">
        <v>26</v>
      </c>
      <c r="GP20" s="71">
        <v>24</v>
      </c>
      <c r="GQ20" s="72">
        <v>147</v>
      </c>
      <c r="GR20" s="73">
        <v>191</v>
      </c>
      <c r="GS20" s="123">
        <v>66</v>
      </c>
      <c r="GT20" s="82">
        <v>65</v>
      </c>
      <c r="GU20" s="83">
        <v>131</v>
      </c>
      <c r="GV20" s="241"/>
      <c r="GW20" s="82">
        <v>101</v>
      </c>
      <c r="GX20" s="82">
        <v>113</v>
      </c>
      <c r="GY20" s="82">
        <v>92</v>
      </c>
      <c r="GZ20" s="82">
        <v>72</v>
      </c>
      <c r="HA20" s="82">
        <v>54</v>
      </c>
      <c r="HB20" s="84">
        <v>432</v>
      </c>
      <c r="HC20" s="85">
        <v>563</v>
      </c>
      <c r="HD20" s="70">
        <v>2</v>
      </c>
      <c r="HE20" s="71">
        <v>3</v>
      </c>
      <c r="HF20" s="72">
        <v>5</v>
      </c>
      <c r="HG20" s="244"/>
      <c r="HH20" s="71">
        <v>2</v>
      </c>
      <c r="HI20" s="71">
        <v>3</v>
      </c>
      <c r="HJ20" s="71">
        <v>2</v>
      </c>
      <c r="HK20" s="71">
        <v>5</v>
      </c>
      <c r="HL20" s="71">
        <v>1</v>
      </c>
      <c r="HM20" s="72">
        <v>13</v>
      </c>
      <c r="HN20" s="73">
        <v>18</v>
      </c>
      <c r="HO20" s="70">
        <v>6</v>
      </c>
      <c r="HP20" s="71">
        <v>9</v>
      </c>
      <c r="HQ20" s="72">
        <v>15</v>
      </c>
      <c r="HR20" s="244"/>
      <c r="HS20" s="71">
        <v>6</v>
      </c>
      <c r="HT20" s="71">
        <v>12</v>
      </c>
      <c r="HU20" s="71">
        <v>7</v>
      </c>
      <c r="HV20" s="71">
        <v>7</v>
      </c>
      <c r="HW20" s="71">
        <v>1</v>
      </c>
      <c r="HX20" s="72">
        <v>33</v>
      </c>
      <c r="HY20" s="73">
        <v>48</v>
      </c>
      <c r="HZ20" s="70">
        <v>12</v>
      </c>
      <c r="IA20" s="71">
        <v>7</v>
      </c>
      <c r="IB20" s="72">
        <v>19</v>
      </c>
      <c r="IC20" s="244"/>
      <c r="ID20" s="71">
        <v>13</v>
      </c>
      <c r="IE20" s="71">
        <v>12</v>
      </c>
      <c r="IF20" s="71">
        <v>15</v>
      </c>
      <c r="IG20" s="71">
        <v>8</v>
      </c>
      <c r="IH20" s="71">
        <v>7</v>
      </c>
      <c r="II20" s="72">
        <v>55</v>
      </c>
      <c r="IJ20" s="73">
        <v>74</v>
      </c>
      <c r="IK20" s="70">
        <v>11</v>
      </c>
      <c r="IL20" s="71">
        <v>19</v>
      </c>
      <c r="IM20" s="72">
        <v>30</v>
      </c>
      <c r="IN20" s="244"/>
      <c r="IO20" s="71">
        <v>30</v>
      </c>
      <c r="IP20" s="71">
        <v>26</v>
      </c>
      <c r="IQ20" s="71">
        <v>20</v>
      </c>
      <c r="IR20" s="71">
        <v>11</v>
      </c>
      <c r="IS20" s="71">
        <v>12</v>
      </c>
      <c r="IT20" s="72">
        <v>99</v>
      </c>
      <c r="IU20" s="73">
        <v>129</v>
      </c>
      <c r="IV20" s="70">
        <v>18</v>
      </c>
      <c r="IW20" s="71">
        <v>16</v>
      </c>
      <c r="IX20" s="72">
        <v>34</v>
      </c>
      <c r="IY20" s="244"/>
      <c r="IZ20" s="71">
        <v>31</v>
      </c>
      <c r="JA20" s="71">
        <v>27</v>
      </c>
      <c r="JB20" s="71">
        <v>19</v>
      </c>
      <c r="JC20" s="71">
        <v>15</v>
      </c>
      <c r="JD20" s="71">
        <v>13</v>
      </c>
      <c r="JE20" s="72">
        <v>105</v>
      </c>
      <c r="JF20" s="73">
        <v>139</v>
      </c>
      <c r="JG20" s="70">
        <v>17</v>
      </c>
      <c r="JH20" s="71">
        <v>11</v>
      </c>
      <c r="JI20" s="72">
        <v>28</v>
      </c>
      <c r="JJ20" s="244"/>
      <c r="JK20" s="71">
        <v>19</v>
      </c>
      <c r="JL20" s="71">
        <v>33</v>
      </c>
      <c r="JM20" s="71">
        <v>29</v>
      </c>
      <c r="JN20" s="71">
        <v>26</v>
      </c>
      <c r="JO20" s="71">
        <v>20</v>
      </c>
      <c r="JP20" s="72">
        <v>127</v>
      </c>
      <c r="JQ20" s="73">
        <v>155</v>
      </c>
      <c r="JR20" s="70">
        <v>0</v>
      </c>
      <c r="JS20" s="71">
        <v>0</v>
      </c>
      <c r="JT20" s="72">
        <v>0</v>
      </c>
      <c r="JU20" s="244"/>
      <c r="JV20" s="71">
        <v>0</v>
      </c>
      <c r="JW20" s="71">
        <v>0</v>
      </c>
      <c r="JX20" s="71">
        <v>0</v>
      </c>
      <c r="JY20" s="71">
        <v>0</v>
      </c>
      <c r="JZ20" s="71">
        <v>0</v>
      </c>
      <c r="KA20" s="72">
        <v>0</v>
      </c>
      <c r="KB20" s="73">
        <v>0</v>
      </c>
      <c r="KC20" s="70">
        <v>66</v>
      </c>
      <c r="KD20" s="71">
        <v>65</v>
      </c>
      <c r="KE20" s="72">
        <v>131</v>
      </c>
      <c r="KF20" s="244"/>
      <c r="KG20" s="71">
        <v>101</v>
      </c>
      <c r="KH20" s="71">
        <v>113</v>
      </c>
      <c r="KI20" s="71">
        <v>92</v>
      </c>
      <c r="KJ20" s="71">
        <v>72</v>
      </c>
      <c r="KK20" s="71">
        <v>54</v>
      </c>
      <c r="KL20" s="72">
        <v>432</v>
      </c>
      <c r="KM20" s="73">
        <v>563</v>
      </c>
    </row>
    <row r="21" spans="2:299" ht="21" customHeight="1" x14ac:dyDescent="0.2">
      <c r="B21" s="126" t="s">
        <v>18</v>
      </c>
      <c r="C21" s="315">
        <v>60</v>
      </c>
      <c r="D21" s="82">
        <v>59</v>
      </c>
      <c r="E21" s="83">
        <v>119</v>
      </c>
      <c r="F21" s="241"/>
      <c r="G21" s="82">
        <v>111</v>
      </c>
      <c r="H21" s="82">
        <v>87</v>
      </c>
      <c r="I21" s="82">
        <v>50</v>
      </c>
      <c r="J21" s="82">
        <v>47</v>
      </c>
      <c r="K21" s="82">
        <v>30</v>
      </c>
      <c r="L21" s="84">
        <v>325</v>
      </c>
      <c r="M21" s="85">
        <v>444</v>
      </c>
      <c r="N21" s="70">
        <v>3</v>
      </c>
      <c r="O21" s="71">
        <v>3</v>
      </c>
      <c r="P21" s="72">
        <v>6</v>
      </c>
      <c r="Q21" s="244"/>
      <c r="R21" s="71">
        <v>4</v>
      </c>
      <c r="S21" s="71">
        <v>7</v>
      </c>
      <c r="T21" s="71">
        <v>4</v>
      </c>
      <c r="U21" s="71">
        <v>1</v>
      </c>
      <c r="V21" s="71">
        <v>1</v>
      </c>
      <c r="W21" s="72">
        <v>17</v>
      </c>
      <c r="X21" s="73">
        <v>23</v>
      </c>
      <c r="Y21" s="70">
        <v>11</v>
      </c>
      <c r="Z21" s="71">
        <v>8</v>
      </c>
      <c r="AA21" s="72">
        <v>19</v>
      </c>
      <c r="AB21" s="244"/>
      <c r="AC21" s="71">
        <v>12</v>
      </c>
      <c r="AD21" s="71">
        <v>12</v>
      </c>
      <c r="AE21" s="71">
        <v>6</v>
      </c>
      <c r="AF21" s="71">
        <v>4</v>
      </c>
      <c r="AG21" s="71">
        <v>3</v>
      </c>
      <c r="AH21" s="72">
        <v>37</v>
      </c>
      <c r="AI21" s="73">
        <v>56</v>
      </c>
      <c r="AJ21" s="70">
        <v>7</v>
      </c>
      <c r="AK21" s="71">
        <v>8</v>
      </c>
      <c r="AL21" s="72">
        <v>15</v>
      </c>
      <c r="AM21" s="244"/>
      <c r="AN21" s="71">
        <v>16</v>
      </c>
      <c r="AO21" s="71">
        <v>11</v>
      </c>
      <c r="AP21" s="71">
        <v>6</v>
      </c>
      <c r="AQ21" s="71">
        <v>6</v>
      </c>
      <c r="AR21" s="71">
        <v>6</v>
      </c>
      <c r="AS21" s="72">
        <v>45</v>
      </c>
      <c r="AT21" s="73">
        <v>60</v>
      </c>
      <c r="AU21" s="70">
        <v>15</v>
      </c>
      <c r="AV21" s="71">
        <v>10</v>
      </c>
      <c r="AW21" s="72">
        <v>25</v>
      </c>
      <c r="AX21" s="244"/>
      <c r="AY21" s="71">
        <v>21</v>
      </c>
      <c r="AZ21" s="71">
        <v>17</v>
      </c>
      <c r="BA21" s="71">
        <v>14</v>
      </c>
      <c r="BB21" s="71">
        <v>12</v>
      </c>
      <c r="BC21" s="71">
        <v>6</v>
      </c>
      <c r="BD21" s="72">
        <v>70</v>
      </c>
      <c r="BE21" s="73">
        <v>95</v>
      </c>
      <c r="BF21" s="70">
        <v>12</v>
      </c>
      <c r="BG21" s="71">
        <v>14</v>
      </c>
      <c r="BH21" s="72">
        <v>26</v>
      </c>
      <c r="BI21" s="244"/>
      <c r="BJ21" s="71">
        <v>35</v>
      </c>
      <c r="BK21" s="71">
        <v>22</v>
      </c>
      <c r="BL21" s="71">
        <v>10</v>
      </c>
      <c r="BM21" s="71">
        <v>11</v>
      </c>
      <c r="BN21" s="71">
        <v>7</v>
      </c>
      <c r="BO21" s="72">
        <v>85</v>
      </c>
      <c r="BP21" s="73">
        <v>111</v>
      </c>
      <c r="BQ21" s="70">
        <v>12</v>
      </c>
      <c r="BR21" s="71">
        <v>16</v>
      </c>
      <c r="BS21" s="72">
        <v>28</v>
      </c>
      <c r="BT21" s="244"/>
      <c r="BU21" s="71">
        <v>23</v>
      </c>
      <c r="BV21" s="71">
        <v>18</v>
      </c>
      <c r="BW21" s="71">
        <v>10</v>
      </c>
      <c r="BX21" s="71">
        <v>13</v>
      </c>
      <c r="BY21" s="71">
        <v>7</v>
      </c>
      <c r="BZ21" s="72">
        <v>71</v>
      </c>
      <c r="CA21" s="73">
        <v>99</v>
      </c>
      <c r="CB21" s="70">
        <v>0</v>
      </c>
      <c r="CC21" s="71">
        <v>0</v>
      </c>
      <c r="CD21" s="72">
        <v>0</v>
      </c>
      <c r="CE21" s="244"/>
      <c r="CF21" s="71">
        <v>0</v>
      </c>
      <c r="CG21" s="71">
        <v>0</v>
      </c>
      <c r="CH21" s="71">
        <v>0</v>
      </c>
      <c r="CI21" s="71">
        <v>0</v>
      </c>
      <c r="CJ21" s="71">
        <v>0</v>
      </c>
      <c r="CK21" s="72">
        <v>0</v>
      </c>
      <c r="CL21" s="73">
        <v>0</v>
      </c>
      <c r="CM21" s="70">
        <v>60</v>
      </c>
      <c r="CN21" s="71">
        <v>59</v>
      </c>
      <c r="CO21" s="72">
        <v>119</v>
      </c>
      <c r="CP21" s="244"/>
      <c r="CQ21" s="71">
        <v>111</v>
      </c>
      <c r="CR21" s="71">
        <v>87</v>
      </c>
      <c r="CS21" s="71">
        <v>50</v>
      </c>
      <c r="CT21" s="71">
        <v>47</v>
      </c>
      <c r="CU21" s="71">
        <v>30</v>
      </c>
      <c r="CV21" s="72">
        <v>325</v>
      </c>
      <c r="CW21" s="73">
        <v>444</v>
      </c>
      <c r="CX21" s="123">
        <v>23</v>
      </c>
      <c r="CY21" s="82">
        <v>33</v>
      </c>
      <c r="CZ21" s="83">
        <v>56</v>
      </c>
      <c r="DA21" s="241"/>
      <c r="DB21" s="82">
        <v>39</v>
      </c>
      <c r="DC21" s="82">
        <v>45</v>
      </c>
      <c r="DD21" s="82">
        <v>29</v>
      </c>
      <c r="DE21" s="82">
        <v>26</v>
      </c>
      <c r="DF21" s="82">
        <v>27</v>
      </c>
      <c r="DG21" s="84">
        <v>166</v>
      </c>
      <c r="DH21" s="85">
        <v>222</v>
      </c>
      <c r="DI21" s="70">
        <v>1</v>
      </c>
      <c r="DJ21" s="71">
        <v>2</v>
      </c>
      <c r="DK21" s="72">
        <v>3</v>
      </c>
      <c r="DL21" s="244"/>
      <c r="DM21" s="71">
        <v>1</v>
      </c>
      <c r="DN21" s="71">
        <v>1</v>
      </c>
      <c r="DO21" s="71">
        <v>0</v>
      </c>
      <c r="DP21" s="71">
        <v>0</v>
      </c>
      <c r="DQ21" s="71">
        <v>2</v>
      </c>
      <c r="DR21" s="72">
        <v>4</v>
      </c>
      <c r="DS21" s="73">
        <v>7</v>
      </c>
      <c r="DT21" s="70">
        <v>1</v>
      </c>
      <c r="DU21" s="71">
        <v>4</v>
      </c>
      <c r="DV21" s="72">
        <v>5</v>
      </c>
      <c r="DW21" s="244"/>
      <c r="DX21" s="71">
        <v>2</v>
      </c>
      <c r="DY21" s="71">
        <v>4</v>
      </c>
      <c r="DZ21" s="71">
        <v>1</v>
      </c>
      <c r="EA21" s="71">
        <v>0</v>
      </c>
      <c r="EB21" s="71">
        <v>1</v>
      </c>
      <c r="EC21" s="72">
        <v>8</v>
      </c>
      <c r="ED21" s="73">
        <v>13</v>
      </c>
      <c r="EE21" s="70">
        <v>9</v>
      </c>
      <c r="EF21" s="71">
        <v>8</v>
      </c>
      <c r="EG21" s="72">
        <v>17</v>
      </c>
      <c r="EH21" s="244"/>
      <c r="EI21" s="71">
        <v>4</v>
      </c>
      <c r="EJ21" s="71">
        <v>4</v>
      </c>
      <c r="EK21" s="71">
        <v>3</v>
      </c>
      <c r="EL21" s="71">
        <v>2</v>
      </c>
      <c r="EM21" s="71">
        <v>2</v>
      </c>
      <c r="EN21" s="72">
        <v>15</v>
      </c>
      <c r="EO21" s="73">
        <v>32</v>
      </c>
      <c r="EP21" s="70">
        <v>8</v>
      </c>
      <c r="EQ21" s="71">
        <v>4</v>
      </c>
      <c r="ER21" s="72">
        <v>12</v>
      </c>
      <c r="ES21" s="244"/>
      <c r="ET21" s="71">
        <v>8</v>
      </c>
      <c r="EU21" s="71">
        <v>7</v>
      </c>
      <c r="EV21" s="71">
        <v>2</v>
      </c>
      <c r="EW21" s="71">
        <v>6</v>
      </c>
      <c r="EX21" s="71">
        <v>2</v>
      </c>
      <c r="EY21" s="72">
        <v>25</v>
      </c>
      <c r="EZ21" s="73">
        <v>37</v>
      </c>
      <c r="FA21" s="70">
        <v>4</v>
      </c>
      <c r="FB21" s="71">
        <v>11</v>
      </c>
      <c r="FC21" s="72">
        <v>15</v>
      </c>
      <c r="FD21" s="244"/>
      <c r="FE21" s="71">
        <v>16</v>
      </c>
      <c r="FF21" s="71">
        <v>14</v>
      </c>
      <c r="FG21" s="71">
        <v>8</v>
      </c>
      <c r="FH21" s="71">
        <v>5</v>
      </c>
      <c r="FI21" s="71">
        <v>9</v>
      </c>
      <c r="FJ21" s="72">
        <v>52</v>
      </c>
      <c r="FK21" s="73">
        <v>67</v>
      </c>
      <c r="FL21" s="70">
        <v>0</v>
      </c>
      <c r="FM21" s="71">
        <v>4</v>
      </c>
      <c r="FN21" s="72">
        <v>4</v>
      </c>
      <c r="FO21" s="244"/>
      <c r="FP21" s="71">
        <v>8</v>
      </c>
      <c r="FQ21" s="71">
        <v>15</v>
      </c>
      <c r="FR21" s="71">
        <v>15</v>
      </c>
      <c r="FS21" s="71">
        <v>13</v>
      </c>
      <c r="FT21" s="71">
        <v>11</v>
      </c>
      <c r="FU21" s="72">
        <v>62</v>
      </c>
      <c r="FV21" s="73">
        <v>66</v>
      </c>
      <c r="FW21" s="70">
        <v>0</v>
      </c>
      <c r="FX21" s="71">
        <v>0</v>
      </c>
      <c r="FY21" s="72">
        <v>0</v>
      </c>
      <c r="FZ21" s="244"/>
      <c r="GA21" s="71">
        <v>0</v>
      </c>
      <c r="GB21" s="71">
        <v>0</v>
      </c>
      <c r="GC21" s="71">
        <v>0</v>
      </c>
      <c r="GD21" s="71">
        <v>0</v>
      </c>
      <c r="GE21" s="71">
        <v>0</v>
      </c>
      <c r="GF21" s="72">
        <v>0</v>
      </c>
      <c r="GG21" s="73">
        <v>0</v>
      </c>
      <c r="GH21" s="70">
        <v>23</v>
      </c>
      <c r="GI21" s="71">
        <v>33</v>
      </c>
      <c r="GJ21" s="72">
        <v>56</v>
      </c>
      <c r="GK21" s="244"/>
      <c r="GL21" s="71">
        <v>39</v>
      </c>
      <c r="GM21" s="71">
        <v>45</v>
      </c>
      <c r="GN21" s="71">
        <v>29</v>
      </c>
      <c r="GO21" s="71">
        <v>26</v>
      </c>
      <c r="GP21" s="71">
        <v>27</v>
      </c>
      <c r="GQ21" s="72">
        <v>166</v>
      </c>
      <c r="GR21" s="73">
        <v>222</v>
      </c>
      <c r="GS21" s="123">
        <v>83</v>
      </c>
      <c r="GT21" s="82">
        <v>92</v>
      </c>
      <c r="GU21" s="83">
        <v>175</v>
      </c>
      <c r="GV21" s="241"/>
      <c r="GW21" s="82">
        <v>150</v>
      </c>
      <c r="GX21" s="82">
        <v>132</v>
      </c>
      <c r="GY21" s="82">
        <v>79</v>
      </c>
      <c r="GZ21" s="82">
        <v>73</v>
      </c>
      <c r="HA21" s="82">
        <v>57</v>
      </c>
      <c r="HB21" s="84">
        <v>491</v>
      </c>
      <c r="HC21" s="85">
        <v>666</v>
      </c>
      <c r="HD21" s="70">
        <v>4</v>
      </c>
      <c r="HE21" s="71">
        <v>5</v>
      </c>
      <c r="HF21" s="72">
        <v>9</v>
      </c>
      <c r="HG21" s="244"/>
      <c r="HH21" s="71">
        <v>5</v>
      </c>
      <c r="HI21" s="71">
        <v>8</v>
      </c>
      <c r="HJ21" s="71">
        <v>4</v>
      </c>
      <c r="HK21" s="71">
        <v>1</v>
      </c>
      <c r="HL21" s="71">
        <v>3</v>
      </c>
      <c r="HM21" s="72">
        <v>21</v>
      </c>
      <c r="HN21" s="73">
        <v>30</v>
      </c>
      <c r="HO21" s="70">
        <v>12</v>
      </c>
      <c r="HP21" s="71">
        <v>12</v>
      </c>
      <c r="HQ21" s="72">
        <v>24</v>
      </c>
      <c r="HR21" s="244"/>
      <c r="HS21" s="71">
        <v>14</v>
      </c>
      <c r="HT21" s="71">
        <v>16</v>
      </c>
      <c r="HU21" s="71">
        <v>7</v>
      </c>
      <c r="HV21" s="71">
        <v>4</v>
      </c>
      <c r="HW21" s="71">
        <v>4</v>
      </c>
      <c r="HX21" s="72">
        <v>45</v>
      </c>
      <c r="HY21" s="73">
        <v>69</v>
      </c>
      <c r="HZ21" s="70">
        <v>16</v>
      </c>
      <c r="IA21" s="71">
        <v>16</v>
      </c>
      <c r="IB21" s="72">
        <v>32</v>
      </c>
      <c r="IC21" s="244"/>
      <c r="ID21" s="71">
        <v>20</v>
      </c>
      <c r="IE21" s="71">
        <v>15</v>
      </c>
      <c r="IF21" s="71">
        <v>9</v>
      </c>
      <c r="IG21" s="71">
        <v>8</v>
      </c>
      <c r="IH21" s="71">
        <v>8</v>
      </c>
      <c r="II21" s="72">
        <v>60</v>
      </c>
      <c r="IJ21" s="73">
        <v>92</v>
      </c>
      <c r="IK21" s="70">
        <v>23</v>
      </c>
      <c r="IL21" s="71">
        <v>14</v>
      </c>
      <c r="IM21" s="72">
        <v>37</v>
      </c>
      <c r="IN21" s="244"/>
      <c r="IO21" s="71">
        <v>29</v>
      </c>
      <c r="IP21" s="71">
        <v>24</v>
      </c>
      <c r="IQ21" s="71">
        <v>16</v>
      </c>
      <c r="IR21" s="71">
        <v>18</v>
      </c>
      <c r="IS21" s="71">
        <v>8</v>
      </c>
      <c r="IT21" s="72">
        <v>95</v>
      </c>
      <c r="IU21" s="73">
        <v>132</v>
      </c>
      <c r="IV21" s="70">
        <v>16</v>
      </c>
      <c r="IW21" s="71">
        <v>25</v>
      </c>
      <c r="IX21" s="72">
        <v>41</v>
      </c>
      <c r="IY21" s="244"/>
      <c r="IZ21" s="71">
        <v>51</v>
      </c>
      <c r="JA21" s="71">
        <v>36</v>
      </c>
      <c r="JB21" s="71">
        <v>18</v>
      </c>
      <c r="JC21" s="71">
        <v>16</v>
      </c>
      <c r="JD21" s="71">
        <v>16</v>
      </c>
      <c r="JE21" s="72">
        <v>137</v>
      </c>
      <c r="JF21" s="73">
        <v>178</v>
      </c>
      <c r="JG21" s="70">
        <v>12</v>
      </c>
      <c r="JH21" s="71">
        <v>20</v>
      </c>
      <c r="JI21" s="72">
        <v>32</v>
      </c>
      <c r="JJ21" s="244"/>
      <c r="JK21" s="71">
        <v>31</v>
      </c>
      <c r="JL21" s="71">
        <v>33</v>
      </c>
      <c r="JM21" s="71">
        <v>25</v>
      </c>
      <c r="JN21" s="71">
        <v>26</v>
      </c>
      <c r="JO21" s="71">
        <v>18</v>
      </c>
      <c r="JP21" s="72">
        <v>133</v>
      </c>
      <c r="JQ21" s="73">
        <v>165</v>
      </c>
      <c r="JR21" s="70">
        <v>0</v>
      </c>
      <c r="JS21" s="71">
        <v>0</v>
      </c>
      <c r="JT21" s="72">
        <v>0</v>
      </c>
      <c r="JU21" s="244"/>
      <c r="JV21" s="71">
        <v>0</v>
      </c>
      <c r="JW21" s="71">
        <v>0</v>
      </c>
      <c r="JX21" s="71">
        <v>0</v>
      </c>
      <c r="JY21" s="71">
        <v>0</v>
      </c>
      <c r="JZ21" s="71">
        <v>0</v>
      </c>
      <c r="KA21" s="72">
        <v>0</v>
      </c>
      <c r="KB21" s="73">
        <v>0</v>
      </c>
      <c r="KC21" s="70">
        <v>83</v>
      </c>
      <c r="KD21" s="71">
        <v>92</v>
      </c>
      <c r="KE21" s="72">
        <v>175</v>
      </c>
      <c r="KF21" s="244"/>
      <c r="KG21" s="71">
        <v>150</v>
      </c>
      <c r="KH21" s="71">
        <v>132</v>
      </c>
      <c r="KI21" s="71">
        <v>79</v>
      </c>
      <c r="KJ21" s="71">
        <v>73</v>
      </c>
      <c r="KK21" s="71">
        <v>57</v>
      </c>
      <c r="KL21" s="72">
        <v>491</v>
      </c>
      <c r="KM21" s="73">
        <v>666</v>
      </c>
    </row>
    <row r="22" spans="2:299" ht="21" customHeight="1" x14ac:dyDescent="0.2">
      <c r="B22" s="126" t="s">
        <v>19</v>
      </c>
      <c r="C22" s="315">
        <v>26</v>
      </c>
      <c r="D22" s="82">
        <v>25</v>
      </c>
      <c r="E22" s="83">
        <v>51</v>
      </c>
      <c r="F22" s="241"/>
      <c r="G22" s="82">
        <v>47</v>
      </c>
      <c r="H22" s="82">
        <v>33</v>
      </c>
      <c r="I22" s="82">
        <v>22</v>
      </c>
      <c r="J22" s="82">
        <v>16</v>
      </c>
      <c r="K22" s="82">
        <v>13</v>
      </c>
      <c r="L22" s="84">
        <v>131</v>
      </c>
      <c r="M22" s="85">
        <v>182</v>
      </c>
      <c r="N22" s="86">
        <v>3</v>
      </c>
      <c r="O22" s="71">
        <v>0</v>
      </c>
      <c r="P22" s="72">
        <v>3</v>
      </c>
      <c r="Q22" s="244"/>
      <c r="R22" s="71">
        <v>2</v>
      </c>
      <c r="S22" s="71">
        <v>1</v>
      </c>
      <c r="T22" s="71">
        <v>1</v>
      </c>
      <c r="U22" s="71">
        <v>1</v>
      </c>
      <c r="V22" s="71">
        <v>2</v>
      </c>
      <c r="W22" s="72">
        <v>7</v>
      </c>
      <c r="X22" s="73">
        <v>10</v>
      </c>
      <c r="Y22" s="70">
        <v>1</v>
      </c>
      <c r="Z22" s="71">
        <v>1</v>
      </c>
      <c r="AA22" s="72">
        <v>2</v>
      </c>
      <c r="AB22" s="244"/>
      <c r="AC22" s="71">
        <v>4</v>
      </c>
      <c r="AD22" s="71">
        <v>5</v>
      </c>
      <c r="AE22" s="71">
        <v>4</v>
      </c>
      <c r="AF22" s="71">
        <v>2</v>
      </c>
      <c r="AG22" s="71">
        <v>0</v>
      </c>
      <c r="AH22" s="72">
        <v>15</v>
      </c>
      <c r="AI22" s="73">
        <v>17</v>
      </c>
      <c r="AJ22" s="86">
        <v>7</v>
      </c>
      <c r="AK22" s="71">
        <v>2</v>
      </c>
      <c r="AL22" s="72">
        <v>9</v>
      </c>
      <c r="AM22" s="244"/>
      <c r="AN22" s="71">
        <v>3</v>
      </c>
      <c r="AO22" s="71">
        <v>2</v>
      </c>
      <c r="AP22" s="71">
        <v>0</v>
      </c>
      <c r="AQ22" s="71">
        <v>4</v>
      </c>
      <c r="AR22" s="71">
        <v>0</v>
      </c>
      <c r="AS22" s="72">
        <v>9</v>
      </c>
      <c r="AT22" s="73">
        <v>18</v>
      </c>
      <c r="AU22" s="70">
        <v>3</v>
      </c>
      <c r="AV22" s="71">
        <v>4</v>
      </c>
      <c r="AW22" s="72">
        <v>7</v>
      </c>
      <c r="AX22" s="244"/>
      <c r="AY22" s="71">
        <v>11</v>
      </c>
      <c r="AZ22" s="71">
        <v>7</v>
      </c>
      <c r="BA22" s="71">
        <v>5</v>
      </c>
      <c r="BB22" s="71">
        <v>4</v>
      </c>
      <c r="BC22" s="71">
        <v>3</v>
      </c>
      <c r="BD22" s="72">
        <v>30</v>
      </c>
      <c r="BE22" s="73">
        <v>37</v>
      </c>
      <c r="BF22" s="86">
        <v>10</v>
      </c>
      <c r="BG22" s="71">
        <v>7</v>
      </c>
      <c r="BH22" s="72">
        <v>17</v>
      </c>
      <c r="BI22" s="244"/>
      <c r="BJ22" s="71">
        <v>9</v>
      </c>
      <c r="BK22" s="71">
        <v>7</v>
      </c>
      <c r="BL22" s="71">
        <v>5</v>
      </c>
      <c r="BM22" s="71">
        <v>1</v>
      </c>
      <c r="BN22" s="71">
        <v>4</v>
      </c>
      <c r="BO22" s="72">
        <v>26</v>
      </c>
      <c r="BP22" s="73">
        <v>43</v>
      </c>
      <c r="BQ22" s="70">
        <v>2</v>
      </c>
      <c r="BR22" s="71">
        <v>11</v>
      </c>
      <c r="BS22" s="72">
        <v>13</v>
      </c>
      <c r="BT22" s="244"/>
      <c r="BU22" s="71">
        <v>18</v>
      </c>
      <c r="BV22" s="71">
        <v>11</v>
      </c>
      <c r="BW22" s="71">
        <v>7</v>
      </c>
      <c r="BX22" s="71">
        <v>4</v>
      </c>
      <c r="BY22" s="71">
        <v>4</v>
      </c>
      <c r="BZ22" s="72">
        <v>44</v>
      </c>
      <c r="CA22" s="73">
        <v>57</v>
      </c>
      <c r="CB22" s="70">
        <v>0</v>
      </c>
      <c r="CC22" s="71">
        <v>0</v>
      </c>
      <c r="CD22" s="72">
        <v>0</v>
      </c>
      <c r="CE22" s="244"/>
      <c r="CF22" s="71">
        <v>0</v>
      </c>
      <c r="CG22" s="71">
        <v>0</v>
      </c>
      <c r="CH22" s="71">
        <v>0</v>
      </c>
      <c r="CI22" s="71">
        <v>0</v>
      </c>
      <c r="CJ22" s="71">
        <v>0</v>
      </c>
      <c r="CK22" s="72">
        <v>0</v>
      </c>
      <c r="CL22" s="73">
        <v>0</v>
      </c>
      <c r="CM22" s="70">
        <v>26</v>
      </c>
      <c r="CN22" s="71">
        <v>25</v>
      </c>
      <c r="CO22" s="72">
        <v>51</v>
      </c>
      <c r="CP22" s="244"/>
      <c r="CQ22" s="71">
        <v>47</v>
      </c>
      <c r="CR22" s="71">
        <v>33</v>
      </c>
      <c r="CS22" s="71">
        <v>22</v>
      </c>
      <c r="CT22" s="71">
        <v>16</v>
      </c>
      <c r="CU22" s="71">
        <v>13</v>
      </c>
      <c r="CV22" s="72">
        <v>131</v>
      </c>
      <c r="CW22" s="73">
        <v>182</v>
      </c>
      <c r="CX22" s="123">
        <v>8</v>
      </c>
      <c r="CY22" s="82">
        <v>8</v>
      </c>
      <c r="CZ22" s="83">
        <v>16</v>
      </c>
      <c r="DA22" s="241"/>
      <c r="DB22" s="82">
        <v>15</v>
      </c>
      <c r="DC22" s="82">
        <v>7</v>
      </c>
      <c r="DD22" s="82">
        <v>7</v>
      </c>
      <c r="DE22" s="82">
        <v>14</v>
      </c>
      <c r="DF22" s="82">
        <v>7</v>
      </c>
      <c r="DG22" s="84">
        <v>50</v>
      </c>
      <c r="DH22" s="85">
        <v>66</v>
      </c>
      <c r="DI22" s="86">
        <v>0</v>
      </c>
      <c r="DJ22" s="71">
        <v>0</v>
      </c>
      <c r="DK22" s="72">
        <v>0</v>
      </c>
      <c r="DL22" s="244"/>
      <c r="DM22" s="71">
        <v>1</v>
      </c>
      <c r="DN22" s="71">
        <v>0</v>
      </c>
      <c r="DO22" s="71">
        <v>1</v>
      </c>
      <c r="DP22" s="71">
        <v>0</v>
      </c>
      <c r="DQ22" s="71">
        <v>0</v>
      </c>
      <c r="DR22" s="72">
        <v>2</v>
      </c>
      <c r="DS22" s="73">
        <v>2</v>
      </c>
      <c r="DT22" s="70">
        <v>1</v>
      </c>
      <c r="DU22" s="71">
        <v>0</v>
      </c>
      <c r="DV22" s="72">
        <v>1</v>
      </c>
      <c r="DW22" s="244"/>
      <c r="DX22" s="71">
        <v>1</v>
      </c>
      <c r="DY22" s="71">
        <v>1</v>
      </c>
      <c r="DZ22" s="71">
        <v>0</v>
      </c>
      <c r="EA22" s="71">
        <v>0</v>
      </c>
      <c r="EB22" s="71">
        <v>0</v>
      </c>
      <c r="EC22" s="72">
        <v>2</v>
      </c>
      <c r="ED22" s="73">
        <v>3</v>
      </c>
      <c r="EE22" s="86">
        <v>2</v>
      </c>
      <c r="EF22" s="71">
        <v>1</v>
      </c>
      <c r="EG22" s="72">
        <v>3</v>
      </c>
      <c r="EH22" s="244"/>
      <c r="EI22" s="71">
        <v>2</v>
      </c>
      <c r="EJ22" s="71">
        <v>0</v>
      </c>
      <c r="EK22" s="71">
        <v>1</v>
      </c>
      <c r="EL22" s="71">
        <v>2</v>
      </c>
      <c r="EM22" s="71">
        <v>1</v>
      </c>
      <c r="EN22" s="72">
        <v>6</v>
      </c>
      <c r="EO22" s="73">
        <v>9</v>
      </c>
      <c r="EP22" s="70">
        <v>2</v>
      </c>
      <c r="EQ22" s="71">
        <v>2</v>
      </c>
      <c r="ER22" s="72">
        <v>4</v>
      </c>
      <c r="ES22" s="244"/>
      <c r="ET22" s="71">
        <v>4</v>
      </c>
      <c r="EU22" s="71">
        <v>1</v>
      </c>
      <c r="EV22" s="71">
        <v>1</v>
      </c>
      <c r="EW22" s="71">
        <v>4</v>
      </c>
      <c r="EX22" s="71">
        <v>1</v>
      </c>
      <c r="EY22" s="72">
        <v>11</v>
      </c>
      <c r="EZ22" s="73">
        <v>15</v>
      </c>
      <c r="FA22" s="86">
        <v>0</v>
      </c>
      <c r="FB22" s="71">
        <v>1</v>
      </c>
      <c r="FC22" s="72">
        <v>1</v>
      </c>
      <c r="FD22" s="244"/>
      <c r="FE22" s="71">
        <v>1</v>
      </c>
      <c r="FF22" s="71">
        <v>2</v>
      </c>
      <c r="FG22" s="71">
        <v>1</v>
      </c>
      <c r="FH22" s="71">
        <v>5</v>
      </c>
      <c r="FI22" s="71">
        <v>3</v>
      </c>
      <c r="FJ22" s="72">
        <v>12</v>
      </c>
      <c r="FK22" s="73">
        <v>13</v>
      </c>
      <c r="FL22" s="70">
        <v>3</v>
      </c>
      <c r="FM22" s="71">
        <v>4</v>
      </c>
      <c r="FN22" s="72">
        <v>7</v>
      </c>
      <c r="FO22" s="244"/>
      <c r="FP22" s="71">
        <v>6</v>
      </c>
      <c r="FQ22" s="71">
        <v>3</v>
      </c>
      <c r="FR22" s="71">
        <v>3</v>
      </c>
      <c r="FS22" s="71">
        <v>3</v>
      </c>
      <c r="FT22" s="71">
        <v>2</v>
      </c>
      <c r="FU22" s="72">
        <v>17</v>
      </c>
      <c r="FV22" s="73">
        <v>24</v>
      </c>
      <c r="FW22" s="70">
        <v>0</v>
      </c>
      <c r="FX22" s="71">
        <v>0</v>
      </c>
      <c r="FY22" s="72">
        <v>0</v>
      </c>
      <c r="FZ22" s="244"/>
      <c r="GA22" s="71">
        <v>0</v>
      </c>
      <c r="GB22" s="71">
        <v>0</v>
      </c>
      <c r="GC22" s="71">
        <v>0</v>
      </c>
      <c r="GD22" s="71">
        <v>0</v>
      </c>
      <c r="GE22" s="71">
        <v>0</v>
      </c>
      <c r="GF22" s="72">
        <v>0</v>
      </c>
      <c r="GG22" s="73">
        <v>0</v>
      </c>
      <c r="GH22" s="70">
        <v>8</v>
      </c>
      <c r="GI22" s="71">
        <v>8</v>
      </c>
      <c r="GJ22" s="72">
        <v>16</v>
      </c>
      <c r="GK22" s="244"/>
      <c r="GL22" s="71">
        <v>15</v>
      </c>
      <c r="GM22" s="71">
        <v>7</v>
      </c>
      <c r="GN22" s="71">
        <v>7</v>
      </c>
      <c r="GO22" s="71">
        <v>14</v>
      </c>
      <c r="GP22" s="71">
        <v>7</v>
      </c>
      <c r="GQ22" s="72">
        <v>50</v>
      </c>
      <c r="GR22" s="73">
        <v>66</v>
      </c>
      <c r="GS22" s="123">
        <v>34</v>
      </c>
      <c r="GT22" s="82">
        <v>33</v>
      </c>
      <c r="GU22" s="83">
        <v>67</v>
      </c>
      <c r="GV22" s="241"/>
      <c r="GW22" s="82">
        <v>62</v>
      </c>
      <c r="GX22" s="82">
        <v>40</v>
      </c>
      <c r="GY22" s="82">
        <v>29</v>
      </c>
      <c r="GZ22" s="82">
        <v>30</v>
      </c>
      <c r="HA22" s="82">
        <v>20</v>
      </c>
      <c r="HB22" s="84">
        <v>181</v>
      </c>
      <c r="HC22" s="85">
        <v>248</v>
      </c>
      <c r="HD22" s="86">
        <v>3</v>
      </c>
      <c r="HE22" s="71">
        <v>0</v>
      </c>
      <c r="HF22" s="72">
        <v>3</v>
      </c>
      <c r="HG22" s="244"/>
      <c r="HH22" s="71">
        <v>3</v>
      </c>
      <c r="HI22" s="71">
        <v>1</v>
      </c>
      <c r="HJ22" s="71">
        <v>2</v>
      </c>
      <c r="HK22" s="71">
        <v>1</v>
      </c>
      <c r="HL22" s="71">
        <v>2</v>
      </c>
      <c r="HM22" s="72">
        <v>9</v>
      </c>
      <c r="HN22" s="73">
        <v>12</v>
      </c>
      <c r="HO22" s="70">
        <v>2</v>
      </c>
      <c r="HP22" s="71">
        <v>1</v>
      </c>
      <c r="HQ22" s="72">
        <v>3</v>
      </c>
      <c r="HR22" s="244"/>
      <c r="HS22" s="71">
        <v>5</v>
      </c>
      <c r="HT22" s="71">
        <v>6</v>
      </c>
      <c r="HU22" s="71">
        <v>4</v>
      </c>
      <c r="HV22" s="71">
        <v>2</v>
      </c>
      <c r="HW22" s="71">
        <v>0</v>
      </c>
      <c r="HX22" s="72">
        <v>17</v>
      </c>
      <c r="HY22" s="73">
        <v>20</v>
      </c>
      <c r="HZ22" s="86">
        <v>9</v>
      </c>
      <c r="IA22" s="71">
        <v>3</v>
      </c>
      <c r="IB22" s="72">
        <v>12</v>
      </c>
      <c r="IC22" s="244"/>
      <c r="ID22" s="71">
        <v>5</v>
      </c>
      <c r="IE22" s="71">
        <v>2</v>
      </c>
      <c r="IF22" s="71">
        <v>1</v>
      </c>
      <c r="IG22" s="71">
        <v>6</v>
      </c>
      <c r="IH22" s="71">
        <v>1</v>
      </c>
      <c r="II22" s="72">
        <v>15</v>
      </c>
      <c r="IJ22" s="73">
        <v>27</v>
      </c>
      <c r="IK22" s="70">
        <v>5</v>
      </c>
      <c r="IL22" s="71">
        <v>6</v>
      </c>
      <c r="IM22" s="72">
        <v>11</v>
      </c>
      <c r="IN22" s="244"/>
      <c r="IO22" s="71">
        <v>15</v>
      </c>
      <c r="IP22" s="71">
        <v>8</v>
      </c>
      <c r="IQ22" s="71">
        <v>6</v>
      </c>
      <c r="IR22" s="71">
        <v>8</v>
      </c>
      <c r="IS22" s="71">
        <v>4</v>
      </c>
      <c r="IT22" s="72">
        <v>41</v>
      </c>
      <c r="IU22" s="73">
        <v>52</v>
      </c>
      <c r="IV22" s="86">
        <v>10</v>
      </c>
      <c r="IW22" s="71">
        <v>8</v>
      </c>
      <c r="IX22" s="72">
        <v>18</v>
      </c>
      <c r="IY22" s="244"/>
      <c r="IZ22" s="71">
        <v>10</v>
      </c>
      <c r="JA22" s="71">
        <v>9</v>
      </c>
      <c r="JB22" s="71">
        <v>6</v>
      </c>
      <c r="JC22" s="71">
        <v>6</v>
      </c>
      <c r="JD22" s="71">
        <v>7</v>
      </c>
      <c r="JE22" s="72">
        <v>38</v>
      </c>
      <c r="JF22" s="73">
        <v>56</v>
      </c>
      <c r="JG22" s="70">
        <v>5</v>
      </c>
      <c r="JH22" s="71">
        <v>15</v>
      </c>
      <c r="JI22" s="72">
        <v>20</v>
      </c>
      <c r="JJ22" s="244"/>
      <c r="JK22" s="71">
        <v>24</v>
      </c>
      <c r="JL22" s="71">
        <v>14</v>
      </c>
      <c r="JM22" s="71">
        <v>10</v>
      </c>
      <c r="JN22" s="71">
        <v>7</v>
      </c>
      <c r="JO22" s="71">
        <v>6</v>
      </c>
      <c r="JP22" s="72">
        <v>61</v>
      </c>
      <c r="JQ22" s="73">
        <v>81</v>
      </c>
      <c r="JR22" s="70">
        <v>0</v>
      </c>
      <c r="JS22" s="71">
        <v>0</v>
      </c>
      <c r="JT22" s="72">
        <v>0</v>
      </c>
      <c r="JU22" s="244"/>
      <c r="JV22" s="71">
        <v>0</v>
      </c>
      <c r="JW22" s="71">
        <v>0</v>
      </c>
      <c r="JX22" s="71">
        <v>0</v>
      </c>
      <c r="JY22" s="71">
        <v>0</v>
      </c>
      <c r="JZ22" s="71">
        <v>0</v>
      </c>
      <c r="KA22" s="72">
        <v>0</v>
      </c>
      <c r="KB22" s="73">
        <v>0</v>
      </c>
      <c r="KC22" s="70">
        <v>34</v>
      </c>
      <c r="KD22" s="71">
        <v>33</v>
      </c>
      <c r="KE22" s="72">
        <v>67</v>
      </c>
      <c r="KF22" s="244"/>
      <c r="KG22" s="71">
        <v>62</v>
      </c>
      <c r="KH22" s="71">
        <v>40</v>
      </c>
      <c r="KI22" s="71">
        <v>29</v>
      </c>
      <c r="KJ22" s="71">
        <v>30</v>
      </c>
      <c r="KK22" s="71">
        <v>20</v>
      </c>
      <c r="KL22" s="72">
        <v>181</v>
      </c>
      <c r="KM22" s="73">
        <v>248</v>
      </c>
    </row>
    <row r="23" spans="2:299" ht="21" customHeight="1" x14ac:dyDescent="0.2">
      <c r="B23" s="126" t="s">
        <v>20</v>
      </c>
      <c r="C23" s="315">
        <v>34</v>
      </c>
      <c r="D23" s="82">
        <v>43</v>
      </c>
      <c r="E23" s="83">
        <v>77</v>
      </c>
      <c r="F23" s="241"/>
      <c r="G23" s="82">
        <v>57</v>
      </c>
      <c r="H23" s="82">
        <v>47</v>
      </c>
      <c r="I23" s="82">
        <v>30</v>
      </c>
      <c r="J23" s="82">
        <v>19</v>
      </c>
      <c r="K23" s="82">
        <v>16</v>
      </c>
      <c r="L23" s="84">
        <v>169</v>
      </c>
      <c r="M23" s="85">
        <v>246</v>
      </c>
      <c r="N23" s="70">
        <v>0</v>
      </c>
      <c r="O23" s="71">
        <v>2</v>
      </c>
      <c r="P23" s="72">
        <v>2</v>
      </c>
      <c r="Q23" s="244"/>
      <c r="R23" s="71">
        <v>3</v>
      </c>
      <c r="S23" s="71">
        <v>2</v>
      </c>
      <c r="T23" s="71">
        <v>2</v>
      </c>
      <c r="U23" s="71">
        <v>1</v>
      </c>
      <c r="V23" s="71">
        <v>1</v>
      </c>
      <c r="W23" s="72">
        <v>9</v>
      </c>
      <c r="X23" s="73">
        <v>11</v>
      </c>
      <c r="Y23" s="70">
        <v>5</v>
      </c>
      <c r="Z23" s="71">
        <v>3</v>
      </c>
      <c r="AA23" s="72">
        <v>8</v>
      </c>
      <c r="AB23" s="244"/>
      <c r="AC23" s="71">
        <v>9</v>
      </c>
      <c r="AD23" s="71">
        <v>4</v>
      </c>
      <c r="AE23" s="71">
        <v>3</v>
      </c>
      <c r="AF23" s="71">
        <v>1</v>
      </c>
      <c r="AG23" s="71">
        <v>2</v>
      </c>
      <c r="AH23" s="72">
        <v>19</v>
      </c>
      <c r="AI23" s="73">
        <v>27</v>
      </c>
      <c r="AJ23" s="70">
        <v>6</v>
      </c>
      <c r="AK23" s="71">
        <v>5</v>
      </c>
      <c r="AL23" s="72">
        <v>11</v>
      </c>
      <c r="AM23" s="244"/>
      <c r="AN23" s="71">
        <v>6</v>
      </c>
      <c r="AO23" s="71">
        <v>9</v>
      </c>
      <c r="AP23" s="71">
        <v>4</v>
      </c>
      <c r="AQ23" s="71">
        <v>2</v>
      </c>
      <c r="AR23" s="71">
        <v>4</v>
      </c>
      <c r="AS23" s="72">
        <v>25</v>
      </c>
      <c r="AT23" s="73">
        <v>36</v>
      </c>
      <c r="AU23" s="70">
        <v>9</v>
      </c>
      <c r="AV23" s="71">
        <v>15</v>
      </c>
      <c r="AW23" s="72">
        <v>24</v>
      </c>
      <c r="AX23" s="244"/>
      <c r="AY23" s="71">
        <v>18</v>
      </c>
      <c r="AZ23" s="71">
        <v>15</v>
      </c>
      <c r="BA23" s="71">
        <v>9</v>
      </c>
      <c r="BB23" s="71">
        <v>5</v>
      </c>
      <c r="BC23" s="71">
        <v>5</v>
      </c>
      <c r="BD23" s="72">
        <v>52</v>
      </c>
      <c r="BE23" s="73">
        <v>76</v>
      </c>
      <c r="BF23" s="70">
        <v>5</v>
      </c>
      <c r="BG23" s="71">
        <v>11</v>
      </c>
      <c r="BH23" s="72">
        <v>16</v>
      </c>
      <c r="BI23" s="244"/>
      <c r="BJ23" s="71">
        <v>15</v>
      </c>
      <c r="BK23" s="71">
        <v>10</v>
      </c>
      <c r="BL23" s="71">
        <v>5</v>
      </c>
      <c r="BM23" s="71">
        <v>5</v>
      </c>
      <c r="BN23" s="71">
        <v>2</v>
      </c>
      <c r="BO23" s="72">
        <v>37</v>
      </c>
      <c r="BP23" s="73">
        <v>53</v>
      </c>
      <c r="BQ23" s="70">
        <v>9</v>
      </c>
      <c r="BR23" s="71">
        <v>7</v>
      </c>
      <c r="BS23" s="72">
        <v>16</v>
      </c>
      <c r="BT23" s="244"/>
      <c r="BU23" s="71">
        <v>6</v>
      </c>
      <c r="BV23" s="71">
        <v>7</v>
      </c>
      <c r="BW23" s="71">
        <v>7</v>
      </c>
      <c r="BX23" s="71">
        <v>5</v>
      </c>
      <c r="BY23" s="71">
        <v>2</v>
      </c>
      <c r="BZ23" s="72">
        <v>27</v>
      </c>
      <c r="CA23" s="73">
        <v>43</v>
      </c>
      <c r="CB23" s="70">
        <v>0</v>
      </c>
      <c r="CC23" s="71">
        <v>0</v>
      </c>
      <c r="CD23" s="72">
        <v>0</v>
      </c>
      <c r="CE23" s="244"/>
      <c r="CF23" s="71">
        <v>0</v>
      </c>
      <c r="CG23" s="71">
        <v>0</v>
      </c>
      <c r="CH23" s="71">
        <v>0</v>
      </c>
      <c r="CI23" s="71">
        <v>0</v>
      </c>
      <c r="CJ23" s="71">
        <v>0</v>
      </c>
      <c r="CK23" s="72">
        <v>0</v>
      </c>
      <c r="CL23" s="73">
        <v>0</v>
      </c>
      <c r="CM23" s="70">
        <v>34</v>
      </c>
      <c r="CN23" s="71">
        <v>43</v>
      </c>
      <c r="CO23" s="72">
        <v>77</v>
      </c>
      <c r="CP23" s="244"/>
      <c r="CQ23" s="71">
        <v>57</v>
      </c>
      <c r="CR23" s="71">
        <v>47</v>
      </c>
      <c r="CS23" s="71">
        <v>30</v>
      </c>
      <c r="CT23" s="71">
        <v>19</v>
      </c>
      <c r="CU23" s="71">
        <v>16</v>
      </c>
      <c r="CV23" s="72">
        <v>169</v>
      </c>
      <c r="CW23" s="73">
        <v>246</v>
      </c>
      <c r="CX23" s="123">
        <v>9</v>
      </c>
      <c r="CY23" s="82">
        <v>22</v>
      </c>
      <c r="CZ23" s="83">
        <v>31</v>
      </c>
      <c r="DA23" s="241"/>
      <c r="DB23" s="82">
        <v>18</v>
      </c>
      <c r="DC23" s="82">
        <v>19</v>
      </c>
      <c r="DD23" s="82">
        <v>12</v>
      </c>
      <c r="DE23" s="82">
        <v>14</v>
      </c>
      <c r="DF23" s="82">
        <v>8</v>
      </c>
      <c r="DG23" s="84">
        <v>71</v>
      </c>
      <c r="DH23" s="85">
        <v>102</v>
      </c>
      <c r="DI23" s="70">
        <v>1</v>
      </c>
      <c r="DJ23" s="71">
        <v>0</v>
      </c>
      <c r="DK23" s="72">
        <v>1</v>
      </c>
      <c r="DL23" s="244"/>
      <c r="DM23" s="71">
        <v>0</v>
      </c>
      <c r="DN23" s="71">
        <v>0</v>
      </c>
      <c r="DO23" s="71">
        <v>0</v>
      </c>
      <c r="DP23" s="71">
        <v>0</v>
      </c>
      <c r="DQ23" s="71">
        <v>0</v>
      </c>
      <c r="DR23" s="72">
        <v>0</v>
      </c>
      <c r="DS23" s="73">
        <v>1</v>
      </c>
      <c r="DT23" s="70">
        <v>0</v>
      </c>
      <c r="DU23" s="71">
        <v>2</v>
      </c>
      <c r="DV23" s="72">
        <v>2</v>
      </c>
      <c r="DW23" s="244"/>
      <c r="DX23" s="71">
        <v>0</v>
      </c>
      <c r="DY23" s="71">
        <v>1</v>
      </c>
      <c r="DZ23" s="71">
        <v>2</v>
      </c>
      <c r="EA23" s="71">
        <v>1</v>
      </c>
      <c r="EB23" s="71">
        <v>1</v>
      </c>
      <c r="EC23" s="72">
        <v>5</v>
      </c>
      <c r="ED23" s="73">
        <v>7</v>
      </c>
      <c r="EE23" s="70">
        <v>2</v>
      </c>
      <c r="EF23" s="71">
        <v>2</v>
      </c>
      <c r="EG23" s="72">
        <v>4</v>
      </c>
      <c r="EH23" s="244"/>
      <c r="EI23" s="71">
        <v>1</v>
      </c>
      <c r="EJ23" s="71">
        <v>1</v>
      </c>
      <c r="EK23" s="71">
        <v>2</v>
      </c>
      <c r="EL23" s="71">
        <v>0</v>
      </c>
      <c r="EM23" s="71">
        <v>1</v>
      </c>
      <c r="EN23" s="72">
        <v>5</v>
      </c>
      <c r="EO23" s="73">
        <v>9</v>
      </c>
      <c r="EP23" s="70">
        <v>2</v>
      </c>
      <c r="EQ23" s="71">
        <v>6</v>
      </c>
      <c r="ER23" s="72">
        <v>8</v>
      </c>
      <c r="ES23" s="244"/>
      <c r="ET23" s="71">
        <v>6</v>
      </c>
      <c r="EU23" s="71">
        <v>5</v>
      </c>
      <c r="EV23" s="71">
        <v>0</v>
      </c>
      <c r="EW23" s="71">
        <v>2</v>
      </c>
      <c r="EX23" s="71">
        <v>2</v>
      </c>
      <c r="EY23" s="72">
        <v>15</v>
      </c>
      <c r="EZ23" s="73">
        <v>23</v>
      </c>
      <c r="FA23" s="70">
        <v>3</v>
      </c>
      <c r="FB23" s="71">
        <v>6</v>
      </c>
      <c r="FC23" s="72">
        <v>9</v>
      </c>
      <c r="FD23" s="244"/>
      <c r="FE23" s="71">
        <v>6</v>
      </c>
      <c r="FF23" s="71">
        <v>4</v>
      </c>
      <c r="FG23" s="71">
        <v>4</v>
      </c>
      <c r="FH23" s="71">
        <v>3</v>
      </c>
      <c r="FI23" s="71">
        <v>0</v>
      </c>
      <c r="FJ23" s="72">
        <v>17</v>
      </c>
      <c r="FK23" s="73">
        <v>26</v>
      </c>
      <c r="FL23" s="70">
        <v>1</v>
      </c>
      <c r="FM23" s="71">
        <v>6</v>
      </c>
      <c r="FN23" s="72">
        <v>7</v>
      </c>
      <c r="FO23" s="244"/>
      <c r="FP23" s="71">
        <v>5</v>
      </c>
      <c r="FQ23" s="71">
        <v>8</v>
      </c>
      <c r="FR23" s="71">
        <v>4</v>
      </c>
      <c r="FS23" s="71">
        <v>8</v>
      </c>
      <c r="FT23" s="71">
        <v>4</v>
      </c>
      <c r="FU23" s="72">
        <v>29</v>
      </c>
      <c r="FV23" s="73">
        <v>36</v>
      </c>
      <c r="FW23" s="70">
        <v>0</v>
      </c>
      <c r="FX23" s="71">
        <v>0</v>
      </c>
      <c r="FY23" s="72">
        <v>0</v>
      </c>
      <c r="FZ23" s="244"/>
      <c r="GA23" s="71">
        <v>0</v>
      </c>
      <c r="GB23" s="71">
        <v>0</v>
      </c>
      <c r="GC23" s="71">
        <v>0</v>
      </c>
      <c r="GD23" s="71">
        <v>0</v>
      </c>
      <c r="GE23" s="71">
        <v>0</v>
      </c>
      <c r="GF23" s="72">
        <v>0</v>
      </c>
      <c r="GG23" s="73">
        <v>0</v>
      </c>
      <c r="GH23" s="70">
        <v>9</v>
      </c>
      <c r="GI23" s="71">
        <v>22</v>
      </c>
      <c r="GJ23" s="72">
        <v>31</v>
      </c>
      <c r="GK23" s="244"/>
      <c r="GL23" s="71">
        <v>18</v>
      </c>
      <c r="GM23" s="71">
        <v>19</v>
      </c>
      <c r="GN23" s="71">
        <v>12</v>
      </c>
      <c r="GO23" s="71">
        <v>14</v>
      </c>
      <c r="GP23" s="71">
        <v>8</v>
      </c>
      <c r="GQ23" s="72">
        <v>71</v>
      </c>
      <c r="GR23" s="73">
        <v>102</v>
      </c>
      <c r="GS23" s="123">
        <v>43</v>
      </c>
      <c r="GT23" s="82">
        <v>65</v>
      </c>
      <c r="GU23" s="83">
        <v>108</v>
      </c>
      <c r="GV23" s="241"/>
      <c r="GW23" s="82">
        <v>75</v>
      </c>
      <c r="GX23" s="82">
        <v>66</v>
      </c>
      <c r="GY23" s="82">
        <v>42</v>
      </c>
      <c r="GZ23" s="82">
        <v>33</v>
      </c>
      <c r="HA23" s="82">
        <v>24</v>
      </c>
      <c r="HB23" s="84">
        <v>240</v>
      </c>
      <c r="HC23" s="85">
        <v>348</v>
      </c>
      <c r="HD23" s="70">
        <v>1</v>
      </c>
      <c r="HE23" s="71">
        <v>2</v>
      </c>
      <c r="HF23" s="72">
        <v>3</v>
      </c>
      <c r="HG23" s="244"/>
      <c r="HH23" s="71">
        <v>3</v>
      </c>
      <c r="HI23" s="71">
        <v>2</v>
      </c>
      <c r="HJ23" s="71">
        <v>2</v>
      </c>
      <c r="HK23" s="71">
        <v>1</v>
      </c>
      <c r="HL23" s="71">
        <v>1</v>
      </c>
      <c r="HM23" s="72">
        <v>9</v>
      </c>
      <c r="HN23" s="73">
        <v>12</v>
      </c>
      <c r="HO23" s="70">
        <v>5</v>
      </c>
      <c r="HP23" s="71">
        <v>5</v>
      </c>
      <c r="HQ23" s="72">
        <v>10</v>
      </c>
      <c r="HR23" s="244"/>
      <c r="HS23" s="71">
        <v>9</v>
      </c>
      <c r="HT23" s="71">
        <v>5</v>
      </c>
      <c r="HU23" s="71">
        <v>5</v>
      </c>
      <c r="HV23" s="71">
        <v>2</v>
      </c>
      <c r="HW23" s="71">
        <v>3</v>
      </c>
      <c r="HX23" s="72">
        <v>24</v>
      </c>
      <c r="HY23" s="73">
        <v>34</v>
      </c>
      <c r="HZ23" s="70">
        <v>8</v>
      </c>
      <c r="IA23" s="71">
        <v>7</v>
      </c>
      <c r="IB23" s="72">
        <v>15</v>
      </c>
      <c r="IC23" s="244"/>
      <c r="ID23" s="71">
        <v>7</v>
      </c>
      <c r="IE23" s="71">
        <v>10</v>
      </c>
      <c r="IF23" s="71">
        <v>6</v>
      </c>
      <c r="IG23" s="71">
        <v>2</v>
      </c>
      <c r="IH23" s="71">
        <v>5</v>
      </c>
      <c r="II23" s="72">
        <v>30</v>
      </c>
      <c r="IJ23" s="73">
        <v>45</v>
      </c>
      <c r="IK23" s="70">
        <v>11</v>
      </c>
      <c r="IL23" s="71">
        <v>21</v>
      </c>
      <c r="IM23" s="72">
        <v>32</v>
      </c>
      <c r="IN23" s="244"/>
      <c r="IO23" s="71">
        <v>24</v>
      </c>
      <c r="IP23" s="71">
        <v>20</v>
      </c>
      <c r="IQ23" s="71">
        <v>9</v>
      </c>
      <c r="IR23" s="71">
        <v>7</v>
      </c>
      <c r="IS23" s="71">
        <v>7</v>
      </c>
      <c r="IT23" s="72">
        <v>67</v>
      </c>
      <c r="IU23" s="73">
        <v>99</v>
      </c>
      <c r="IV23" s="70">
        <v>8</v>
      </c>
      <c r="IW23" s="71">
        <v>17</v>
      </c>
      <c r="IX23" s="72">
        <v>25</v>
      </c>
      <c r="IY23" s="244"/>
      <c r="IZ23" s="71">
        <v>21</v>
      </c>
      <c r="JA23" s="71">
        <v>14</v>
      </c>
      <c r="JB23" s="71">
        <v>9</v>
      </c>
      <c r="JC23" s="71">
        <v>8</v>
      </c>
      <c r="JD23" s="71">
        <v>2</v>
      </c>
      <c r="JE23" s="72">
        <v>54</v>
      </c>
      <c r="JF23" s="73">
        <v>79</v>
      </c>
      <c r="JG23" s="70">
        <v>10</v>
      </c>
      <c r="JH23" s="71">
        <v>13</v>
      </c>
      <c r="JI23" s="72">
        <v>23</v>
      </c>
      <c r="JJ23" s="244"/>
      <c r="JK23" s="71">
        <v>11</v>
      </c>
      <c r="JL23" s="71">
        <v>15</v>
      </c>
      <c r="JM23" s="71">
        <v>11</v>
      </c>
      <c r="JN23" s="71">
        <v>13</v>
      </c>
      <c r="JO23" s="71">
        <v>6</v>
      </c>
      <c r="JP23" s="72">
        <v>56</v>
      </c>
      <c r="JQ23" s="73">
        <v>79</v>
      </c>
      <c r="JR23" s="70">
        <v>0</v>
      </c>
      <c r="JS23" s="71">
        <v>0</v>
      </c>
      <c r="JT23" s="72">
        <v>0</v>
      </c>
      <c r="JU23" s="244"/>
      <c r="JV23" s="71">
        <v>0</v>
      </c>
      <c r="JW23" s="71">
        <v>0</v>
      </c>
      <c r="JX23" s="71">
        <v>0</v>
      </c>
      <c r="JY23" s="71">
        <v>0</v>
      </c>
      <c r="JZ23" s="71">
        <v>0</v>
      </c>
      <c r="KA23" s="72">
        <v>0</v>
      </c>
      <c r="KB23" s="73">
        <v>0</v>
      </c>
      <c r="KC23" s="70">
        <v>43</v>
      </c>
      <c r="KD23" s="71">
        <v>65</v>
      </c>
      <c r="KE23" s="72">
        <v>108</v>
      </c>
      <c r="KF23" s="244"/>
      <c r="KG23" s="71">
        <v>75</v>
      </c>
      <c r="KH23" s="71">
        <v>66</v>
      </c>
      <c r="KI23" s="71">
        <v>42</v>
      </c>
      <c r="KJ23" s="71">
        <v>33</v>
      </c>
      <c r="KK23" s="71">
        <v>24</v>
      </c>
      <c r="KL23" s="72">
        <v>240</v>
      </c>
      <c r="KM23" s="73">
        <v>348</v>
      </c>
    </row>
    <row r="24" spans="2:299" ht="21" customHeight="1" x14ac:dyDescent="0.2">
      <c r="B24" s="126" t="s">
        <v>21</v>
      </c>
      <c r="C24" s="315">
        <v>33</v>
      </c>
      <c r="D24" s="82">
        <v>20</v>
      </c>
      <c r="E24" s="83">
        <v>53</v>
      </c>
      <c r="F24" s="241"/>
      <c r="G24" s="82">
        <v>50</v>
      </c>
      <c r="H24" s="82">
        <v>37</v>
      </c>
      <c r="I24" s="82">
        <v>22</v>
      </c>
      <c r="J24" s="82">
        <v>22</v>
      </c>
      <c r="K24" s="82">
        <v>16</v>
      </c>
      <c r="L24" s="84">
        <v>147</v>
      </c>
      <c r="M24" s="85">
        <v>200</v>
      </c>
      <c r="N24" s="70">
        <v>1</v>
      </c>
      <c r="O24" s="71">
        <v>1</v>
      </c>
      <c r="P24" s="72">
        <v>2</v>
      </c>
      <c r="Q24" s="244"/>
      <c r="R24" s="71">
        <v>3</v>
      </c>
      <c r="S24" s="71">
        <v>2</v>
      </c>
      <c r="T24" s="71">
        <v>0</v>
      </c>
      <c r="U24" s="71">
        <v>0</v>
      </c>
      <c r="V24" s="71">
        <v>3</v>
      </c>
      <c r="W24" s="72">
        <v>8</v>
      </c>
      <c r="X24" s="73">
        <v>10</v>
      </c>
      <c r="Y24" s="70">
        <v>3</v>
      </c>
      <c r="Z24" s="71">
        <v>2</v>
      </c>
      <c r="AA24" s="72">
        <v>5</v>
      </c>
      <c r="AB24" s="244"/>
      <c r="AC24" s="71">
        <v>3</v>
      </c>
      <c r="AD24" s="71">
        <v>1</v>
      </c>
      <c r="AE24" s="71">
        <v>2</v>
      </c>
      <c r="AF24" s="71">
        <v>2</v>
      </c>
      <c r="AG24" s="71">
        <v>2</v>
      </c>
      <c r="AH24" s="72">
        <v>10</v>
      </c>
      <c r="AI24" s="73">
        <v>15</v>
      </c>
      <c r="AJ24" s="70">
        <v>3</v>
      </c>
      <c r="AK24" s="71">
        <v>3</v>
      </c>
      <c r="AL24" s="72">
        <v>6</v>
      </c>
      <c r="AM24" s="244"/>
      <c r="AN24" s="71">
        <v>8</v>
      </c>
      <c r="AO24" s="71">
        <v>6</v>
      </c>
      <c r="AP24" s="71">
        <v>3</v>
      </c>
      <c r="AQ24" s="71">
        <v>6</v>
      </c>
      <c r="AR24" s="71">
        <v>1</v>
      </c>
      <c r="AS24" s="72">
        <v>24</v>
      </c>
      <c r="AT24" s="73">
        <v>30</v>
      </c>
      <c r="AU24" s="70">
        <v>6</v>
      </c>
      <c r="AV24" s="71">
        <v>5</v>
      </c>
      <c r="AW24" s="72">
        <v>11</v>
      </c>
      <c r="AX24" s="244"/>
      <c r="AY24" s="71">
        <v>13</v>
      </c>
      <c r="AZ24" s="71">
        <v>10</v>
      </c>
      <c r="BA24" s="71">
        <v>4</v>
      </c>
      <c r="BB24" s="71">
        <v>2</v>
      </c>
      <c r="BC24" s="71">
        <v>2</v>
      </c>
      <c r="BD24" s="72">
        <v>31</v>
      </c>
      <c r="BE24" s="73">
        <v>42</v>
      </c>
      <c r="BF24" s="70">
        <v>14</v>
      </c>
      <c r="BG24" s="71">
        <v>3</v>
      </c>
      <c r="BH24" s="72">
        <v>17</v>
      </c>
      <c r="BI24" s="244"/>
      <c r="BJ24" s="71">
        <v>17</v>
      </c>
      <c r="BK24" s="71">
        <v>9</v>
      </c>
      <c r="BL24" s="71">
        <v>8</v>
      </c>
      <c r="BM24" s="71">
        <v>5</v>
      </c>
      <c r="BN24" s="71">
        <v>4</v>
      </c>
      <c r="BO24" s="72">
        <v>43</v>
      </c>
      <c r="BP24" s="73">
        <v>60</v>
      </c>
      <c r="BQ24" s="70">
        <v>6</v>
      </c>
      <c r="BR24" s="71">
        <v>6</v>
      </c>
      <c r="BS24" s="72">
        <v>12</v>
      </c>
      <c r="BT24" s="244"/>
      <c r="BU24" s="71">
        <v>6</v>
      </c>
      <c r="BV24" s="71">
        <v>9</v>
      </c>
      <c r="BW24" s="71">
        <v>5</v>
      </c>
      <c r="BX24" s="71">
        <v>7</v>
      </c>
      <c r="BY24" s="71">
        <v>4</v>
      </c>
      <c r="BZ24" s="72">
        <v>31</v>
      </c>
      <c r="CA24" s="73">
        <v>43</v>
      </c>
      <c r="CB24" s="70">
        <v>0</v>
      </c>
      <c r="CC24" s="71">
        <v>0</v>
      </c>
      <c r="CD24" s="72">
        <v>0</v>
      </c>
      <c r="CE24" s="244"/>
      <c r="CF24" s="71">
        <v>0</v>
      </c>
      <c r="CG24" s="71">
        <v>0</v>
      </c>
      <c r="CH24" s="71">
        <v>0</v>
      </c>
      <c r="CI24" s="71">
        <v>0</v>
      </c>
      <c r="CJ24" s="71">
        <v>0</v>
      </c>
      <c r="CK24" s="72">
        <v>0</v>
      </c>
      <c r="CL24" s="73">
        <v>0</v>
      </c>
      <c r="CM24" s="70">
        <v>33</v>
      </c>
      <c r="CN24" s="71">
        <v>20</v>
      </c>
      <c r="CO24" s="72">
        <v>53</v>
      </c>
      <c r="CP24" s="244"/>
      <c r="CQ24" s="71">
        <v>50</v>
      </c>
      <c r="CR24" s="71">
        <v>37</v>
      </c>
      <c r="CS24" s="71">
        <v>22</v>
      </c>
      <c r="CT24" s="71">
        <v>22</v>
      </c>
      <c r="CU24" s="71">
        <v>16</v>
      </c>
      <c r="CV24" s="72">
        <v>147</v>
      </c>
      <c r="CW24" s="73">
        <v>200</v>
      </c>
      <c r="CX24" s="123">
        <v>14</v>
      </c>
      <c r="CY24" s="82">
        <v>11</v>
      </c>
      <c r="CZ24" s="83">
        <v>25</v>
      </c>
      <c r="DA24" s="241"/>
      <c r="DB24" s="82">
        <v>14</v>
      </c>
      <c r="DC24" s="82">
        <v>17</v>
      </c>
      <c r="DD24" s="82">
        <v>11</v>
      </c>
      <c r="DE24" s="82">
        <v>9</v>
      </c>
      <c r="DF24" s="82">
        <v>5</v>
      </c>
      <c r="DG24" s="84">
        <v>56</v>
      </c>
      <c r="DH24" s="85">
        <v>81</v>
      </c>
      <c r="DI24" s="70">
        <v>0</v>
      </c>
      <c r="DJ24" s="71">
        <v>1</v>
      </c>
      <c r="DK24" s="72">
        <v>1</v>
      </c>
      <c r="DL24" s="244"/>
      <c r="DM24" s="71">
        <v>0</v>
      </c>
      <c r="DN24" s="71">
        <v>0</v>
      </c>
      <c r="DO24" s="71">
        <v>0</v>
      </c>
      <c r="DP24" s="71">
        <v>0</v>
      </c>
      <c r="DQ24" s="71">
        <v>1</v>
      </c>
      <c r="DR24" s="72">
        <v>1</v>
      </c>
      <c r="DS24" s="73">
        <v>2</v>
      </c>
      <c r="DT24" s="70">
        <v>3</v>
      </c>
      <c r="DU24" s="71">
        <v>0</v>
      </c>
      <c r="DV24" s="72">
        <v>3</v>
      </c>
      <c r="DW24" s="244"/>
      <c r="DX24" s="71">
        <v>1</v>
      </c>
      <c r="DY24" s="71">
        <v>2</v>
      </c>
      <c r="DZ24" s="71">
        <v>1</v>
      </c>
      <c r="EA24" s="71">
        <v>0</v>
      </c>
      <c r="EB24" s="71">
        <v>1</v>
      </c>
      <c r="EC24" s="72">
        <v>5</v>
      </c>
      <c r="ED24" s="73">
        <v>8</v>
      </c>
      <c r="EE24" s="70">
        <v>1</v>
      </c>
      <c r="EF24" s="71">
        <v>1</v>
      </c>
      <c r="EG24" s="72">
        <v>2</v>
      </c>
      <c r="EH24" s="244"/>
      <c r="EI24" s="71">
        <v>3</v>
      </c>
      <c r="EJ24" s="71">
        <v>3</v>
      </c>
      <c r="EK24" s="71">
        <v>1</v>
      </c>
      <c r="EL24" s="71">
        <v>0</v>
      </c>
      <c r="EM24" s="71">
        <v>0</v>
      </c>
      <c r="EN24" s="72">
        <v>7</v>
      </c>
      <c r="EO24" s="73">
        <v>9</v>
      </c>
      <c r="EP24" s="70">
        <v>8</v>
      </c>
      <c r="EQ24" s="71">
        <v>5</v>
      </c>
      <c r="ER24" s="72">
        <v>13</v>
      </c>
      <c r="ES24" s="244"/>
      <c r="ET24" s="71">
        <v>3</v>
      </c>
      <c r="EU24" s="71">
        <v>1</v>
      </c>
      <c r="EV24" s="71">
        <v>1</v>
      </c>
      <c r="EW24" s="71">
        <v>0</v>
      </c>
      <c r="EX24" s="71">
        <v>0</v>
      </c>
      <c r="EY24" s="72">
        <v>5</v>
      </c>
      <c r="EZ24" s="73">
        <v>18</v>
      </c>
      <c r="FA24" s="70">
        <v>0</v>
      </c>
      <c r="FB24" s="71">
        <v>4</v>
      </c>
      <c r="FC24" s="72">
        <v>4</v>
      </c>
      <c r="FD24" s="244"/>
      <c r="FE24" s="71">
        <v>2</v>
      </c>
      <c r="FF24" s="71">
        <v>5</v>
      </c>
      <c r="FG24" s="71">
        <v>1</v>
      </c>
      <c r="FH24" s="71">
        <v>2</v>
      </c>
      <c r="FI24" s="71">
        <v>1</v>
      </c>
      <c r="FJ24" s="72">
        <v>11</v>
      </c>
      <c r="FK24" s="73">
        <v>15</v>
      </c>
      <c r="FL24" s="70">
        <v>2</v>
      </c>
      <c r="FM24" s="71">
        <v>0</v>
      </c>
      <c r="FN24" s="72">
        <v>2</v>
      </c>
      <c r="FO24" s="244"/>
      <c r="FP24" s="71">
        <v>5</v>
      </c>
      <c r="FQ24" s="71">
        <v>6</v>
      </c>
      <c r="FR24" s="71">
        <v>7</v>
      </c>
      <c r="FS24" s="71">
        <v>7</v>
      </c>
      <c r="FT24" s="71">
        <v>2</v>
      </c>
      <c r="FU24" s="72">
        <v>27</v>
      </c>
      <c r="FV24" s="73">
        <v>29</v>
      </c>
      <c r="FW24" s="70">
        <v>0</v>
      </c>
      <c r="FX24" s="71">
        <v>0</v>
      </c>
      <c r="FY24" s="72">
        <v>0</v>
      </c>
      <c r="FZ24" s="244"/>
      <c r="GA24" s="71">
        <v>0</v>
      </c>
      <c r="GB24" s="71">
        <v>0</v>
      </c>
      <c r="GC24" s="71">
        <v>0</v>
      </c>
      <c r="GD24" s="71">
        <v>0</v>
      </c>
      <c r="GE24" s="71">
        <v>0</v>
      </c>
      <c r="GF24" s="72">
        <v>0</v>
      </c>
      <c r="GG24" s="73">
        <v>0</v>
      </c>
      <c r="GH24" s="70">
        <v>14</v>
      </c>
      <c r="GI24" s="71">
        <v>11</v>
      </c>
      <c r="GJ24" s="72">
        <v>25</v>
      </c>
      <c r="GK24" s="244"/>
      <c r="GL24" s="71">
        <v>14</v>
      </c>
      <c r="GM24" s="71">
        <v>17</v>
      </c>
      <c r="GN24" s="71">
        <v>11</v>
      </c>
      <c r="GO24" s="71">
        <v>9</v>
      </c>
      <c r="GP24" s="71">
        <v>5</v>
      </c>
      <c r="GQ24" s="72">
        <v>56</v>
      </c>
      <c r="GR24" s="73">
        <v>81</v>
      </c>
      <c r="GS24" s="123">
        <v>47</v>
      </c>
      <c r="GT24" s="82">
        <v>31</v>
      </c>
      <c r="GU24" s="83">
        <v>78</v>
      </c>
      <c r="GV24" s="241"/>
      <c r="GW24" s="82">
        <v>64</v>
      </c>
      <c r="GX24" s="82">
        <v>54</v>
      </c>
      <c r="GY24" s="82">
        <v>33</v>
      </c>
      <c r="GZ24" s="82">
        <v>31</v>
      </c>
      <c r="HA24" s="82">
        <v>21</v>
      </c>
      <c r="HB24" s="84">
        <v>203</v>
      </c>
      <c r="HC24" s="85">
        <v>281</v>
      </c>
      <c r="HD24" s="70">
        <v>1</v>
      </c>
      <c r="HE24" s="71">
        <v>2</v>
      </c>
      <c r="HF24" s="72">
        <v>3</v>
      </c>
      <c r="HG24" s="244"/>
      <c r="HH24" s="71">
        <v>3</v>
      </c>
      <c r="HI24" s="71">
        <v>2</v>
      </c>
      <c r="HJ24" s="71">
        <v>0</v>
      </c>
      <c r="HK24" s="71">
        <v>0</v>
      </c>
      <c r="HL24" s="71">
        <v>4</v>
      </c>
      <c r="HM24" s="72">
        <v>9</v>
      </c>
      <c r="HN24" s="73">
        <v>12</v>
      </c>
      <c r="HO24" s="70">
        <v>6</v>
      </c>
      <c r="HP24" s="71">
        <v>2</v>
      </c>
      <c r="HQ24" s="72">
        <v>8</v>
      </c>
      <c r="HR24" s="244"/>
      <c r="HS24" s="71">
        <v>4</v>
      </c>
      <c r="HT24" s="71">
        <v>3</v>
      </c>
      <c r="HU24" s="71">
        <v>3</v>
      </c>
      <c r="HV24" s="71">
        <v>2</v>
      </c>
      <c r="HW24" s="71">
        <v>3</v>
      </c>
      <c r="HX24" s="72">
        <v>15</v>
      </c>
      <c r="HY24" s="73">
        <v>23</v>
      </c>
      <c r="HZ24" s="70">
        <v>4</v>
      </c>
      <c r="IA24" s="71">
        <v>4</v>
      </c>
      <c r="IB24" s="72">
        <v>8</v>
      </c>
      <c r="IC24" s="244"/>
      <c r="ID24" s="71">
        <v>11</v>
      </c>
      <c r="IE24" s="71">
        <v>9</v>
      </c>
      <c r="IF24" s="71">
        <v>4</v>
      </c>
      <c r="IG24" s="71">
        <v>6</v>
      </c>
      <c r="IH24" s="71">
        <v>1</v>
      </c>
      <c r="II24" s="72">
        <v>31</v>
      </c>
      <c r="IJ24" s="73">
        <v>39</v>
      </c>
      <c r="IK24" s="70">
        <v>14</v>
      </c>
      <c r="IL24" s="71">
        <v>10</v>
      </c>
      <c r="IM24" s="72">
        <v>24</v>
      </c>
      <c r="IN24" s="244"/>
      <c r="IO24" s="71">
        <v>16</v>
      </c>
      <c r="IP24" s="71">
        <v>11</v>
      </c>
      <c r="IQ24" s="71">
        <v>5</v>
      </c>
      <c r="IR24" s="71">
        <v>2</v>
      </c>
      <c r="IS24" s="71">
        <v>2</v>
      </c>
      <c r="IT24" s="72">
        <v>36</v>
      </c>
      <c r="IU24" s="73">
        <v>60</v>
      </c>
      <c r="IV24" s="70">
        <v>14</v>
      </c>
      <c r="IW24" s="71">
        <v>7</v>
      </c>
      <c r="IX24" s="72">
        <v>21</v>
      </c>
      <c r="IY24" s="244"/>
      <c r="IZ24" s="71">
        <v>19</v>
      </c>
      <c r="JA24" s="71">
        <v>14</v>
      </c>
      <c r="JB24" s="71">
        <v>9</v>
      </c>
      <c r="JC24" s="71">
        <v>7</v>
      </c>
      <c r="JD24" s="71">
        <v>5</v>
      </c>
      <c r="JE24" s="72">
        <v>54</v>
      </c>
      <c r="JF24" s="73">
        <v>75</v>
      </c>
      <c r="JG24" s="70">
        <v>8</v>
      </c>
      <c r="JH24" s="71">
        <v>6</v>
      </c>
      <c r="JI24" s="72">
        <v>14</v>
      </c>
      <c r="JJ24" s="244"/>
      <c r="JK24" s="71">
        <v>11</v>
      </c>
      <c r="JL24" s="71">
        <v>15</v>
      </c>
      <c r="JM24" s="71">
        <v>12</v>
      </c>
      <c r="JN24" s="71">
        <v>14</v>
      </c>
      <c r="JO24" s="71">
        <v>6</v>
      </c>
      <c r="JP24" s="72">
        <v>58</v>
      </c>
      <c r="JQ24" s="73">
        <v>72</v>
      </c>
      <c r="JR24" s="70">
        <v>0</v>
      </c>
      <c r="JS24" s="71">
        <v>0</v>
      </c>
      <c r="JT24" s="72">
        <v>0</v>
      </c>
      <c r="JU24" s="244"/>
      <c r="JV24" s="71">
        <v>0</v>
      </c>
      <c r="JW24" s="71">
        <v>0</v>
      </c>
      <c r="JX24" s="71">
        <v>0</v>
      </c>
      <c r="JY24" s="71">
        <v>0</v>
      </c>
      <c r="JZ24" s="71">
        <v>0</v>
      </c>
      <c r="KA24" s="72">
        <v>0</v>
      </c>
      <c r="KB24" s="73">
        <v>0</v>
      </c>
      <c r="KC24" s="70">
        <v>47</v>
      </c>
      <c r="KD24" s="71">
        <v>31</v>
      </c>
      <c r="KE24" s="72">
        <v>78</v>
      </c>
      <c r="KF24" s="244"/>
      <c r="KG24" s="71">
        <v>64</v>
      </c>
      <c r="KH24" s="71">
        <v>54</v>
      </c>
      <c r="KI24" s="71">
        <v>33</v>
      </c>
      <c r="KJ24" s="71">
        <v>31</v>
      </c>
      <c r="KK24" s="71">
        <v>21</v>
      </c>
      <c r="KL24" s="72">
        <v>203</v>
      </c>
      <c r="KM24" s="73">
        <v>281</v>
      </c>
    </row>
    <row r="25" spans="2:299" ht="21" customHeight="1" x14ac:dyDescent="0.2">
      <c r="B25" s="126" t="s">
        <v>22</v>
      </c>
      <c r="C25" s="315">
        <v>12</v>
      </c>
      <c r="D25" s="82">
        <v>9</v>
      </c>
      <c r="E25" s="83">
        <v>21</v>
      </c>
      <c r="F25" s="241"/>
      <c r="G25" s="82">
        <v>29</v>
      </c>
      <c r="H25" s="82">
        <v>15</v>
      </c>
      <c r="I25" s="82">
        <v>11</v>
      </c>
      <c r="J25" s="82">
        <v>8</v>
      </c>
      <c r="K25" s="82">
        <v>8</v>
      </c>
      <c r="L25" s="84">
        <v>71</v>
      </c>
      <c r="M25" s="85">
        <v>92</v>
      </c>
      <c r="N25" s="70">
        <v>0</v>
      </c>
      <c r="O25" s="71">
        <v>0</v>
      </c>
      <c r="P25" s="72">
        <v>0</v>
      </c>
      <c r="Q25" s="244"/>
      <c r="R25" s="71">
        <v>1</v>
      </c>
      <c r="S25" s="71">
        <v>0</v>
      </c>
      <c r="T25" s="71">
        <v>0</v>
      </c>
      <c r="U25" s="71">
        <v>0</v>
      </c>
      <c r="V25" s="71">
        <v>0</v>
      </c>
      <c r="W25" s="72">
        <v>1</v>
      </c>
      <c r="X25" s="73">
        <v>1</v>
      </c>
      <c r="Y25" s="70">
        <v>2</v>
      </c>
      <c r="Z25" s="71">
        <v>2</v>
      </c>
      <c r="AA25" s="72">
        <v>4</v>
      </c>
      <c r="AB25" s="244"/>
      <c r="AC25" s="71">
        <v>5</v>
      </c>
      <c r="AD25" s="71">
        <v>1</v>
      </c>
      <c r="AE25" s="71">
        <v>1</v>
      </c>
      <c r="AF25" s="71">
        <v>0</v>
      </c>
      <c r="AG25" s="71">
        <v>1</v>
      </c>
      <c r="AH25" s="72">
        <v>8</v>
      </c>
      <c r="AI25" s="73">
        <v>12</v>
      </c>
      <c r="AJ25" s="70">
        <v>2</v>
      </c>
      <c r="AK25" s="71">
        <v>0</v>
      </c>
      <c r="AL25" s="72">
        <v>2</v>
      </c>
      <c r="AM25" s="244"/>
      <c r="AN25" s="71">
        <v>3</v>
      </c>
      <c r="AO25" s="71">
        <v>2</v>
      </c>
      <c r="AP25" s="71">
        <v>0</v>
      </c>
      <c r="AQ25" s="71">
        <v>0</v>
      </c>
      <c r="AR25" s="71">
        <v>1</v>
      </c>
      <c r="AS25" s="72">
        <v>6</v>
      </c>
      <c r="AT25" s="73">
        <v>8</v>
      </c>
      <c r="AU25" s="70">
        <v>3</v>
      </c>
      <c r="AV25" s="71">
        <v>3</v>
      </c>
      <c r="AW25" s="72">
        <v>6</v>
      </c>
      <c r="AX25" s="244"/>
      <c r="AY25" s="71">
        <v>8</v>
      </c>
      <c r="AZ25" s="71">
        <v>4</v>
      </c>
      <c r="BA25" s="71">
        <v>3</v>
      </c>
      <c r="BB25" s="71">
        <v>3</v>
      </c>
      <c r="BC25" s="71">
        <v>2</v>
      </c>
      <c r="BD25" s="72">
        <v>20</v>
      </c>
      <c r="BE25" s="73">
        <v>26</v>
      </c>
      <c r="BF25" s="70">
        <v>1</v>
      </c>
      <c r="BG25" s="71">
        <v>3</v>
      </c>
      <c r="BH25" s="72">
        <v>4</v>
      </c>
      <c r="BI25" s="244"/>
      <c r="BJ25" s="71">
        <v>3</v>
      </c>
      <c r="BK25" s="71">
        <v>5</v>
      </c>
      <c r="BL25" s="71">
        <v>2</v>
      </c>
      <c r="BM25" s="71">
        <v>2</v>
      </c>
      <c r="BN25" s="71">
        <v>1</v>
      </c>
      <c r="BO25" s="72">
        <v>13</v>
      </c>
      <c r="BP25" s="73">
        <v>17</v>
      </c>
      <c r="BQ25" s="70">
        <v>4</v>
      </c>
      <c r="BR25" s="71">
        <v>1</v>
      </c>
      <c r="BS25" s="72">
        <v>5</v>
      </c>
      <c r="BT25" s="244"/>
      <c r="BU25" s="71">
        <v>9</v>
      </c>
      <c r="BV25" s="71">
        <v>3</v>
      </c>
      <c r="BW25" s="71">
        <v>5</v>
      </c>
      <c r="BX25" s="71">
        <v>3</v>
      </c>
      <c r="BY25" s="71">
        <v>3</v>
      </c>
      <c r="BZ25" s="72">
        <v>23</v>
      </c>
      <c r="CA25" s="73">
        <v>28</v>
      </c>
      <c r="CB25" s="70">
        <v>0</v>
      </c>
      <c r="CC25" s="71">
        <v>0</v>
      </c>
      <c r="CD25" s="72">
        <v>0</v>
      </c>
      <c r="CE25" s="244"/>
      <c r="CF25" s="71">
        <v>0</v>
      </c>
      <c r="CG25" s="71">
        <v>0</v>
      </c>
      <c r="CH25" s="71">
        <v>0</v>
      </c>
      <c r="CI25" s="71">
        <v>0</v>
      </c>
      <c r="CJ25" s="71">
        <v>0</v>
      </c>
      <c r="CK25" s="72">
        <v>0</v>
      </c>
      <c r="CL25" s="73">
        <v>0</v>
      </c>
      <c r="CM25" s="70">
        <v>12</v>
      </c>
      <c r="CN25" s="71">
        <v>9</v>
      </c>
      <c r="CO25" s="72">
        <v>21</v>
      </c>
      <c r="CP25" s="244"/>
      <c r="CQ25" s="71">
        <v>29</v>
      </c>
      <c r="CR25" s="71">
        <v>15</v>
      </c>
      <c r="CS25" s="71">
        <v>11</v>
      </c>
      <c r="CT25" s="71">
        <v>8</v>
      </c>
      <c r="CU25" s="71">
        <v>8</v>
      </c>
      <c r="CV25" s="72">
        <v>71</v>
      </c>
      <c r="CW25" s="73">
        <v>92</v>
      </c>
      <c r="CX25" s="123">
        <v>2</v>
      </c>
      <c r="CY25" s="82">
        <v>5</v>
      </c>
      <c r="CZ25" s="83">
        <v>7</v>
      </c>
      <c r="DA25" s="241"/>
      <c r="DB25" s="82">
        <v>9</v>
      </c>
      <c r="DC25" s="82">
        <v>2</v>
      </c>
      <c r="DD25" s="82">
        <v>4</v>
      </c>
      <c r="DE25" s="82">
        <v>5</v>
      </c>
      <c r="DF25" s="82">
        <v>3</v>
      </c>
      <c r="DG25" s="84">
        <v>23</v>
      </c>
      <c r="DH25" s="85">
        <v>30</v>
      </c>
      <c r="DI25" s="70">
        <v>0</v>
      </c>
      <c r="DJ25" s="71">
        <v>1</v>
      </c>
      <c r="DK25" s="72">
        <v>1</v>
      </c>
      <c r="DL25" s="244"/>
      <c r="DM25" s="71">
        <v>0</v>
      </c>
      <c r="DN25" s="71">
        <v>0</v>
      </c>
      <c r="DO25" s="71">
        <v>0</v>
      </c>
      <c r="DP25" s="71">
        <v>0</v>
      </c>
      <c r="DQ25" s="71">
        <v>0</v>
      </c>
      <c r="DR25" s="72">
        <v>0</v>
      </c>
      <c r="DS25" s="73">
        <v>1</v>
      </c>
      <c r="DT25" s="70">
        <v>0</v>
      </c>
      <c r="DU25" s="71">
        <v>0</v>
      </c>
      <c r="DV25" s="72">
        <v>0</v>
      </c>
      <c r="DW25" s="244"/>
      <c r="DX25" s="71">
        <v>0</v>
      </c>
      <c r="DY25" s="71">
        <v>0</v>
      </c>
      <c r="DZ25" s="71">
        <v>1</v>
      </c>
      <c r="EA25" s="71">
        <v>1</v>
      </c>
      <c r="EB25" s="71">
        <v>0</v>
      </c>
      <c r="EC25" s="72">
        <v>2</v>
      </c>
      <c r="ED25" s="73">
        <v>2</v>
      </c>
      <c r="EE25" s="70">
        <v>1</v>
      </c>
      <c r="EF25" s="71">
        <v>2</v>
      </c>
      <c r="EG25" s="72">
        <v>3</v>
      </c>
      <c r="EH25" s="244"/>
      <c r="EI25" s="71">
        <v>1</v>
      </c>
      <c r="EJ25" s="71">
        <v>0</v>
      </c>
      <c r="EK25" s="71">
        <v>1</v>
      </c>
      <c r="EL25" s="71">
        <v>0</v>
      </c>
      <c r="EM25" s="71">
        <v>1</v>
      </c>
      <c r="EN25" s="72">
        <v>3</v>
      </c>
      <c r="EO25" s="73">
        <v>6</v>
      </c>
      <c r="EP25" s="70">
        <v>1</v>
      </c>
      <c r="EQ25" s="71">
        <v>1</v>
      </c>
      <c r="ER25" s="72">
        <v>2</v>
      </c>
      <c r="ES25" s="244"/>
      <c r="ET25" s="71">
        <v>4</v>
      </c>
      <c r="EU25" s="71">
        <v>0</v>
      </c>
      <c r="EV25" s="71">
        <v>1</v>
      </c>
      <c r="EW25" s="71">
        <v>1</v>
      </c>
      <c r="EX25" s="71">
        <v>0</v>
      </c>
      <c r="EY25" s="72">
        <v>6</v>
      </c>
      <c r="EZ25" s="73">
        <v>8</v>
      </c>
      <c r="FA25" s="70">
        <v>0</v>
      </c>
      <c r="FB25" s="71">
        <v>0</v>
      </c>
      <c r="FC25" s="72">
        <v>0</v>
      </c>
      <c r="FD25" s="244"/>
      <c r="FE25" s="71">
        <v>2</v>
      </c>
      <c r="FF25" s="71">
        <v>0</v>
      </c>
      <c r="FG25" s="71">
        <v>1</v>
      </c>
      <c r="FH25" s="71">
        <v>0</v>
      </c>
      <c r="FI25" s="71">
        <v>0</v>
      </c>
      <c r="FJ25" s="72">
        <v>3</v>
      </c>
      <c r="FK25" s="73">
        <v>3</v>
      </c>
      <c r="FL25" s="70">
        <v>0</v>
      </c>
      <c r="FM25" s="71">
        <v>1</v>
      </c>
      <c r="FN25" s="72">
        <v>1</v>
      </c>
      <c r="FO25" s="244"/>
      <c r="FP25" s="71">
        <v>2</v>
      </c>
      <c r="FQ25" s="71">
        <v>2</v>
      </c>
      <c r="FR25" s="71">
        <v>0</v>
      </c>
      <c r="FS25" s="71">
        <v>3</v>
      </c>
      <c r="FT25" s="71">
        <v>2</v>
      </c>
      <c r="FU25" s="72">
        <v>9</v>
      </c>
      <c r="FV25" s="73">
        <v>10</v>
      </c>
      <c r="FW25" s="70">
        <v>0</v>
      </c>
      <c r="FX25" s="71">
        <v>0</v>
      </c>
      <c r="FY25" s="72">
        <v>0</v>
      </c>
      <c r="FZ25" s="244"/>
      <c r="GA25" s="71">
        <v>0</v>
      </c>
      <c r="GB25" s="71">
        <v>0</v>
      </c>
      <c r="GC25" s="71">
        <v>0</v>
      </c>
      <c r="GD25" s="71">
        <v>0</v>
      </c>
      <c r="GE25" s="71">
        <v>0</v>
      </c>
      <c r="GF25" s="72">
        <v>0</v>
      </c>
      <c r="GG25" s="73">
        <v>0</v>
      </c>
      <c r="GH25" s="70">
        <v>2</v>
      </c>
      <c r="GI25" s="71">
        <v>5</v>
      </c>
      <c r="GJ25" s="72">
        <v>7</v>
      </c>
      <c r="GK25" s="244"/>
      <c r="GL25" s="71">
        <v>9</v>
      </c>
      <c r="GM25" s="71">
        <v>2</v>
      </c>
      <c r="GN25" s="71">
        <v>4</v>
      </c>
      <c r="GO25" s="71">
        <v>5</v>
      </c>
      <c r="GP25" s="71">
        <v>3</v>
      </c>
      <c r="GQ25" s="72">
        <v>23</v>
      </c>
      <c r="GR25" s="73">
        <v>30</v>
      </c>
      <c r="GS25" s="123">
        <v>14</v>
      </c>
      <c r="GT25" s="82">
        <v>14</v>
      </c>
      <c r="GU25" s="83">
        <v>28</v>
      </c>
      <c r="GV25" s="241"/>
      <c r="GW25" s="82">
        <v>38</v>
      </c>
      <c r="GX25" s="82">
        <v>17</v>
      </c>
      <c r="GY25" s="82">
        <v>15</v>
      </c>
      <c r="GZ25" s="82">
        <v>13</v>
      </c>
      <c r="HA25" s="82">
        <v>11</v>
      </c>
      <c r="HB25" s="84">
        <v>94</v>
      </c>
      <c r="HC25" s="85">
        <v>122</v>
      </c>
      <c r="HD25" s="70">
        <v>0</v>
      </c>
      <c r="HE25" s="71">
        <v>1</v>
      </c>
      <c r="HF25" s="72">
        <v>1</v>
      </c>
      <c r="HG25" s="244"/>
      <c r="HH25" s="71">
        <v>1</v>
      </c>
      <c r="HI25" s="71">
        <v>0</v>
      </c>
      <c r="HJ25" s="71">
        <v>0</v>
      </c>
      <c r="HK25" s="71">
        <v>0</v>
      </c>
      <c r="HL25" s="71">
        <v>0</v>
      </c>
      <c r="HM25" s="72">
        <v>1</v>
      </c>
      <c r="HN25" s="73">
        <v>2</v>
      </c>
      <c r="HO25" s="70">
        <v>2</v>
      </c>
      <c r="HP25" s="71">
        <v>2</v>
      </c>
      <c r="HQ25" s="72">
        <v>4</v>
      </c>
      <c r="HR25" s="244"/>
      <c r="HS25" s="71">
        <v>5</v>
      </c>
      <c r="HT25" s="71">
        <v>1</v>
      </c>
      <c r="HU25" s="71">
        <v>2</v>
      </c>
      <c r="HV25" s="71">
        <v>1</v>
      </c>
      <c r="HW25" s="71">
        <v>1</v>
      </c>
      <c r="HX25" s="72">
        <v>10</v>
      </c>
      <c r="HY25" s="73">
        <v>14</v>
      </c>
      <c r="HZ25" s="70">
        <v>3</v>
      </c>
      <c r="IA25" s="71">
        <v>2</v>
      </c>
      <c r="IB25" s="72">
        <v>5</v>
      </c>
      <c r="IC25" s="244"/>
      <c r="ID25" s="71">
        <v>4</v>
      </c>
      <c r="IE25" s="71">
        <v>2</v>
      </c>
      <c r="IF25" s="71">
        <v>1</v>
      </c>
      <c r="IG25" s="71">
        <v>0</v>
      </c>
      <c r="IH25" s="71">
        <v>2</v>
      </c>
      <c r="II25" s="72">
        <v>9</v>
      </c>
      <c r="IJ25" s="73">
        <v>14</v>
      </c>
      <c r="IK25" s="70">
        <v>4</v>
      </c>
      <c r="IL25" s="71">
        <v>4</v>
      </c>
      <c r="IM25" s="72">
        <v>8</v>
      </c>
      <c r="IN25" s="244"/>
      <c r="IO25" s="71">
        <v>12</v>
      </c>
      <c r="IP25" s="71">
        <v>4</v>
      </c>
      <c r="IQ25" s="71">
        <v>4</v>
      </c>
      <c r="IR25" s="71">
        <v>4</v>
      </c>
      <c r="IS25" s="71">
        <v>2</v>
      </c>
      <c r="IT25" s="72">
        <v>26</v>
      </c>
      <c r="IU25" s="73">
        <v>34</v>
      </c>
      <c r="IV25" s="70">
        <v>1</v>
      </c>
      <c r="IW25" s="71">
        <v>3</v>
      </c>
      <c r="IX25" s="72">
        <v>4</v>
      </c>
      <c r="IY25" s="244"/>
      <c r="IZ25" s="71">
        <v>5</v>
      </c>
      <c r="JA25" s="71">
        <v>5</v>
      </c>
      <c r="JB25" s="71">
        <v>3</v>
      </c>
      <c r="JC25" s="71">
        <v>2</v>
      </c>
      <c r="JD25" s="71">
        <v>1</v>
      </c>
      <c r="JE25" s="72">
        <v>16</v>
      </c>
      <c r="JF25" s="73">
        <v>20</v>
      </c>
      <c r="JG25" s="70">
        <v>4</v>
      </c>
      <c r="JH25" s="71">
        <v>2</v>
      </c>
      <c r="JI25" s="72">
        <v>6</v>
      </c>
      <c r="JJ25" s="244"/>
      <c r="JK25" s="71">
        <v>11</v>
      </c>
      <c r="JL25" s="71">
        <v>5</v>
      </c>
      <c r="JM25" s="71">
        <v>5</v>
      </c>
      <c r="JN25" s="71">
        <v>6</v>
      </c>
      <c r="JO25" s="71">
        <v>5</v>
      </c>
      <c r="JP25" s="72">
        <v>32</v>
      </c>
      <c r="JQ25" s="73">
        <v>38</v>
      </c>
      <c r="JR25" s="70">
        <v>0</v>
      </c>
      <c r="JS25" s="71">
        <v>0</v>
      </c>
      <c r="JT25" s="72">
        <v>0</v>
      </c>
      <c r="JU25" s="244"/>
      <c r="JV25" s="71">
        <v>0</v>
      </c>
      <c r="JW25" s="71">
        <v>0</v>
      </c>
      <c r="JX25" s="71">
        <v>0</v>
      </c>
      <c r="JY25" s="71">
        <v>0</v>
      </c>
      <c r="JZ25" s="71">
        <v>0</v>
      </c>
      <c r="KA25" s="72">
        <v>0</v>
      </c>
      <c r="KB25" s="73">
        <v>0</v>
      </c>
      <c r="KC25" s="70">
        <v>14</v>
      </c>
      <c r="KD25" s="71">
        <v>14</v>
      </c>
      <c r="KE25" s="72">
        <v>28</v>
      </c>
      <c r="KF25" s="244"/>
      <c r="KG25" s="71">
        <v>38</v>
      </c>
      <c r="KH25" s="71">
        <v>17</v>
      </c>
      <c r="KI25" s="71">
        <v>15</v>
      </c>
      <c r="KJ25" s="71">
        <v>13</v>
      </c>
      <c r="KK25" s="71">
        <v>11</v>
      </c>
      <c r="KL25" s="72">
        <v>94</v>
      </c>
      <c r="KM25" s="73">
        <v>122</v>
      </c>
    </row>
    <row r="26" spans="2:299" ht="21" customHeight="1" x14ac:dyDescent="0.2">
      <c r="B26" s="126" t="s">
        <v>23</v>
      </c>
      <c r="C26" s="315">
        <v>11</v>
      </c>
      <c r="D26" s="82">
        <v>14</v>
      </c>
      <c r="E26" s="83">
        <v>25</v>
      </c>
      <c r="F26" s="241"/>
      <c r="G26" s="82">
        <v>25</v>
      </c>
      <c r="H26" s="82">
        <v>21</v>
      </c>
      <c r="I26" s="82">
        <v>19</v>
      </c>
      <c r="J26" s="82">
        <v>18</v>
      </c>
      <c r="K26" s="82">
        <v>10</v>
      </c>
      <c r="L26" s="84">
        <v>93</v>
      </c>
      <c r="M26" s="85">
        <v>118</v>
      </c>
      <c r="N26" s="70">
        <v>0</v>
      </c>
      <c r="O26" s="71">
        <v>1</v>
      </c>
      <c r="P26" s="72">
        <v>1</v>
      </c>
      <c r="Q26" s="244"/>
      <c r="R26" s="71">
        <v>0</v>
      </c>
      <c r="S26" s="71">
        <v>1</v>
      </c>
      <c r="T26" s="71">
        <v>0</v>
      </c>
      <c r="U26" s="71">
        <v>0</v>
      </c>
      <c r="V26" s="71">
        <v>0</v>
      </c>
      <c r="W26" s="72">
        <v>1</v>
      </c>
      <c r="X26" s="73">
        <v>2</v>
      </c>
      <c r="Y26" s="70">
        <v>4</v>
      </c>
      <c r="Z26" s="71">
        <v>0</v>
      </c>
      <c r="AA26" s="72">
        <v>4</v>
      </c>
      <c r="AB26" s="244"/>
      <c r="AC26" s="71">
        <v>3</v>
      </c>
      <c r="AD26" s="71">
        <v>2</v>
      </c>
      <c r="AE26" s="71">
        <v>1</v>
      </c>
      <c r="AF26" s="71">
        <v>0</v>
      </c>
      <c r="AG26" s="71">
        <v>2</v>
      </c>
      <c r="AH26" s="72">
        <v>8</v>
      </c>
      <c r="AI26" s="73">
        <v>12</v>
      </c>
      <c r="AJ26" s="70">
        <v>4</v>
      </c>
      <c r="AK26" s="71">
        <v>0</v>
      </c>
      <c r="AL26" s="72">
        <v>4</v>
      </c>
      <c r="AM26" s="244"/>
      <c r="AN26" s="71">
        <v>4</v>
      </c>
      <c r="AO26" s="71">
        <v>6</v>
      </c>
      <c r="AP26" s="71">
        <v>1</v>
      </c>
      <c r="AQ26" s="71">
        <v>3</v>
      </c>
      <c r="AR26" s="71">
        <v>4</v>
      </c>
      <c r="AS26" s="72">
        <v>18</v>
      </c>
      <c r="AT26" s="73">
        <v>22</v>
      </c>
      <c r="AU26" s="70">
        <v>0</v>
      </c>
      <c r="AV26" s="71">
        <v>8</v>
      </c>
      <c r="AW26" s="72">
        <v>8</v>
      </c>
      <c r="AX26" s="244"/>
      <c r="AY26" s="71">
        <v>6</v>
      </c>
      <c r="AZ26" s="71">
        <v>2</v>
      </c>
      <c r="BA26" s="71">
        <v>7</v>
      </c>
      <c r="BB26" s="71">
        <v>6</v>
      </c>
      <c r="BC26" s="71">
        <v>1</v>
      </c>
      <c r="BD26" s="72">
        <v>22</v>
      </c>
      <c r="BE26" s="73">
        <v>30</v>
      </c>
      <c r="BF26" s="70">
        <v>1</v>
      </c>
      <c r="BG26" s="71">
        <v>4</v>
      </c>
      <c r="BH26" s="72">
        <v>5</v>
      </c>
      <c r="BI26" s="244"/>
      <c r="BJ26" s="71">
        <v>7</v>
      </c>
      <c r="BK26" s="71">
        <v>8</v>
      </c>
      <c r="BL26" s="71">
        <v>8</v>
      </c>
      <c r="BM26" s="71">
        <v>3</v>
      </c>
      <c r="BN26" s="71">
        <v>3</v>
      </c>
      <c r="BO26" s="72">
        <v>29</v>
      </c>
      <c r="BP26" s="73">
        <v>34</v>
      </c>
      <c r="BQ26" s="70">
        <v>2</v>
      </c>
      <c r="BR26" s="71">
        <v>1</v>
      </c>
      <c r="BS26" s="72">
        <v>3</v>
      </c>
      <c r="BT26" s="244"/>
      <c r="BU26" s="71">
        <v>5</v>
      </c>
      <c r="BV26" s="71">
        <v>2</v>
      </c>
      <c r="BW26" s="71">
        <v>2</v>
      </c>
      <c r="BX26" s="71">
        <v>6</v>
      </c>
      <c r="BY26" s="71">
        <v>0</v>
      </c>
      <c r="BZ26" s="72">
        <v>15</v>
      </c>
      <c r="CA26" s="73">
        <v>18</v>
      </c>
      <c r="CB26" s="70">
        <v>0</v>
      </c>
      <c r="CC26" s="71">
        <v>0</v>
      </c>
      <c r="CD26" s="72">
        <v>0</v>
      </c>
      <c r="CE26" s="244"/>
      <c r="CF26" s="71">
        <v>0</v>
      </c>
      <c r="CG26" s="71">
        <v>0</v>
      </c>
      <c r="CH26" s="71">
        <v>0</v>
      </c>
      <c r="CI26" s="71">
        <v>0</v>
      </c>
      <c r="CJ26" s="71">
        <v>0</v>
      </c>
      <c r="CK26" s="72">
        <v>0</v>
      </c>
      <c r="CL26" s="73">
        <v>0</v>
      </c>
      <c r="CM26" s="70">
        <v>11</v>
      </c>
      <c r="CN26" s="71">
        <v>14</v>
      </c>
      <c r="CO26" s="72">
        <v>25</v>
      </c>
      <c r="CP26" s="244"/>
      <c r="CQ26" s="71">
        <v>25</v>
      </c>
      <c r="CR26" s="71">
        <v>21</v>
      </c>
      <c r="CS26" s="71">
        <v>19</v>
      </c>
      <c r="CT26" s="71">
        <v>18</v>
      </c>
      <c r="CU26" s="71">
        <v>10</v>
      </c>
      <c r="CV26" s="72">
        <v>93</v>
      </c>
      <c r="CW26" s="73">
        <v>118</v>
      </c>
      <c r="CX26" s="123">
        <v>8</v>
      </c>
      <c r="CY26" s="82">
        <v>7</v>
      </c>
      <c r="CZ26" s="83">
        <v>15</v>
      </c>
      <c r="DA26" s="241"/>
      <c r="DB26" s="82">
        <v>13</v>
      </c>
      <c r="DC26" s="82">
        <v>10</v>
      </c>
      <c r="DD26" s="82">
        <v>2</v>
      </c>
      <c r="DE26" s="82">
        <v>13</v>
      </c>
      <c r="DF26" s="82">
        <v>8</v>
      </c>
      <c r="DG26" s="84">
        <v>46</v>
      </c>
      <c r="DH26" s="85">
        <v>61</v>
      </c>
      <c r="DI26" s="70">
        <v>0</v>
      </c>
      <c r="DJ26" s="71">
        <v>1</v>
      </c>
      <c r="DK26" s="72">
        <v>1</v>
      </c>
      <c r="DL26" s="244"/>
      <c r="DM26" s="71">
        <v>0</v>
      </c>
      <c r="DN26" s="71">
        <v>0</v>
      </c>
      <c r="DO26" s="71">
        <v>0</v>
      </c>
      <c r="DP26" s="71">
        <v>0</v>
      </c>
      <c r="DQ26" s="71">
        <v>0</v>
      </c>
      <c r="DR26" s="72">
        <v>0</v>
      </c>
      <c r="DS26" s="73">
        <v>1</v>
      </c>
      <c r="DT26" s="70">
        <v>0</v>
      </c>
      <c r="DU26" s="71">
        <v>0</v>
      </c>
      <c r="DV26" s="72">
        <v>0</v>
      </c>
      <c r="DW26" s="244"/>
      <c r="DX26" s="71">
        <v>1</v>
      </c>
      <c r="DY26" s="71">
        <v>2</v>
      </c>
      <c r="DZ26" s="71">
        <v>0</v>
      </c>
      <c r="EA26" s="71">
        <v>0</v>
      </c>
      <c r="EB26" s="71">
        <v>0</v>
      </c>
      <c r="EC26" s="72">
        <v>3</v>
      </c>
      <c r="ED26" s="73">
        <v>3</v>
      </c>
      <c r="EE26" s="70">
        <v>2</v>
      </c>
      <c r="EF26" s="71">
        <v>2</v>
      </c>
      <c r="EG26" s="72">
        <v>4</v>
      </c>
      <c r="EH26" s="244"/>
      <c r="EI26" s="71">
        <v>2</v>
      </c>
      <c r="EJ26" s="71">
        <v>0</v>
      </c>
      <c r="EK26" s="71">
        <v>0</v>
      </c>
      <c r="EL26" s="71">
        <v>0</v>
      </c>
      <c r="EM26" s="71">
        <v>1</v>
      </c>
      <c r="EN26" s="72">
        <v>3</v>
      </c>
      <c r="EO26" s="73">
        <v>7</v>
      </c>
      <c r="EP26" s="70">
        <v>2</v>
      </c>
      <c r="EQ26" s="71">
        <v>2</v>
      </c>
      <c r="ER26" s="72">
        <v>4</v>
      </c>
      <c r="ES26" s="244"/>
      <c r="ET26" s="71">
        <v>3</v>
      </c>
      <c r="EU26" s="71">
        <v>2</v>
      </c>
      <c r="EV26" s="71">
        <v>2</v>
      </c>
      <c r="EW26" s="71">
        <v>1</v>
      </c>
      <c r="EX26" s="71">
        <v>1</v>
      </c>
      <c r="EY26" s="72">
        <v>9</v>
      </c>
      <c r="EZ26" s="73">
        <v>13</v>
      </c>
      <c r="FA26" s="70">
        <v>3</v>
      </c>
      <c r="FB26" s="71">
        <v>2</v>
      </c>
      <c r="FC26" s="72">
        <v>5</v>
      </c>
      <c r="FD26" s="244"/>
      <c r="FE26" s="71">
        <v>2</v>
      </c>
      <c r="FF26" s="71">
        <v>3</v>
      </c>
      <c r="FG26" s="71">
        <v>0</v>
      </c>
      <c r="FH26" s="71">
        <v>2</v>
      </c>
      <c r="FI26" s="71">
        <v>1</v>
      </c>
      <c r="FJ26" s="72">
        <v>8</v>
      </c>
      <c r="FK26" s="73">
        <v>13</v>
      </c>
      <c r="FL26" s="70">
        <v>1</v>
      </c>
      <c r="FM26" s="71">
        <v>0</v>
      </c>
      <c r="FN26" s="72">
        <v>1</v>
      </c>
      <c r="FO26" s="244"/>
      <c r="FP26" s="71">
        <v>5</v>
      </c>
      <c r="FQ26" s="71">
        <v>3</v>
      </c>
      <c r="FR26" s="71">
        <v>0</v>
      </c>
      <c r="FS26" s="71">
        <v>10</v>
      </c>
      <c r="FT26" s="71">
        <v>5</v>
      </c>
      <c r="FU26" s="72">
        <v>23</v>
      </c>
      <c r="FV26" s="73">
        <v>24</v>
      </c>
      <c r="FW26" s="70">
        <v>0</v>
      </c>
      <c r="FX26" s="71">
        <v>0</v>
      </c>
      <c r="FY26" s="72">
        <v>0</v>
      </c>
      <c r="FZ26" s="244"/>
      <c r="GA26" s="71">
        <v>0</v>
      </c>
      <c r="GB26" s="71">
        <v>0</v>
      </c>
      <c r="GC26" s="71">
        <v>0</v>
      </c>
      <c r="GD26" s="71">
        <v>0</v>
      </c>
      <c r="GE26" s="71">
        <v>0</v>
      </c>
      <c r="GF26" s="72">
        <v>0</v>
      </c>
      <c r="GG26" s="73">
        <v>0</v>
      </c>
      <c r="GH26" s="70">
        <v>8</v>
      </c>
      <c r="GI26" s="71">
        <v>7</v>
      </c>
      <c r="GJ26" s="72">
        <v>15</v>
      </c>
      <c r="GK26" s="244"/>
      <c r="GL26" s="71">
        <v>13</v>
      </c>
      <c r="GM26" s="71">
        <v>10</v>
      </c>
      <c r="GN26" s="71">
        <v>2</v>
      </c>
      <c r="GO26" s="71">
        <v>13</v>
      </c>
      <c r="GP26" s="71">
        <v>8</v>
      </c>
      <c r="GQ26" s="72">
        <v>46</v>
      </c>
      <c r="GR26" s="73">
        <v>61</v>
      </c>
      <c r="GS26" s="123">
        <v>19</v>
      </c>
      <c r="GT26" s="82">
        <v>21</v>
      </c>
      <c r="GU26" s="83">
        <v>40</v>
      </c>
      <c r="GV26" s="241"/>
      <c r="GW26" s="82">
        <v>38</v>
      </c>
      <c r="GX26" s="82">
        <v>31</v>
      </c>
      <c r="GY26" s="82">
        <v>21</v>
      </c>
      <c r="GZ26" s="82">
        <v>31</v>
      </c>
      <c r="HA26" s="82">
        <v>18</v>
      </c>
      <c r="HB26" s="84">
        <v>139</v>
      </c>
      <c r="HC26" s="85">
        <v>179</v>
      </c>
      <c r="HD26" s="70">
        <v>0</v>
      </c>
      <c r="HE26" s="71">
        <v>2</v>
      </c>
      <c r="HF26" s="72">
        <v>2</v>
      </c>
      <c r="HG26" s="244"/>
      <c r="HH26" s="71">
        <v>0</v>
      </c>
      <c r="HI26" s="71">
        <v>1</v>
      </c>
      <c r="HJ26" s="71">
        <v>0</v>
      </c>
      <c r="HK26" s="71">
        <v>0</v>
      </c>
      <c r="HL26" s="71">
        <v>0</v>
      </c>
      <c r="HM26" s="72">
        <v>1</v>
      </c>
      <c r="HN26" s="73">
        <v>3</v>
      </c>
      <c r="HO26" s="70">
        <v>4</v>
      </c>
      <c r="HP26" s="71">
        <v>0</v>
      </c>
      <c r="HQ26" s="72">
        <v>4</v>
      </c>
      <c r="HR26" s="244"/>
      <c r="HS26" s="71">
        <v>4</v>
      </c>
      <c r="HT26" s="71">
        <v>4</v>
      </c>
      <c r="HU26" s="71">
        <v>1</v>
      </c>
      <c r="HV26" s="71">
        <v>0</v>
      </c>
      <c r="HW26" s="71">
        <v>2</v>
      </c>
      <c r="HX26" s="72">
        <v>11</v>
      </c>
      <c r="HY26" s="73">
        <v>15</v>
      </c>
      <c r="HZ26" s="70">
        <v>6</v>
      </c>
      <c r="IA26" s="71">
        <v>2</v>
      </c>
      <c r="IB26" s="72">
        <v>8</v>
      </c>
      <c r="IC26" s="244"/>
      <c r="ID26" s="71">
        <v>6</v>
      </c>
      <c r="IE26" s="71">
        <v>6</v>
      </c>
      <c r="IF26" s="71">
        <v>1</v>
      </c>
      <c r="IG26" s="71">
        <v>3</v>
      </c>
      <c r="IH26" s="71">
        <v>5</v>
      </c>
      <c r="II26" s="72">
        <v>21</v>
      </c>
      <c r="IJ26" s="73">
        <v>29</v>
      </c>
      <c r="IK26" s="70">
        <v>2</v>
      </c>
      <c r="IL26" s="71">
        <v>10</v>
      </c>
      <c r="IM26" s="72">
        <v>12</v>
      </c>
      <c r="IN26" s="244"/>
      <c r="IO26" s="71">
        <v>9</v>
      </c>
      <c r="IP26" s="71">
        <v>4</v>
      </c>
      <c r="IQ26" s="71">
        <v>9</v>
      </c>
      <c r="IR26" s="71">
        <v>7</v>
      </c>
      <c r="IS26" s="71">
        <v>2</v>
      </c>
      <c r="IT26" s="72">
        <v>31</v>
      </c>
      <c r="IU26" s="73">
        <v>43</v>
      </c>
      <c r="IV26" s="70">
        <v>4</v>
      </c>
      <c r="IW26" s="71">
        <v>6</v>
      </c>
      <c r="IX26" s="72">
        <v>10</v>
      </c>
      <c r="IY26" s="244"/>
      <c r="IZ26" s="71">
        <v>9</v>
      </c>
      <c r="JA26" s="71">
        <v>11</v>
      </c>
      <c r="JB26" s="71">
        <v>8</v>
      </c>
      <c r="JC26" s="71">
        <v>5</v>
      </c>
      <c r="JD26" s="71">
        <v>4</v>
      </c>
      <c r="JE26" s="72">
        <v>37</v>
      </c>
      <c r="JF26" s="73">
        <v>47</v>
      </c>
      <c r="JG26" s="70">
        <v>3</v>
      </c>
      <c r="JH26" s="71">
        <v>1</v>
      </c>
      <c r="JI26" s="72">
        <v>4</v>
      </c>
      <c r="JJ26" s="244"/>
      <c r="JK26" s="71">
        <v>10</v>
      </c>
      <c r="JL26" s="71">
        <v>5</v>
      </c>
      <c r="JM26" s="71">
        <v>2</v>
      </c>
      <c r="JN26" s="71">
        <v>16</v>
      </c>
      <c r="JO26" s="71">
        <v>5</v>
      </c>
      <c r="JP26" s="72">
        <v>38</v>
      </c>
      <c r="JQ26" s="73">
        <v>42</v>
      </c>
      <c r="JR26" s="70">
        <v>0</v>
      </c>
      <c r="JS26" s="71">
        <v>0</v>
      </c>
      <c r="JT26" s="72">
        <v>0</v>
      </c>
      <c r="JU26" s="244"/>
      <c r="JV26" s="71">
        <v>0</v>
      </c>
      <c r="JW26" s="71">
        <v>0</v>
      </c>
      <c r="JX26" s="71">
        <v>0</v>
      </c>
      <c r="JY26" s="71">
        <v>0</v>
      </c>
      <c r="JZ26" s="71">
        <v>0</v>
      </c>
      <c r="KA26" s="72">
        <v>0</v>
      </c>
      <c r="KB26" s="73">
        <v>0</v>
      </c>
      <c r="KC26" s="70">
        <v>19</v>
      </c>
      <c r="KD26" s="71">
        <v>21</v>
      </c>
      <c r="KE26" s="72">
        <v>40</v>
      </c>
      <c r="KF26" s="244"/>
      <c r="KG26" s="71">
        <v>38</v>
      </c>
      <c r="KH26" s="71">
        <v>31</v>
      </c>
      <c r="KI26" s="71">
        <v>21</v>
      </c>
      <c r="KJ26" s="71">
        <v>31</v>
      </c>
      <c r="KK26" s="71">
        <v>18</v>
      </c>
      <c r="KL26" s="72">
        <v>139</v>
      </c>
      <c r="KM26" s="73">
        <v>179</v>
      </c>
    </row>
    <row r="27" spans="2:299" ht="21" customHeight="1" x14ac:dyDescent="0.2">
      <c r="B27" s="126" t="s">
        <v>24</v>
      </c>
      <c r="C27" s="315">
        <v>17</v>
      </c>
      <c r="D27" s="82">
        <v>16</v>
      </c>
      <c r="E27" s="83">
        <v>33</v>
      </c>
      <c r="F27" s="241"/>
      <c r="G27" s="82">
        <v>27</v>
      </c>
      <c r="H27" s="82">
        <v>19</v>
      </c>
      <c r="I27" s="82">
        <v>18</v>
      </c>
      <c r="J27" s="82">
        <v>10</v>
      </c>
      <c r="K27" s="82">
        <v>14</v>
      </c>
      <c r="L27" s="84">
        <v>88</v>
      </c>
      <c r="M27" s="85">
        <v>121</v>
      </c>
      <c r="N27" s="70">
        <v>0</v>
      </c>
      <c r="O27" s="71">
        <v>0</v>
      </c>
      <c r="P27" s="72">
        <v>0</v>
      </c>
      <c r="Q27" s="244"/>
      <c r="R27" s="71">
        <v>0</v>
      </c>
      <c r="S27" s="71">
        <v>0</v>
      </c>
      <c r="T27" s="71">
        <v>0</v>
      </c>
      <c r="U27" s="71">
        <v>0</v>
      </c>
      <c r="V27" s="71">
        <v>0</v>
      </c>
      <c r="W27" s="72">
        <v>0</v>
      </c>
      <c r="X27" s="73">
        <v>0</v>
      </c>
      <c r="Y27" s="70">
        <v>0</v>
      </c>
      <c r="Z27" s="71">
        <v>1</v>
      </c>
      <c r="AA27" s="72">
        <v>1</v>
      </c>
      <c r="AB27" s="244"/>
      <c r="AC27" s="71">
        <v>1</v>
      </c>
      <c r="AD27" s="71">
        <v>1</v>
      </c>
      <c r="AE27" s="71">
        <v>1</v>
      </c>
      <c r="AF27" s="71">
        <v>0</v>
      </c>
      <c r="AG27" s="71">
        <v>1</v>
      </c>
      <c r="AH27" s="72">
        <v>4</v>
      </c>
      <c r="AI27" s="73">
        <v>5</v>
      </c>
      <c r="AJ27" s="70">
        <v>3</v>
      </c>
      <c r="AK27" s="71">
        <v>1</v>
      </c>
      <c r="AL27" s="72">
        <v>4</v>
      </c>
      <c r="AM27" s="244"/>
      <c r="AN27" s="71">
        <v>3</v>
      </c>
      <c r="AO27" s="71">
        <v>2</v>
      </c>
      <c r="AP27" s="71">
        <v>1</v>
      </c>
      <c r="AQ27" s="71">
        <v>1</v>
      </c>
      <c r="AR27" s="71">
        <v>2</v>
      </c>
      <c r="AS27" s="72">
        <v>9</v>
      </c>
      <c r="AT27" s="73">
        <v>13</v>
      </c>
      <c r="AU27" s="70">
        <v>5</v>
      </c>
      <c r="AV27" s="71">
        <v>5</v>
      </c>
      <c r="AW27" s="72">
        <v>10</v>
      </c>
      <c r="AX27" s="244"/>
      <c r="AY27" s="71">
        <v>9</v>
      </c>
      <c r="AZ27" s="71">
        <v>4</v>
      </c>
      <c r="BA27" s="71">
        <v>5</v>
      </c>
      <c r="BB27" s="71">
        <v>1</v>
      </c>
      <c r="BC27" s="71">
        <v>3</v>
      </c>
      <c r="BD27" s="72">
        <v>22</v>
      </c>
      <c r="BE27" s="73">
        <v>32</v>
      </c>
      <c r="BF27" s="70">
        <v>7</v>
      </c>
      <c r="BG27" s="71">
        <v>6</v>
      </c>
      <c r="BH27" s="72">
        <v>13</v>
      </c>
      <c r="BI27" s="244"/>
      <c r="BJ27" s="71">
        <v>8</v>
      </c>
      <c r="BK27" s="71">
        <v>6</v>
      </c>
      <c r="BL27" s="71">
        <v>5</v>
      </c>
      <c r="BM27" s="71">
        <v>4</v>
      </c>
      <c r="BN27" s="71">
        <v>4</v>
      </c>
      <c r="BO27" s="72">
        <v>27</v>
      </c>
      <c r="BP27" s="73">
        <v>40</v>
      </c>
      <c r="BQ27" s="70">
        <v>2</v>
      </c>
      <c r="BR27" s="71">
        <v>3</v>
      </c>
      <c r="BS27" s="72">
        <v>5</v>
      </c>
      <c r="BT27" s="244"/>
      <c r="BU27" s="71">
        <v>6</v>
      </c>
      <c r="BV27" s="71">
        <v>6</v>
      </c>
      <c r="BW27" s="71">
        <v>6</v>
      </c>
      <c r="BX27" s="71">
        <v>4</v>
      </c>
      <c r="BY27" s="71">
        <v>4</v>
      </c>
      <c r="BZ27" s="72">
        <v>26</v>
      </c>
      <c r="CA27" s="73">
        <v>31</v>
      </c>
      <c r="CB27" s="70">
        <v>0</v>
      </c>
      <c r="CC27" s="71">
        <v>0</v>
      </c>
      <c r="CD27" s="72">
        <v>0</v>
      </c>
      <c r="CE27" s="244"/>
      <c r="CF27" s="71">
        <v>0</v>
      </c>
      <c r="CG27" s="71">
        <v>0</v>
      </c>
      <c r="CH27" s="71">
        <v>0</v>
      </c>
      <c r="CI27" s="71">
        <v>0</v>
      </c>
      <c r="CJ27" s="71">
        <v>0</v>
      </c>
      <c r="CK27" s="72">
        <v>0</v>
      </c>
      <c r="CL27" s="73">
        <v>0</v>
      </c>
      <c r="CM27" s="70">
        <v>17</v>
      </c>
      <c r="CN27" s="71">
        <v>16</v>
      </c>
      <c r="CO27" s="72">
        <v>33</v>
      </c>
      <c r="CP27" s="244"/>
      <c r="CQ27" s="71">
        <v>27</v>
      </c>
      <c r="CR27" s="71">
        <v>19</v>
      </c>
      <c r="CS27" s="71">
        <v>18</v>
      </c>
      <c r="CT27" s="71">
        <v>10</v>
      </c>
      <c r="CU27" s="71">
        <v>14</v>
      </c>
      <c r="CV27" s="72">
        <v>88</v>
      </c>
      <c r="CW27" s="73">
        <v>121</v>
      </c>
      <c r="CX27" s="123">
        <v>10</v>
      </c>
      <c r="CY27" s="82">
        <v>5</v>
      </c>
      <c r="CZ27" s="83">
        <v>15</v>
      </c>
      <c r="DA27" s="241"/>
      <c r="DB27" s="82">
        <v>9</v>
      </c>
      <c r="DC27" s="82">
        <v>7</v>
      </c>
      <c r="DD27" s="82">
        <v>5</v>
      </c>
      <c r="DE27" s="82">
        <v>5</v>
      </c>
      <c r="DF27" s="82">
        <v>5</v>
      </c>
      <c r="DG27" s="84">
        <v>31</v>
      </c>
      <c r="DH27" s="85">
        <v>46</v>
      </c>
      <c r="DI27" s="70">
        <v>1</v>
      </c>
      <c r="DJ27" s="71">
        <v>0</v>
      </c>
      <c r="DK27" s="72">
        <v>1</v>
      </c>
      <c r="DL27" s="244"/>
      <c r="DM27" s="71">
        <v>0</v>
      </c>
      <c r="DN27" s="71">
        <v>0</v>
      </c>
      <c r="DO27" s="71">
        <v>0</v>
      </c>
      <c r="DP27" s="71">
        <v>0</v>
      </c>
      <c r="DQ27" s="71">
        <v>0</v>
      </c>
      <c r="DR27" s="72">
        <v>0</v>
      </c>
      <c r="DS27" s="73">
        <v>1</v>
      </c>
      <c r="DT27" s="70">
        <v>1</v>
      </c>
      <c r="DU27" s="71">
        <v>0</v>
      </c>
      <c r="DV27" s="72">
        <v>1</v>
      </c>
      <c r="DW27" s="244"/>
      <c r="DX27" s="71">
        <v>1</v>
      </c>
      <c r="DY27" s="71">
        <v>0</v>
      </c>
      <c r="DZ27" s="71">
        <v>1</v>
      </c>
      <c r="EA27" s="71">
        <v>0</v>
      </c>
      <c r="EB27" s="71">
        <v>0</v>
      </c>
      <c r="EC27" s="72">
        <v>2</v>
      </c>
      <c r="ED27" s="73">
        <v>3</v>
      </c>
      <c r="EE27" s="70">
        <v>1</v>
      </c>
      <c r="EF27" s="71">
        <v>1</v>
      </c>
      <c r="EG27" s="72">
        <v>2</v>
      </c>
      <c r="EH27" s="244"/>
      <c r="EI27" s="71">
        <v>1</v>
      </c>
      <c r="EJ27" s="71">
        <v>1</v>
      </c>
      <c r="EK27" s="71">
        <v>0</v>
      </c>
      <c r="EL27" s="71">
        <v>0</v>
      </c>
      <c r="EM27" s="71">
        <v>0</v>
      </c>
      <c r="EN27" s="72">
        <v>2</v>
      </c>
      <c r="EO27" s="73">
        <v>4</v>
      </c>
      <c r="EP27" s="70">
        <v>1</v>
      </c>
      <c r="EQ27" s="71">
        <v>2</v>
      </c>
      <c r="ER27" s="72">
        <v>3</v>
      </c>
      <c r="ES27" s="244"/>
      <c r="ET27" s="71">
        <v>3</v>
      </c>
      <c r="EU27" s="71">
        <v>1</v>
      </c>
      <c r="EV27" s="71">
        <v>3</v>
      </c>
      <c r="EW27" s="71">
        <v>1</v>
      </c>
      <c r="EX27" s="71">
        <v>1</v>
      </c>
      <c r="EY27" s="72">
        <v>9</v>
      </c>
      <c r="EZ27" s="73">
        <v>12</v>
      </c>
      <c r="FA27" s="70">
        <v>4</v>
      </c>
      <c r="FB27" s="71">
        <v>1</v>
      </c>
      <c r="FC27" s="72">
        <v>5</v>
      </c>
      <c r="FD27" s="244"/>
      <c r="FE27" s="71">
        <v>1</v>
      </c>
      <c r="FF27" s="71">
        <v>2</v>
      </c>
      <c r="FG27" s="71">
        <v>1</v>
      </c>
      <c r="FH27" s="71">
        <v>1</v>
      </c>
      <c r="FI27" s="71">
        <v>3</v>
      </c>
      <c r="FJ27" s="72">
        <v>8</v>
      </c>
      <c r="FK27" s="73">
        <v>13</v>
      </c>
      <c r="FL27" s="70">
        <v>2</v>
      </c>
      <c r="FM27" s="71">
        <v>1</v>
      </c>
      <c r="FN27" s="72">
        <v>3</v>
      </c>
      <c r="FO27" s="244"/>
      <c r="FP27" s="71">
        <v>3</v>
      </c>
      <c r="FQ27" s="71">
        <v>3</v>
      </c>
      <c r="FR27" s="71">
        <v>0</v>
      </c>
      <c r="FS27" s="71">
        <v>3</v>
      </c>
      <c r="FT27" s="71">
        <v>1</v>
      </c>
      <c r="FU27" s="72">
        <v>10</v>
      </c>
      <c r="FV27" s="73">
        <v>13</v>
      </c>
      <c r="FW27" s="70">
        <v>0</v>
      </c>
      <c r="FX27" s="71">
        <v>0</v>
      </c>
      <c r="FY27" s="72">
        <v>0</v>
      </c>
      <c r="FZ27" s="244"/>
      <c r="GA27" s="71">
        <v>0</v>
      </c>
      <c r="GB27" s="71">
        <v>0</v>
      </c>
      <c r="GC27" s="71">
        <v>0</v>
      </c>
      <c r="GD27" s="71">
        <v>0</v>
      </c>
      <c r="GE27" s="71">
        <v>0</v>
      </c>
      <c r="GF27" s="72">
        <v>0</v>
      </c>
      <c r="GG27" s="73">
        <v>0</v>
      </c>
      <c r="GH27" s="70">
        <v>10</v>
      </c>
      <c r="GI27" s="71">
        <v>5</v>
      </c>
      <c r="GJ27" s="72">
        <v>15</v>
      </c>
      <c r="GK27" s="244"/>
      <c r="GL27" s="71">
        <v>9</v>
      </c>
      <c r="GM27" s="71">
        <v>7</v>
      </c>
      <c r="GN27" s="71">
        <v>5</v>
      </c>
      <c r="GO27" s="71">
        <v>5</v>
      </c>
      <c r="GP27" s="71">
        <v>5</v>
      </c>
      <c r="GQ27" s="72">
        <v>31</v>
      </c>
      <c r="GR27" s="73">
        <v>46</v>
      </c>
      <c r="GS27" s="123">
        <v>27</v>
      </c>
      <c r="GT27" s="82">
        <v>21</v>
      </c>
      <c r="GU27" s="83">
        <v>48</v>
      </c>
      <c r="GV27" s="241"/>
      <c r="GW27" s="82">
        <v>36</v>
      </c>
      <c r="GX27" s="82">
        <v>26</v>
      </c>
      <c r="GY27" s="82">
        <v>23</v>
      </c>
      <c r="GZ27" s="82">
        <v>15</v>
      </c>
      <c r="HA27" s="82">
        <v>19</v>
      </c>
      <c r="HB27" s="84">
        <v>119</v>
      </c>
      <c r="HC27" s="85">
        <v>167</v>
      </c>
      <c r="HD27" s="70">
        <v>1</v>
      </c>
      <c r="HE27" s="71">
        <v>0</v>
      </c>
      <c r="HF27" s="72">
        <v>1</v>
      </c>
      <c r="HG27" s="244"/>
      <c r="HH27" s="71">
        <v>0</v>
      </c>
      <c r="HI27" s="71">
        <v>0</v>
      </c>
      <c r="HJ27" s="71">
        <v>0</v>
      </c>
      <c r="HK27" s="71">
        <v>0</v>
      </c>
      <c r="HL27" s="71">
        <v>0</v>
      </c>
      <c r="HM27" s="72">
        <v>0</v>
      </c>
      <c r="HN27" s="73">
        <v>1</v>
      </c>
      <c r="HO27" s="70">
        <v>1</v>
      </c>
      <c r="HP27" s="71">
        <v>1</v>
      </c>
      <c r="HQ27" s="72">
        <v>2</v>
      </c>
      <c r="HR27" s="244"/>
      <c r="HS27" s="71">
        <v>2</v>
      </c>
      <c r="HT27" s="71">
        <v>1</v>
      </c>
      <c r="HU27" s="71">
        <v>2</v>
      </c>
      <c r="HV27" s="71">
        <v>0</v>
      </c>
      <c r="HW27" s="71">
        <v>1</v>
      </c>
      <c r="HX27" s="72">
        <v>6</v>
      </c>
      <c r="HY27" s="73">
        <v>8</v>
      </c>
      <c r="HZ27" s="70">
        <v>4</v>
      </c>
      <c r="IA27" s="71">
        <v>2</v>
      </c>
      <c r="IB27" s="72">
        <v>6</v>
      </c>
      <c r="IC27" s="244"/>
      <c r="ID27" s="71">
        <v>4</v>
      </c>
      <c r="IE27" s="71">
        <v>3</v>
      </c>
      <c r="IF27" s="71">
        <v>1</v>
      </c>
      <c r="IG27" s="71">
        <v>1</v>
      </c>
      <c r="IH27" s="71">
        <v>2</v>
      </c>
      <c r="II27" s="72">
        <v>11</v>
      </c>
      <c r="IJ27" s="73">
        <v>17</v>
      </c>
      <c r="IK27" s="70">
        <v>6</v>
      </c>
      <c r="IL27" s="71">
        <v>7</v>
      </c>
      <c r="IM27" s="72">
        <v>13</v>
      </c>
      <c r="IN27" s="244"/>
      <c r="IO27" s="71">
        <v>12</v>
      </c>
      <c r="IP27" s="71">
        <v>5</v>
      </c>
      <c r="IQ27" s="71">
        <v>8</v>
      </c>
      <c r="IR27" s="71">
        <v>2</v>
      </c>
      <c r="IS27" s="71">
        <v>4</v>
      </c>
      <c r="IT27" s="72">
        <v>31</v>
      </c>
      <c r="IU27" s="73">
        <v>44</v>
      </c>
      <c r="IV27" s="70">
        <v>11</v>
      </c>
      <c r="IW27" s="71">
        <v>7</v>
      </c>
      <c r="IX27" s="72">
        <v>18</v>
      </c>
      <c r="IY27" s="244"/>
      <c r="IZ27" s="71">
        <v>9</v>
      </c>
      <c r="JA27" s="71">
        <v>8</v>
      </c>
      <c r="JB27" s="71">
        <v>6</v>
      </c>
      <c r="JC27" s="71">
        <v>5</v>
      </c>
      <c r="JD27" s="71">
        <v>7</v>
      </c>
      <c r="JE27" s="72">
        <v>35</v>
      </c>
      <c r="JF27" s="73">
        <v>53</v>
      </c>
      <c r="JG27" s="70">
        <v>4</v>
      </c>
      <c r="JH27" s="71">
        <v>4</v>
      </c>
      <c r="JI27" s="72">
        <v>8</v>
      </c>
      <c r="JJ27" s="244"/>
      <c r="JK27" s="71">
        <v>9</v>
      </c>
      <c r="JL27" s="71">
        <v>9</v>
      </c>
      <c r="JM27" s="71">
        <v>6</v>
      </c>
      <c r="JN27" s="71">
        <v>7</v>
      </c>
      <c r="JO27" s="71">
        <v>5</v>
      </c>
      <c r="JP27" s="72">
        <v>36</v>
      </c>
      <c r="JQ27" s="73">
        <v>44</v>
      </c>
      <c r="JR27" s="70">
        <v>0</v>
      </c>
      <c r="JS27" s="71">
        <v>0</v>
      </c>
      <c r="JT27" s="72">
        <v>0</v>
      </c>
      <c r="JU27" s="244"/>
      <c r="JV27" s="71">
        <v>0</v>
      </c>
      <c r="JW27" s="71">
        <v>0</v>
      </c>
      <c r="JX27" s="71">
        <v>0</v>
      </c>
      <c r="JY27" s="71">
        <v>0</v>
      </c>
      <c r="JZ27" s="71">
        <v>0</v>
      </c>
      <c r="KA27" s="72">
        <v>0</v>
      </c>
      <c r="KB27" s="73">
        <v>0</v>
      </c>
      <c r="KC27" s="70">
        <v>27</v>
      </c>
      <c r="KD27" s="71">
        <v>21</v>
      </c>
      <c r="KE27" s="72">
        <v>48</v>
      </c>
      <c r="KF27" s="244"/>
      <c r="KG27" s="71">
        <v>36</v>
      </c>
      <c r="KH27" s="71">
        <v>26</v>
      </c>
      <c r="KI27" s="71">
        <v>23</v>
      </c>
      <c r="KJ27" s="71">
        <v>15</v>
      </c>
      <c r="KK27" s="71">
        <v>19</v>
      </c>
      <c r="KL27" s="72">
        <v>119</v>
      </c>
      <c r="KM27" s="73">
        <v>167</v>
      </c>
    </row>
    <row r="28" spans="2:299" ht="21" customHeight="1" x14ac:dyDescent="0.2">
      <c r="B28" s="126" t="s">
        <v>25</v>
      </c>
      <c r="C28" s="315">
        <v>8</v>
      </c>
      <c r="D28" s="82">
        <v>12</v>
      </c>
      <c r="E28" s="83">
        <v>20</v>
      </c>
      <c r="F28" s="241"/>
      <c r="G28" s="82">
        <v>9</v>
      </c>
      <c r="H28" s="82">
        <v>12</v>
      </c>
      <c r="I28" s="82">
        <v>6</v>
      </c>
      <c r="J28" s="82">
        <v>4</v>
      </c>
      <c r="K28" s="82">
        <v>5</v>
      </c>
      <c r="L28" s="84">
        <v>36</v>
      </c>
      <c r="M28" s="85">
        <v>56</v>
      </c>
      <c r="N28" s="70">
        <v>0</v>
      </c>
      <c r="O28" s="71">
        <v>1</v>
      </c>
      <c r="P28" s="72">
        <v>1</v>
      </c>
      <c r="Q28" s="244"/>
      <c r="R28" s="71">
        <v>0</v>
      </c>
      <c r="S28" s="71">
        <v>1</v>
      </c>
      <c r="T28" s="71">
        <v>0</v>
      </c>
      <c r="U28" s="71">
        <v>1</v>
      </c>
      <c r="V28" s="71">
        <v>0</v>
      </c>
      <c r="W28" s="72">
        <v>2</v>
      </c>
      <c r="X28" s="73">
        <v>3</v>
      </c>
      <c r="Y28" s="70">
        <v>1</v>
      </c>
      <c r="Z28" s="71">
        <v>1</v>
      </c>
      <c r="AA28" s="72">
        <v>2</v>
      </c>
      <c r="AB28" s="244"/>
      <c r="AC28" s="71">
        <v>2</v>
      </c>
      <c r="AD28" s="71">
        <v>2</v>
      </c>
      <c r="AE28" s="71">
        <v>0</v>
      </c>
      <c r="AF28" s="71">
        <v>0</v>
      </c>
      <c r="AG28" s="71">
        <v>2</v>
      </c>
      <c r="AH28" s="72">
        <v>6</v>
      </c>
      <c r="AI28" s="73">
        <v>8</v>
      </c>
      <c r="AJ28" s="70">
        <v>1</v>
      </c>
      <c r="AK28" s="71">
        <v>0</v>
      </c>
      <c r="AL28" s="72">
        <v>1</v>
      </c>
      <c r="AM28" s="244"/>
      <c r="AN28" s="71">
        <v>2</v>
      </c>
      <c r="AO28" s="71">
        <v>2</v>
      </c>
      <c r="AP28" s="71">
        <v>0</v>
      </c>
      <c r="AQ28" s="71">
        <v>0</v>
      </c>
      <c r="AR28" s="71">
        <v>0</v>
      </c>
      <c r="AS28" s="72">
        <v>4</v>
      </c>
      <c r="AT28" s="73">
        <v>5</v>
      </c>
      <c r="AU28" s="70">
        <v>3</v>
      </c>
      <c r="AV28" s="71">
        <v>6</v>
      </c>
      <c r="AW28" s="72">
        <v>9</v>
      </c>
      <c r="AX28" s="244"/>
      <c r="AY28" s="71">
        <v>1</v>
      </c>
      <c r="AZ28" s="71">
        <v>2</v>
      </c>
      <c r="BA28" s="71">
        <v>2</v>
      </c>
      <c r="BB28" s="71">
        <v>0</v>
      </c>
      <c r="BC28" s="71">
        <v>0</v>
      </c>
      <c r="BD28" s="72">
        <v>5</v>
      </c>
      <c r="BE28" s="73">
        <v>14</v>
      </c>
      <c r="BF28" s="70">
        <v>1</v>
      </c>
      <c r="BG28" s="71">
        <v>2</v>
      </c>
      <c r="BH28" s="72">
        <v>3</v>
      </c>
      <c r="BI28" s="244"/>
      <c r="BJ28" s="71">
        <v>1</v>
      </c>
      <c r="BK28" s="71">
        <v>0</v>
      </c>
      <c r="BL28" s="71">
        <v>3</v>
      </c>
      <c r="BM28" s="71">
        <v>2</v>
      </c>
      <c r="BN28" s="71">
        <v>3</v>
      </c>
      <c r="BO28" s="72">
        <v>9</v>
      </c>
      <c r="BP28" s="73">
        <v>12</v>
      </c>
      <c r="BQ28" s="70">
        <v>2</v>
      </c>
      <c r="BR28" s="71">
        <v>2</v>
      </c>
      <c r="BS28" s="72">
        <v>4</v>
      </c>
      <c r="BT28" s="244"/>
      <c r="BU28" s="71">
        <v>3</v>
      </c>
      <c r="BV28" s="71">
        <v>5</v>
      </c>
      <c r="BW28" s="71">
        <v>1</v>
      </c>
      <c r="BX28" s="71">
        <v>1</v>
      </c>
      <c r="BY28" s="71">
        <v>0</v>
      </c>
      <c r="BZ28" s="72">
        <v>10</v>
      </c>
      <c r="CA28" s="73">
        <v>14</v>
      </c>
      <c r="CB28" s="70">
        <v>0</v>
      </c>
      <c r="CC28" s="71">
        <v>0</v>
      </c>
      <c r="CD28" s="72">
        <v>0</v>
      </c>
      <c r="CE28" s="244"/>
      <c r="CF28" s="71">
        <v>0</v>
      </c>
      <c r="CG28" s="71">
        <v>0</v>
      </c>
      <c r="CH28" s="71">
        <v>0</v>
      </c>
      <c r="CI28" s="71">
        <v>0</v>
      </c>
      <c r="CJ28" s="71">
        <v>0</v>
      </c>
      <c r="CK28" s="72">
        <v>0</v>
      </c>
      <c r="CL28" s="73">
        <v>0</v>
      </c>
      <c r="CM28" s="70">
        <v>8</v>
      </c>
      <c r="CN28" s="71">
        <v>12</v>
      </c>
      <c r="CO28" s="72">
        <v>20</v>
      </c>
      <c r="CP28" s="244"/>
      <c r="CQ28" s="71">
        <v>9</v>
      </c>
      <c r="CR28" s="71">
        <v>12</v>
      </c>
      <c r="CS28" s="71">
        <v>6</v>
      </c>
      <c r="CT28" s="71">
        <v>4</v>
      </c>
      <c r="CU28" s="71">
        <v>5</v>
      </c>
      <c r="CV28" s="72">
        <v>36</v>
      </c>
      <c r="CW28" s="73">
        <v>56</v>
      </c>
      <c r="CX28" s="123">
        <v>9</v>
      </c>
      <c r="CY28" s="82">
        <v>17</v>
      </c>
      <c r="CZ28" s="83">
        <v>26</v>
      </c>
      <c r="DA28" s="241"/>
      <c r="DB28" s="82">
        <v>8</v>
      </c>
      <c r="DC28" s="82">
        <v>6</v>
      </c>
      <c r="DD28" s="82">
        <v>3</v>
      </c>
      <c r="DE28" s="82">
        <v>5</v>
      </c>
      <c r="DF28" s="82">
        <v>4</v>
      </c>
      <c r="DG28" s="84">
        <v>26</v>
      </c>
      <c r="DH28" s="85">
        <v>52</v>
      </c>
      <c r="DI28" s="70">
        <v>0</v>
      </c>
      <c r="DJ28" s="71">
        <v>1</v>
      </c>
      <c r="DK28" s="72">
        <v>1</v>
      </c>
      <c r="DL28" s="244"/>
      <c r="DM28" s="71">
        <v>0</v>
      </c>
      <c r="DN28" s="71">
        <v>0</v>
      </c>
      <c r="DO28" s="71">
        <v>0</v>
      </c>
      <c r="DP28" s="71">
        <v>0</v>
      </c>
      <c r="DQ28" s="71">
        <v>0</v>
      </c>
      <c r="DR28" s="72">
        <v>0</v>
      </c>
      <c r="DS28" s="73">
        <v>1</v>
      </c>
      <c r="DT28" s="70">
        <v>2</v>
      </c>
      <c r="DU28" s="71">
        <v>1</v>
      </c>
      <c r="DV28" s="72">
        <v>3</v>
      </c>
      <c r="DW28" s="244"/>
      <c r="DX28" s="71">
        <v>0</v>
      </c>
      <c r="DY28" s="71">
        <v>0</v>
      </c>
      <c r="DZ28" s="71">
        <v>0</v>
      </c>
      <c r="EA28" s="71">
        <v>0</v>
      </c>
      <c r="EB28" s="71">
        <v>1</v>
      </c>
      <c r="EC28" s="72">
        <v>1</v>
      </c>
      <c r="ED28" s="73">
        <v>4</v>
      </c>
      <c r="EE28" s="70">
        <v>1</v>
      </c>
      <c r="EF28" s="71">
        <v>3</v>
      </c>
      <c r="EG28" s="72">
        <v>4</v>
      </c>
      <c r="EH28" s="244"/>
      <c r="EI28" s="71">
        <v>0</v>
      </c>
      <c r="EJ28" s="71">
        <v>1</v>
      </c>
      <c r="EK28" s="71">
        <v>0</v>
      </c>
      <c r="EL28" s="71">
        <v>0</v>
      </c>
      <c r="EM28" s="71">
        <v>0</v>
      </c>
      <c r="EN28" s="72">
        <v>1</v>
      </c>
      <c r="EO28" s="73">
        <v>5</v>
      </c>
      <c r="EP28" s="70">
        <v>2</v>
      </c>
      <c r="EQ28" s="71">
        <v>3</v>
      </c>
      <c r="ER28" s="72">
        <v>5</v>
      </c>
      <c r="ES28" s="244"/>
      <c r="ET28" s="71">
        <v>1</v>
      </c>
      <c r="EU28" s="71">
        <v>0</v>
      </c>
      <c r="EV28" s="71">
        <v>0</v>
      </c>
      <c r="EW28" s="71">
        <v>1</v>
      </c>
      <c r="EX28" s="71">
        <v>0</v>
      </c>
      <c r="EY28" s="72">
        <v>2</v>
      </c>
      <c r="EZ28" s="73">
        <v>7</v>
      </c>
      <c r="FA28" s="70">
        <v>1</v>
      </c>
      <c r="FB28" s="71">
        <v>4</v>
      </c>
      <c r="FC28" s="72">
        <v>5</v>
      </c>
      <c r="FD28" s="244"/>
      <c r="FE28" s="71">
        <v>4</v>
      </c>
      <c r="FF28" s="71">
        <v>1</v>
      </c>
      <c r="FG28" s="71">
        <v>1</v>
      </c>
      <c r="FH28" s="71">
        <v>1</v>
      </c>
      <c r="FI28" s="71">
        <v>0</v>
      </c>
      <c r="FJ28" s="72">
        <v>7</v>
      </c>
      <c r="FK28" s="73">
        <v>12</v>
      </c>
      <c r="FL28" s="70">
        <v>3</v>
      </c>
      <c r="FM28" s="71">
        <v>5</v>
      </c>
      <c r="FN28" s="72">
        <v>8</v>
      </c>
      <c r="FO28" s="244"/>
      <c r="FP28" s="71">
        <v>3</v>
      </c>
      <c r="FQ28" s="71">
        <v>4</v>
      </c>
      <c r="FR28" s="71">
        <v>2</v>
      </c>
      <c r="FS28" s="71">
        <v>3</v>
      </c>
      <c r="FT28" s="71">
        <v>3</v>
      </c>
      <c r="FU28" s="72">
        <v>15</v>
      </c>
      <c r="FV28" s="73">
        <v>23</v>
      </c>
      <c r="FW28" s="70">
        <v>0</v>
      </c>
      <c r="FX28" s="71">
        <v>0</v>
      </c>
      <c r="FY28" s="72">
        <v>0</v>
      </c>
      <c r="FZ28" s="244"/>
      <c r="GA28" s="71">
        <v>0</v>
      </c>
      <c r="GB28" s="71">
        <v>0</v>
      </c>
      <c r="GC28" s="71">
        <v>0</v>
      </c>
      <c r="GD28" s="71">
        <v>0</v>
      </c>
      <c r="GE28" s="71">
        <v>0</v>
      </c>
      <c r="GF28" s="72">
        <v>0</v>
      </c>
      <c r="GG28" s="73">
        <v>0</v>
      </c>
      <c r="GH28" s="70">
        <v>9</v>
      </c>
      <c r="GI28" s="71">
        <v>17</v>
      </c>
      <c r="GJ28" s="72">
        <v>26</v>
      </c>
      <c r="GK28" s="244"/>
      <c r="GL28" s="71">
        <v>8</v>
      </c>
      <c r="GM28" s="71">
        <v>6</v>
      </c>
      <c r="GN28" s="71">
        <v>3</v>
      </c>
      <c r="GO28" s="71">
        <v>5</v>
      </c>
      <c r="GP28" s="71">
        <v>4</v>
      </c>
      <c r="GQ28" s="72">
        <v>26</v>
      </c>
      <c r="GR28" s="73">
        <v>52</v>
      </c>
      <c r="GS28" s="123">
        <v>17</v>
      </c>
      <c r="GT28" s="82">
        <v>29</v>
      </c>
      <c r="GU28" s="83">
        <v>46</v>
      </c>
      <c r="GV28" s="241"/>
      <c r="GW28" s="82">
        <v>17</v>
      </c>
      <c r="GX28" s="82">
        <v>18</v>
      </c>
      <c r="GY28" s="82">
        <v>9</v>
      </c>
      <c r="GZ28" s="82">
        <v>9</v>
      </c>
      <c r="HA28" s="82">
        <v>9</v>
      </c>
      <c r="HB28" s="84">
        <v>62</v>
      </c>
      <c r="HC28" s="85">
        <v>108</v>
      </c>
      <c r="HD28" s="70">
        <v>0</v>
      </c>
      <c r="HE28" s="71">
        <v>2</v>
      </c>
      <c r="HF28" s="72">
        <v>2</v>
      </c>
      <c r="HG28" s="244"/>
      <c r="HH28" s="71">
        <v>0</v>
      </c>
      <c r="HI28" s="71">
        <v>1</v>
      </c>
      <c r="HJ28" s="71">
        <v>0</v>
      </c>
      <c r="HK28" s="71">
        <v>1</v>
      </c>
      <c r="HL28" s="71">
        <v>0</v>
      </c>
      <c r="HM28" s="72">
        <v>2</v>
      </c>
      <c r="HN28" s="73">
        <v>4</v>
      </c>
      <c r="HO28" s="70">
        <v>3</v>
      </c>
      <c r="HP28" s="71">
        <v>2</v>
      </c>
      <c r="HQ28" s="72">
        <v>5</v>
      </c>
      <c r="HR28" s="244"/>
      <c r="HS28" s="71">
        <v>2</v>
      </c>
      <c r="HT28" s="71">
        <v>2</v>
      </c>
      <c r="HU28" s="71">
        <v>0</v>
      </c>
      <c r="HV28" s="71">
        <v>0</v>
      </c>
      <c r="HW28" s="71">
        <v>3</v>
      </c>
      <c r="HX28" s="72">
        <v>7</v>
      </c>
      <c r="HY28" s="73">
        <v>12</v>
      </c>
      <c r="HZ28" s="70">
        <v>2</v>
      </c>
      <c r="IA28" s="71">
        <v>3</v>
      </c>
      <c r="IB28" s="72">
        <v>5</v>
      </c>
      <c r="IC28" s="244"/>
      <c r="ID28" s="71">
        <v>2</v>
      </c>
      <c r="IE28" s="71">
        <v>3</v>
      </c>
      <c r="IF28" s="71">
        <v>0</v>
      </c>
      <c r="IG28" s="71">
        <v>0</v>
      </c>
      <c r="IH28" s="71">
        <v>0</v>
      </c>
      <c r="II28" s="72">
        <v>5</v>
      </c>
      <c r="IJ28" s="73">
        <v>10</v>
      </c>
      <c r="IK28" s="70">
        <v>5</v>
      </c>
      <c r="IL28" s="71">
        <v>9</v>
      </c>
      <c r="IM28" s="72">
        <v>14</v>
      </c>
      <c r="IN28" s="244"/>
      <c r="IO28" s="71">
        <v>2</v>
      </c>
      <c r="IP28" s="71">
        <v>2</v>
      </c>
      <c r="IQ28" s="71">
        <v>2</v>
      </c>
      <c r="IR28" s="71">
        <v>1</v>
      </c>
      <c r="IS28" s="71">
        <v>0</v>
      </c>
      <c r="IT28" s="72">
        <v>7</v>
      </c>
      <c r="IU28" s="73">
        <v>21</v>
      </c>
      <c r="IV28" s="70">
        <v>2</v>
      </c>
      <c r="IW28" s="71">
        <v>6</v>
      </c>
      <c r="IX28" s="72">
        <v>8</v>
      </c>
      <c r="IY28" s="244"/>
      <c r="IZ28" s="71">
        <v>5</v>
      </c>
      <c r="JA28" s="71">
        <v>1</v>
      </c>
      <c r="JB28" s="71">
        <v>4</v>
      </c>
      <c r="JC28" s="71">
        <v>3</v>
      </c>
      <c r="JD28" s="71">
        <v>3</v>
      </c>
      <c r="JE28" s="72">
        <v>16</v>
      </c>
      <c r="JF28" s="73">
        <v>24</v>
      </c>
      <c r="JG28" s="70">
        <v>5</v>
      </c>
      <c r="JH28" s="71">
        <v>7</v>
      </c>
      <c r="JI28" s="72">
        <v>12</v>
      </c>
      <c r="JJ28" s="244"/>
      <c r="JK28" s="71">
        <v>6</v>
      </c>
      <c r="JL28" s="71">
        <v>9</v>
      </c>
      <c r="JM28" s="71">
        <v>3</v>
      </c>
      <c r="JN28" s="71">
        <v>4</v>
      </c>
      <c r="JO28" s="71">
        <v>3</v>
      </c>
      <c r="JP28" s="72">
        <v>25</v>
      </c>
      <c r="JQ28" s="73">
        <v>37</v>
      </c>
      <c r="JR28" s="70">
        <v>0</v>
      </c>
      <c r="JS28" s="71">
        <v>0</v>
      </c>
      <c r="JT28" s="72">
        <v>0</v>
      </c>
      <c r="JU28" s="244"/>
      <c r="JV28" s="71">
        <v>0</v>
      </c>
      <c r="JW28" s="71">
        <v>0</v>
      </c>
      <c r="JX28" s="71">
        <v>0</v>
      </c>
      <c r="JY28" s="71">
        <v>0</v>
      </c>
      <c r="JZ28" s="71">
        <v>0</v>
      </c>
      <c r="KA28" s="72">
        <v>0</v>
      </c>
      <c r="KB28" s="73">
        <v>0</v>
      </c>
      <c r="KC28" s="70">
        <v>17</v>
      </c>
      <c r="KD28" s="71">
        <v>29</v>
      </c>
      <c r="KE28" s="72">
        <v>46</v>
      </c>
      <c r="KF28" s="244"/>
      <c r="KG28" s="71">
        <v>17</v>
      </c>
      <c r="KH28" s="71">
        <v>18</v>
      </c>
      <c r="KI28" s="71">
        <v>9</v>
      </c>
      <c r="KJ28" s="71">
        <v>9</v>
      </c>
      <c r="KK28" s="71">
        <v>9</v>
      </c>
      <c r="KL28" s="72">
        <v>62</v>
      </c>
      <c r="KM28" s="73">
        <v>108</v>
      </c>
    </row>
    <row r="29" spans="2:299" ht="21" customHeight="1" x14ac:dyDescent="0.2">
      <c r="B29" s="126" t="s">
        <v>26</v>
      </c>
      <c r="C29" s="315">
        <v>14</v>
      </c>
      <c r="D29" s="82">
        <v>11</v>
      </c>
      <c r="E29" s="83">
        <v>25</v>
      </c>
      <c r="F29" s="241"/>
      <c r="G29" s="82">
        <v>21</v>
      </c>
      <c r="H29" s="82">
        <v>19</v>
      </c>
      <c r="I29" s="82">
        <v>8</v>
      </c>
      <c r="J29" s="82">
        <v>5</v>
      </c>
      <c r="K29" s="82">
        <v>2</v>
      </c>
      <c r="L29" s="84">
        <v>55</v>
      </c>
      <c r="M29" s="85">
        <v>80</v>
      </c>
      <c r="N29" s="70">
        <v>2</v>
      </c>
      <c r="O29" s="71">
        <v>0</v>
      </c>
      <c r="P29" s="72">
        <v>2</v>
      </c>
      <c r="Q29" s="244"/>
      <c r="R29" s="71">
        <v>2</v>
      </c>
      <c r="S29" s="71">
        <v>1</v>
      </c>
      <c r="T29" s="71">
        <v>0</v>
      </c>
      <c r="U29" s="71">
        <v>0</v>
      </c>
      <c r="V29" s="71">
        <v>0</v>
      </c>
      <c r="W29" s="72">
        <v>3</v>
      </c>
      <c r="X29" s="73">
        <v>5</v>
      </c>
      <c r="Y29" s="70">
        <v>2</v>
      </c>
      <c r="Z29" s="71">
        <v>0</v>
      </c>
      <c r="AA29" s="72">
        <v>2</v>
      </c>
      <c r="AB29" s="244"/>
      <c r="AC29" s="71">
        <v>0</v>
      </c>
      <c r="AD29" s="71">
        <v>3</v>
      </c>
      <c r="AE29" s="71">
        <v>1</v>
      </c>
      <c r="AF29" s="71">
        <v>0</v>
      </c>
      <c r="AG29" s="71">
        <v>0</v>
      </c>
      <c r="AH29" s="72">
        <v>4</v>
      </c>
      <c r="AI29" s="73">
        <v>6</v>
      </c>
      <c r="AJ29" s="70">
        <v>1</v>
      </c>
      <c r="AK29" s="71">
        <v>2</v>
      </c>
      <c r="AL29" s="72">
        <v>3</v>
      </c>
      <c r="AM29" s="244"/>
      <c r="AN29" s="71">
        <v>2</v>
      </c>
      <c r="AO29" s="71">
        <v>2</v>
      </c>
      <c r="AP29" s="71">
        <v>2</v>
      </c>
      <c r="AQ29" s="71">
        <v>1</v>
      </c>
      <c r="AR29" s="71">
        <v>0</v>
      </c>
      <c r="AS29" s="72">
        <v>7</v>
      </c>
      <c r="AT29" s="73">
        <v>10</v>
      </c>
      <c r="AU29" s="70">
        <v>1</v>
      </c>
      <c r="AV29" s="71">
        <v>2</v>
      </c>
      <c r="AW29" s="72">
        <v>3</v>
      </c>
      <c r="AX29" s="244"/>
      <c r="AY29" s="71">
        <v>6</v>
      </c>
      <c r="AZ29" s="71">
        <v>3</v>
      </c>
      <c r="BA29" s="71">
        <v>1</v>
      </c>
      <c r="BB29" s="71">
        <v>1</v>
      </c>
      <c r="BC29" s="71">
        <v>0</v>
      </c>
      <c r="BD29" s="72">
        <v>11</v>
      </c>
      <c r="BE29" s="73">
        <v>14</v>
      </c>
      <c r="BF29" s="70">
        <v>5</v>
      </c>
      <c r="BG29" s="71">
        <v>4</v>
      </c>
      <c r="BH29" s="72">
        <v>9</v>
      </c>
      <c r="BI29" s="244"/>
      <c r="BJ29" s="71">
        <v>3</v>
      </c>
      <c r="BK29" s="71">
        <v>6</v>
      </c>
      <c r="BL29" s="71">
        <v>1</v>
      </c>
      <c r="BM29" s="71">
        <v>1</v>
      </c>
      <c r="BN29" s="71">
        <v>2</v>
      </c>
      <c r="BO29" s="72">
        <v>13</v>
      </c>
      <c r="BP29" s="73">
        <v>22</v>
      </c>
      <c r="BQ29" s="70">
        <v>3</v>
      </c>
      <c r="BR29" s="71">
        <v>3</v>
      </c>
      <c r="BS29" s="72">
        <v>6</v>
      </c>
      <c r="BT29" s="244"/>
      <c r="BU29" s="71">
        <v>8</v>
      </c>
      <c r="BV29" s="71">
        <v>4</v>
      </c>
      <c r="BW29" s="71">
        <v>3</v>
      </c>
      <c r="BX29" s="71">
        <v>2</v>
      </c>
      <c r="BY29" s="71">
        <v>0</v>
      </c>
      <c r="BZ29" s="72">
        <v>17</v>
      </c>
      <c r="CA29" s="73">
        <v>23</v>
      </c>
      <c r="CB29" s="70">
        <v>0</v>
      </c>
      <c r="CC29" s="71">
        <v>0</v>
      </c>
      <c r="CD29" s="72">
        <v>0</v>
      </c>
      <c r="CE29" s="244"/>
      <c r="CF29" s="71">
        <v>0</v>
      </c>
      <c r="CG29" s="71">
        <v>0</v>
      </c>
      <c r="CH29" s="71">
        <v>0</v>
      </c>
      <c r="CI29" s="71">
        <v>0</v>
      </c>
      <c r="CJ29" s="71">
        <v>0</v>
      </c>
      <c r="CK29" s="72">
        <v>0</v>
      </c>
      <c r="CL29" s="73">
        <v>0</v>
      </c>
      <c r="CM29" s="70">
        <v>14</v>
      </c>
      <c r="CN29" s="71">
        <v>11</v>
      </c>
      <c r="CO29" s="72">
        <v>25</v>
      </c>
      <c r="CP29" s="244"/>
      <c r="CQ29" s="71">
        <v>21</v>
      </c>
      <c r="CR29" s="71">
        <v>19</v>
      </c>
      <c r="CS29" s="71">
        <v>8</v>
      </c>
      <c r="CT29" s="71">
        <v>5</v>
      </c>
      <c r="CU29" s="71">
        <v>2</v>
      </c>
      <c r="CV29" s="72">
        <v>55</v>
      </c>
      <c r="CW29" s="73">
        <v>80</v>
      </c>
      <c r="CX29" s="123">
        <v>7</v>
      </c>
      <c r="CY29" s="82">
        <v>6</v>
      </c>
      <c r="CZ29" s="83">
        <v>13</v>
      </c>
      <c r="DA29" s="241"/>
      <c r="DB29" s="82">
        <v>8</v>
      </c>
      <c r="DC29" s="82">
        <v>3</v>
      </c>
      <c r="DD29" s="82">
        <v>1</v>
      </c>
      <c r="DE29" s="82">
        <v>2</v>
      </c>
      <c r="DF29" s="82">
        <v>3</v>
      </c>
      <c r="DG29" s="84">
        <v>17</v>
      </c>
      <c r="DH29" s="85">
        <v>30</v>
      </c>
      <c r="DI29" s="70">
        <v>0</v>
      </c>
      <c r="DJ29" s="71">
        <v>0</v>
      </c>
      <c r="DK29" s="72">
        <v>0</v>
      </c>
      <c r="DL29" s="244"/>
      <c r="DM29" s="71">
        <v>0</v>
      </c>
      <c r="DN29" s="71">
        <v>0</v>
      </c>
      <c r="DO29" s="71">
        <v>0</v>
      </c>
      <c r="DP29" s="71">
        <v>0</v>
      </c>
      <c r="DQ29" s="71">
        <v>0</v>
      </c>
      <c r="DR29" s="72">
        <v>0</v>
      </c>
      <c r="DS29" s="73">
        <v>0</v>
      </c>
      <c r="DT29" s="70">
        <v>1</v>
      </c>
      <c r="DU29" s="71">
        <v>0</v>
      </c>
      <c r="DV29" s="72">
        <v>1</v>
      </c>
      <c r="DW29" s="244"/>
      <c r="DX29" s="71">
        <v>0</v>
      </c>
      <c r="DY29" s="71">
        <v>0</v>
      </c>
      <c r="DZ29" s="71">
        <v>0</v>
      </c>
      <c r="EA29" s="71">
        <v>0</v>
      </c>
      <c r="EB29" s="71">
        <v>0</v>
      </c>
      <c r="EC29" s="72">
        <v>0</v>
      </c>
      <c r="ED29" s="73">
        <v>1</v>
      </c>
      <c r="EE29" s="70">
        <v>2</v>
      </c>
      <c r="EF29" s="71">
        <v>0</v>
      </c>
      <c r="EG29" s="72">
        <v>2</v>
      </c>
      <c r="EH29" s="244"/>
      <c r="EI29" s="71">
        <v>1</v>
      </c>
      <c r="EJ29" s="71">
        <v>0</v>
      </c>
      <c r="EK29" s="71">
        <v>0</v>
      </c>
      <c r="EL29" s="71">
        <v>0</v>
      </c>
      <c r="EM29" s="71">
        <v>0</v>
      </c>
      <c r="EN29" s="72">
        <v>1</v>
      </c>
      <c r="EO29" s="73">
        <v>3</v>
      </c>
      <c r="EP29" s="70">
        <v>0</v>
      </c>
      <c r="EQ29" s="71">
        <v>0</v>
      </c>
      <c r="ER29" s="72">
        <v>0</v>
      </c>
      <c r="ES29" s="244"/>
      <c r="ET29" s="71">
        <v>0</v>
      </c>
      <c r="EU29" s="71">
        <v>0</v>
      </c>
      <c r="EV29" s="71">
        <v>0</v>
      </c>
      <c r="EW29" s="71">
        <v>0</v>
      </c>
      <c r="EX29" s="71">
        <v>0</v>
      </c>
      <c r="EY29" s="72">
        <v>0</v>
      </c>
      <c r="EZ29" s="73">
        <v>0</v>
      </c>
      <c r="FA29" s="70">
        <v>2</v>
      </c>
      <c r="FB29" s="71">
        <v>3</v>
      </c>
      <c r="FC29" s="72">
        <v>5</v>
      </c>
      <c r="FD29" s="244"/>
      <c r="FE29" s="71">
        <v>2</v>
      </c>
      <c r="FF29" s="71">
        <v>3</v>
      </c>
      <c r="FG29" s="71">
        <v>1</v>
      </c>
      <c r="FH29" s="71">
        <v>0</v>
      </c>
      <c r="FI29" s="71">
        <v>0</v>
      </c>
      <c r="FJ29" s="72">
        <v>6</v>
      </c>
      <c r="FK29" s="73">
        <v>11</v>
      </c>
      <c r="FL29" s="70">
        <v>2</v>
      </c>
      <c r="FM29" s="71">
        <v>3</v>
      </c>
      <c r="FN29" s="72">
        <v>5</v>
      </c>
      <c r="FO29" s="244"/>
      <c r="FP29" s="71">
        <v>5</v>
      </c>
      <c r="FQ29" s="71">
        <v>0</v>
      </c>
      <c r="FR29" s="71">
        <v>0</v>
      </c>
      <c r="FS29" s="71">
        <v>2</v>
      </c>
      <c r="FT29" s="71">
        <v>3</v>
      </c>
      <c r="FU29" s="72">
        <v>10</v>
      </c>
      <c r="FV29" s="73">
        <v>15</v>
      </c>
      <c r="FW29" s="70">
        <v>0</v>
      </c>
      <c r="FX29" s="71">
        <v>0</v>
      </c>
      <c r="FY29" s="72">
        <v>0</v>
      </c>
      <c r="FZ29" s="244"/>
      <c r="GA29" s="71">
        <v>0</v>
      </c>
      <c r="GB29" s="71">
        <v>0</v>
      </c>
      <c r="GC29" s="71">
        <v>0</v>
      </c>
      <c r="GD29" s="71">
        <v>0</v>
      </c>
      <c r="GE29" s="71">
        <v>0</v>
      </c>
      <c r="GF29" s="72">
        <v>0</v>
      </c>
      <c r="GG29" s="73">
        <v>0</v>
      </c>
      <c r="GH29" s="70">
        <v>7</v>
      </c>
      <c r="GI29" s="71">
        <v>6</v>
      </c>
      <c r="GJ29" s="72">
        <v>13</v>
      </c>
      <c r="GK29" s="244"/>
      <c r="GL29" s="71">
        <v>8</v>
      </c>
      <c r="GM29" s="71">
        <v>3</v>
      </c>
      <c r="GN29" s="71">
        <v>1</v>
      </c>
      <c r="GO29" s="71">
        <v>2</v>
      </c>
      <c r="GP29" s="71">
        <v>3</v>
      </c>
      <c r="GQ29" s="72">
        <v>17</v>
      </c>
      <c r="GR29" s="73">
        <v>30</v>
      </c>
      <c r="GS29" s="123">
        <v>21</v>
      </c>
      <c r="GT29" s="82">
        <v>17</v>
      </c>
      <c r="GU29" s="83">
        <v>38</v>
      </c>
      <c r="GV29" s="241"/>
      <c r="GW29" s="82">
        <v>29</v>
      </c>
      <c r="GX29" s="82">
        <v>22</v>
      </c>
      <c r="GY29" s="82">
        <v>9</v>
      </c>
      <c r="GZ29" s="82">
        <v>7</v>
      </c>
      <c r="HA29" s="82">
        <v>5</v>
      </c>
      <c r="HB29" s="84">
        <v>72</v>
      </c>
      <c r="HC29" s="85">
        <v>110</v>
      </c>
      <c r="HD29" s="70">
        <v>2</v>
      </c>
      <c r="HE29" s="71">
        <v>0</v>
      </c>
      <c r="HF29" s="72">
        <v>2</v>
      </c>
      <c r="HG29" s="244"/>
      <c r="HH29" s="71">
        <v>2</v>
      </c>
      <c r="HI29" s="71">
        <v>1</v>
      </c>
      <c r="HJ29" s="71">
        <v>0</v>
      </c>
      <c r="HK29" s="71">
        <v>0</v>
      </c>
      <c r="HL29" s="71">
        <v>0</v>
      </c>
      <c r="HM29" s="72">
        <v>3</v>
      </c>
      <c r="HN29" s="73">
        <v>5</v>
      </c>
      <c r="HO29" s="70">
        <v>3</v>
      </c>
      <c r="HP29" s="71">
        <v>0</v>
      </c>
      <c r="HQ29" s="72">
        <v>3</v>
      </c>
      <c r="HR29" s="244"/>
      <c r="HS29" s="71">
        <v>0</v>
      </c>
      <c r="HT29" s="71">
        <v>3</v>
      </c>
      <c r="HU29" s="71">
        <v>1</v>
      </c>
      <c r="HV29" s="71">
        <v>0</v>
      </c>
      <c r="HW29" s="71">
        <v>0</v>
      </c>
      <c r="HX29" s="72">
        <v>4</v>
      </c>
      <c r="HY29" s="73">
        <v>7</v>
      </c>
      <c r="HZ29" s="70">
        <v>3</v>
      </c>
      <c r="IA29" s="71">
        <v>2</v>
      </c>
      <c r="IB29" s="72">
        <v>5</v>
      </c>
      <c r="IC29" s="244"/>
      <c r="ID29" s="71">
        <v>3</v>
      </c>
      <c r="IE29" s="71">
        <v>2</v>
      </c>
      <c r="IF29" s="71">
        <v>2</v>
      </c>
      <c r="IG29" s="71">
        <v>1</v>
      </c>
      <c r="IH29" s="71">
        <v>0</v>
      </c>
      <c r="II29" s="72">
        <v>8</v>
      </c>
      <c r="IJ29" s="73">
        <v>13</v>
      </c>
      <c r="IK29" s="70">
        <v>1</v>
      </c>
      <c r="IL29" s="71">
        <v>2</v>
      </c>
      <c r="IM29" s="72">
        <v>3</v>
      </c>
      <c r="IN29" s="244"/>
      <c r="IO29" s="71">
        <v>6</v>
      </c>
      <c r="IP29" s="71">
        <v>3</v>
      </c>
      <c r="IQ29" s="71">
        <v>1</v>
      </c>
      <c r="IR29" s="71">
        <v>1</v>
      </c>
      <c r="IS29" s="71">
        <v>0</v>
      </c>
      <c r="IT29" s="72">
        <v>11</v>
      </c>
      <c r="IU29" s="73">
        <v>14</v>
      </c>
      <c r="IV29" s="70">
        <v>7</v>
      </c>
      <c r="IW29" s="71">
        <v>7</v>
      </c>
      <c r="IX29" s="72">
        <v>14</v>
      </c>
      <c r="IY29" s="244"/>
      <c r="IZ29" s="71">
        <v>5</v>
      </c>
      <c r="JA29" s="71">
        <v>9</v>
      </c>
      <c r="JB29" s="71">
        <v>2</v>
      </c>
      <c r="JC29" s="71">
        <v>1</v>
      </c>
      <c r="JD29" s="71">
        <v>2</v>
      </c>
      <c r="JE29" s="72">
        <v>19</v>
      </c>
      <c r="JF29" s="73">
        <v>33</v>
      </c>
      <c r="JG29" s="70">
        <v>5</v>
      </c>
      <c r="JH29" s="71">
        <v>6</v>
      </c>
      <c r="JI29" s="72">
        <v>11</v>
      </c>
      <c r="JJ29" s="244"/>
      <c r="JK29" s="71">
        <v>13</v>
      </c>
      <c r="JL29" s="71">
        <v>4</v>
      </c>
      <c r="JM29" s="71">
        <v>3</v>
      </c>
      <c r="JN29" s="71">
        <v>4</v>
      </c>
      <c r="JO29" s="71">
        <v>3</v>
      </c>
      <c r="JP29" s="72">
        <v>27</v>
      </c>
      <c r="JQ29" s="73">
        <v>38</v>
      </c>
      <c r="JR29" s="70">
        <v>0</v>
      </c>
      <c r="JS29" s="71">
        <v>0</v>
      </c>
      <c r="JT29" s="72">
        <v>0</v>
      </c>
      <c r="JU29" s="244"/>
      <c r="JV29" s="71">
        <v>0</v>
      </c>
      <c r="JW29" s="71">
        <v>0</v>
      </c>
      <c r="JX29" s="71">
        <v>0</v>
      </c>
      <c r="JY29" s="71">
        <v>0</v>
      </c>
      <c r="JZ29" s="71">
        <v>0</v>
      </c>
      <c r="KA29" s="72">
        <v>0</v>
      </c>
      <c r="KB29" s="73">
        <v>0</v>
      </c>
      <c r="KC29" s="70">
        <v>21</v>
      </c>
      <c r="KD29" s="71">
        <v>17</v>
      </c>
      <c r="KE29" s="72">
        <v>38</v>
      </c>
      <c r="KF29" s="244"/>
      <c r="KG29" s="71">
        <v>29</v>
      </c>
      <c r="KH29" s="71">
        <v>22</v>
      </c>
      <c r="KI29" s="71">
        <v>9</v>
      </c>
      <c r="KJ29" s="71">
        <v>7</v>
      </c>
      <c r="KK29" s="71">
        <v>5</v>
      </c>
      <c r="KL29" s="72">
        <v>72</v>
      </c>
      <c r="KM29" s="73">
        <v>110</v>
      </c>
    </row>
    <row r="30" spans="2:299" ht="21" customHeight="1" x14ac:dyDescent="0.2">
      <c r="B30" s="126" t="s">
        <v>27</v>
      </c>
      <c r="C30" s="315">
        <v>13</v>
      </c>
      <c r="D30" s="82">
        <v>20</v>
      </c>
      <c r="E30" s="83">
        <v>33</v>
      </c>
      <c r="F30" s="241"/>
      <c r="G30" s="82">
        <v>13</v>
      </c>
      <c r="H30" s="82">
        <v>11</v>
      </c>
      <c r="I30" s="82">
        <v>9</v>
      </c>
      <c r="J30" s="82">
        <v>6</v>
      </c>
      <c r="K30" s="82">
        <v>2</v>
      </c>
      <c r="L30" s="84">
        <v>41</v>
      </c>
      <c r="M30" s="85">
        <v>74</v>
      </c>
      <c r="N30" s="70">
        <v>2</v>
      </c>
      <c r="O30" s="71">
        <v>0</v>
      </c>
      <c r="P30" s="72">
        <v>2</v>
      </c>
      <c r="Q30" s="244"/>
      <c r="R30" s="71">
        <v>0</v>
      </c>
      <c r="S30" s="71">
        <v>0</v>
      </c>
      <c r="T30" s="71">
        <v>1</v>
      </c>
      <c r="U30" s="71">
        <v>0</v>
      </c>
      <c r="V30" s="71">
        <v>0</v>
      </c>
      <c r="W30" s="72">
        <v>1</v>
      </c>
      <c r="X30" s="73">
        <v>3</v>
      </c>
      <c r="Y30" s="70">
        <v>0</v>
      </c>
      <c r="Z30" s="71">
        <v>1</v>
      </c>
      <c r="AA30" s="72">
        <v>1</v>
      </c>
      <c r="AB30" s="244"/>
      <c r="AC30" s="71">
        <v>1</v>
      </c>
      <c r="AD30" s="71">
        <v>1</v>
      </c>
      <c r="AE30" s="71">
        <v>0</v>
      </c>
      <c r="AF30" s="71">
        <v>0</v>
      </c>
      <c r="AG30" s="71">
        <v>0</v>
      </c>
      <c r="AH30" s="72">
        <v>2</v>
      </c>
      <c r="AI30" s="73">
        <v>3</v>
      </c>
      <c r="AJ30" s="70">
        <v>2</v>
      </c>
      <c r="AK30" s="71">
        <v>4</v>
      </c>
      <c r="AL30" s="72">
        <v>6</v>
      </c>
      <c r="AM30" s="244"/>
      <c r="AN30" s="71">
        <v>1</v>
      </c>
      <c r="AO30" s="71">
        <v>2</v>
      </c>
      <c r="AP30" s="71">
        <v>1</v>
      </c>
      <c r="AQ30" s="71">
        <v>0</v>
      </c>
      <c r="AR30" s="71">
        <v>0</v>
      </c>
      <c r="AS30" s="72">
        <v>4</v>
      </c>
      <c r="AT30" s="73">
        <v>10</v>
      </c>
      <c r="AU30" s="70">
        <v>2</v>
      </c>
      <c r="AV30" s="71">
        <v>5</v>
      </c>
      <c r="AW30" s="72">
        <v>7</v>
      </c>
      <c r="AX30" s="244"/>
      <c r="AY30" s="71">
        <v>4</v>
      </c>
      <c r="AZ30" s="71">
        <v>2</v>
      </c>
      <c r="BA30" s="71">
        <v>3</v>
      </c>
      <c r="BB30" s="71">
        <v>1</v>
      </c>
      <c r="BC30" s="71">
        <v>0</v>
      </c>
      <c r="BD30" s="72">
        <v>10</v>
      </c>
      <c r="BE30" s="73">
        <v>17</v>
      </c>
      <c r="BF30" s="70">
        <v>2</v>
      </c>
      <c r="BG30" s="71">
        <v>6</v>
      </c>
      <c r="BH30" s="72">
        <v>8</v>
      </c>
      <c r="BI30" s="244"/>
      <c r="BJ30" s="71">
        <v>4</v>
      </c>
      <c r="BK30" s="71">
        <v>3</v>
      </c>
      <c r="BL30" s="71">
        <v>2</v>
      </c>
      <c r="BM30" s="71">
        <v>4</v>
      </c>
      <c r="BN30" s="71">
        <v>1</v>
      </c>
      <c r="BO30" s="72">
        <v>14</v>
      </c>
      <c r="BP30" s="73">
        <v>22</v>
      </c>
      <c r="BQ30" s="70">
        <v>5</v>
      </c>
      <c r="BR30" s="71">
        <v>4</v>
      </c>
      <c r="BS30" s="72">
        <v>9</v>
      </c>
      <c r="BT30" s="244"/>
      <c r="BU30" s="71">
        <v>3</v>
      </c>
      <c r="BV30" s="71">
        <v>3</v>
      </c>
      <c r="BW30" s="71">
        <v>2</v>
      </c>
      <c r="BX30" s="71">
        <v>1</v>
      </c>
      <c r="BY30" s="71">
        <v>1</v>
      </c>
      <c r="BZ30" s="72">
        <v>10</v>
      </c>
      <c r="CA30" s="73">
        <v>19</v>
      </c>
      <c r="CB30" s="70">
        <v>0</v>
      </c>
      <c r="CC30" s="71">
        <v>0</v>
      </c>
      <c r="CD30" s="72">
        <v>0</v>
      </c>
      <c r="CE30" s="244"/>
      <c r="CF30" s="71">
        <v>0</v>
      </c>
      <c r="CG30" s="71">
        <v>0</v>
      </c>
      <c r="CH30" s="71">
        <v>0</v>
      </c>
      <c r="CI30" s="71">
        <v>0</v>
      </c>
      <c r="CJ30" s="71">
        <v>0</v>
      </c>
      <c r="CK30" s="72">
        <v>0</v>
      </c>
      <c r="CL30" s="73">
        <v>0</v>
      </c>
      <c r="CM30" s="70">
        <v>13</v>
      </c>
      <c r="CN30" s="71">
        <v>20</v>
      </c>
      <c r="CO30" s="72">
        <v>33</v>
      </c>
      <c r="CP30" s="244"/>
      <c r="CQ30" s="71">
        <v>13</v>
      </c>
      <c r="CR30" s="71">
        <v>11</v>
      </c>
      <c r="CS30" s="71">
        <v>9</v>
      </c>
      <c r="CT30" s="71">
        <v>6</v>
      </c>
      <c r="CU30" s="71">
        <v>2</v>
      </c>
      <c r="CV30" s="72">
        <v>41</v>
      </c>
      <c r="CW30" s="73">
        <v>74</v>
      </c>
      <c r="CX30" s="123">
        <v>4</v>
      </c>
      <c r="CY30" s="82">
        <v>4</v>
      </c>
      <c r="CZ30" s="83">
        <v>8</v>
      </c>
      <c r="DA30" s="241"/>
      <c r="DB30" s="82">
        <v>4</v>
      </c>
      <c r="DC30" s="82">
        <v>2</v>
      </c>
      <c r="DD30" s="82">
        <v>8</v>
      </c>
      <c r="DE30" s="82">
        <v>2</v>
      </c>
      <c r="DF30" s="82">
        <v>2</v>
      </c>
      <c r="DG30" s="84">
        <v>18</v>
      </c>
      <c r="DH30" s="85">
        <v>26</v>
      </c>
      <c r="DI30" s="70">
        <v>0</v>
      </c>
      <c r="DJ30" s="71">
        <v>0</v>
      </c>
      <c r="DK30" s="72">
        <v>0</v>
      </c>
      <c r="DL30" s="244"/>
      <c r="DM30" s="71">
        <v>0</v>
      </c>
      <c r="DN30" s="71">
        <v>0</v>
      </c>
      <c r="DO30" s="71">
        <v>0</v>
      </c>
      <c r="DP30" s="71">
        <v>0</v>
      </c>
      <c r="DQ30" s="71">
        <v>0</v>
      </c>
      <c r="DR30" s="72">
        <v>0</v>
      </c>
      <c r="DS30" s="73">
        <v>0</v>
      </c>
      <c r="DT30" s="70">
        <v>0</v>
      </c>
      <c r="DU30" s="71">
        <v>0</v>
      </c>
      <c r="DV30" s="72">
        <v>0</v>
      </c>
      <c r="DW30" s="244"/>
      <c r="DX30" s="71">
        <v>0</v>
      </c>
      <c r="DY30" s="71">
        <v>1</v>
      </c>
      <c r="DZ30" s="71">
        <v>0</v>
      </c>
      <c r="EA30" s="71">
        <v>0</v>
      </c>
      <c r="EB30" s="71">
        <v>0</v>
      </c>
      <c r="EC30" s="72">
        <v>1</v>
      </c>
      <c r="ED30" s="73">
        <v>1</v>
      </c>
      <c r="EE30" s="70">
        <v>0</v>
      </c>
      <c r="EF30" s="71">
        <v>0</v>
      </c>
      <c r="EG30" s="72">
        <v>0</v>
      </c>
      <c r="EH30" s="244"/>
      <c r="EI30" s="71">
        <v>0</v>
      </c>
      <c r="EJ30" s="71">
        <v>1</v>
      </c>
      <c r="EK30" s="71">
        <v>0</v>
      </c>
      <c r="EL30" s="71">
        <v>0</v>
      </c>
      <c r="EM30" s="71">
        <v>0</v>
      </c>
      <c r="EN30" s="72">
        <v>1</v>
      </c>
      <c r="EO30" s="73">
        <v>1</v>
      </c>
      <c r="EP30" s="70">
        <v>2</v>
      </c>
      <c r="EQ30" s="71">
        <v>0</v>
      </c>
      <c r="ER30" s="72">
        <v>2</v>
      </c>
      <c r="ES30" s="244"/>
      <c r="ET30" s="71">
        <v>1</v>
      </c>
      <c r="EU30" s="71">
        <v>0</v>
      </c>
      <c r="EV30" s="71">
        <v>0</v>
      </c>
      <c r="EW30" s="71">
        <v>0</v>
      </c>
      <c r="EX30" s="71">
        <v>0</v>
      </c>
      <c r="EY30" s="72">
        <v>1</v>
      </c>
      <c r="EZ30" s="73">
        <v>3</v>
      </c>
      <c r="FA30" s="70">
        <v>2</v>
      </c>
      <c r="FB30" s="71">
        <v>3</v>
      </c>
      <c r="FC30" s="72">
        <v>5</v>
      </c>
      <c r="FD30" s="244"/>
      <c r="FE30" s="71">
        <v>2</v>
      </c>
      <c r="FF30" s="71">
        <v>0</v>
      </c>
      <c r="FG30" s="71">
        <v>3</v>
      </c>
      <c r="FH30" s="71">
        <v>0</v>
      </c>
      <c r="FI30" s="71">
        <v>1</v>
      </c>
      <c r="FJ30" s="72">
        <v>6</v>
      </c>
      <c r="FK30" s="73">
        <v>11</v>
      </c>
      <c r="FL30" s="70">
        <v>0</v>
      </c>
      <c r="FM30" s="71">
        <v>1</v>
      </c>
      <c r="FN30" s="72">
        <v>1</v>
      </c>
      <c r="FO30" s="244"/>
      <c r="FP30" s="71">
        <v>1</v>
      </c>
      <c r="FQ30" s="71">
        <v>0</v>
      </c>
      <c r="FR30" s="71">
        <v>5</v>
      </c>
      <c r="FS30" s="71">
        <v>2</v>
      </c>
      <c r="FT30" s="71">
        <v>1</v>
      </c>
      <c r="FU30" s="72">
        <v>9</v>
      </c>
      <c r="FV30" s="73">
        <v>10</v>
      </c>
      <c r="FW30" s="70">
        <v>0</v>
      </c>
      <c r="FX30" s="71">
        <v>0</v>
      </c>
      <c r="FY30" s="72">
        <v>0</v>
      </c>
      <c r="FZ30" s="244"/>
      <c r="GA30" s="71">
        <v>0</v>
      </c>
      <c r="GB30" s="71">
        <v>0</v>
      </c>
      <c r="GC30" s="71">
        <v>0</v>
      </c>
      <c r="GD30" s="71">
        <v>0</v>
      </c>
      <c r="GE30" s="71">
        <v>0</v>
      </c>
      <c r="GF30" s="72">
        <v>0</v>
      </c>
      <c r="GG30" s="73">
        <v>0</v>
      </c>
      <c r="GH30" s="70">
        <v>4</v>
      </c>
      <c r="GI30" s="71">
        <v>4</v>
      </c>
      <c r="GJ30" s="72">
        <v>8</v>
      </c>
      <c r="GK30" s="244"/>
      <c r="GL30" s="71">
        <v>4</v>
      </c>
      <c r="GM30" s="71">
        <v>2</v>
      </c>
      <c r="GN30" s="71">
        <v>8</v>
      </c>
      <c r="GO30" s="71">
        <v>2</v>
      </c>
      <c r="GP30" s="71">
        <v>2</v>
      </c>
      <c r="GQ30" s="72">
        <v>18</v>
      </c>
      <c r="GR30" s="73">
        <v>26</v>
      </c>
      <c r="GS30" s="123">
        <v>17</v>
      </c>
      <c r="GT30" s="82">
        <v>24</v>
      </c>
      <c r="GU30" s="83">
        <v>41</v>
      </c>
      <c r="GV30" s="241"/>
      <c r="GW30" s="82">
        <v>17</v>
      </c>
      <c r="GX30" s="82">
        <v>13</v>
      </c>
      <c r="GY30" s="82">
        <v>17</v>
      </c>
      <c r="GZ30" s="82">
        <v>8</v>
      </c>
      <c r="HA30" s="82">
        <v>4</v>
      </c>
      <c r="HB30" s="84">
        <v>59</v>
      </c>
      <c r="HC30" s="85">
        <v>100</v>
      </c>
      <c r="HD30" s="70">
        <v>2</v>
      </c>
      <c r="HE30" s="71">
        <v>0</v>
      </c>
      <c r="HF30" s="72">
        <v>2</v>
      </c>
      <c r="HG30" s="244"/>
      <c r="HH30" s="71">
        <v>0</v>
      </c>
      <c r="HI30" s="71">
        <v>0</v>
      </c>
      <c r="HJ30" s="71">
        <v>1</v>
      </c>
      <c r="HK30" s="71">
        <v>0</v>
      </c>
      <c r="HL30" s="71">
        <v>0</v>
      </c>
      <c r="HM30" s="72">
        <v>1</v>
      </c>
      <c r="HN30" s="73">
        <v>3</v>
      </c>
      <c r="HO30" s="70">
        <v>0</v>
      </c>
      <c r="HP30" s="71">
        <v>1</v>
      </c>
      <c r="HQ30" s="72">
        <v>1</v>
      </c>
      <c r="HR30" s="244"/>
      <c r="HS30" s="71">
        <v>1</v>
      </c>
      <c r="HT30" s="71">
        <v>2</v>
      </c>
      <c r="HU30" s="71">
        <v>0</v>
      </c>
      <c r="HV30" s="71">
        <v>0</v>
      </c>
      <c r="HW30" s="71">
        <v>0</v>
      </c>
      <c r="HX30" s="72">
        <v>3</v>
      </c>
      <c r="HY30" s="73">
        <v>4</v>
      </c>
      <c r="HZ30" s="70">
        <v>2</v>
      </c>
      <c r="IA30" s="71">
        <v>4</v>
      </c>
      <c r="IB30" s="72">
        <v>6</v>
      </c>
      <c r="IC30" s="244"/>
      <c r="ID30" s="71">
        <v>1</v>
      </c>
      <c r="IE30" s="71">
        <v>3</v>
      </c>
      <c r="IF30" s="71">
        <v>1</v>
      </c>
      <c r="IG30" s="71">
        <v>0</v>
      </c>
      <c r="IH30" s="71">
        <v>0</v>
      </c>
      <c r="II30" s="72">
        <v>5</v>
      </c>
      <c r="IJ30" s="73">
        <v>11</v>
      </c>
      <c r="IK30" s="70">
        <v>4</v>
      </c>
      <c r="IL30" s="71">
        <v>5</v>
      </c>
      <c r="IM30" s="72">
        <v>9</v>
      </c>
      <c r="IN30" s="244"/>
      <c r="IO30" s="71">
        <v>5</v>
      </c>
      <c r="IP30" s="71">
        <v>2</v>
      </c>
      <c r="IQ30" s="71">
        <v>3</v>
      </c>
      <c r="IR30" s="71">
        <v>1</v>
      </c>
      <c r="IS30" s="71">
        <v>0</v>
      </c>
      <c r="IT30" s="72">
        <v>11</v>
      </c>
      <c r="IU30" s="73">
        <v>20</v>
      </c>
      <c r="IV30" s="70">
        <v>4</v>
      </c>
      <c r="IW30" s="71">
        <v>9</v>
      </c>
      <c r="IX30" s="72">
        <v>13</v>
      </c>
      <c r="IY30" s="244"/>
      <c r="IZ30" s="71">
        <v>6</v>
      </c>
      <c r="JA30" s="71">
        <v>3</v>
      </c>
      <c r="JB30" s="71">
        <v>5</v>
      </c>
      <c r="JC30" s="71">
        <v>4</v>
      </c>
      <c r="JD30" s="71">
        <v>2</v>
      </c>
      <c r="JE30" s="72">
        <v>20</v>
      </c>
      <c r="JF30" s="73">
        <v>33</v>
      </c>
      <c r="JG30" s="70">
        <v>5</v>
      </c>
      <c r="JH30" s="71">
        <v>5</v>
      </c>
      <c r="JI30" s="72">
        <v>10</v>
      </c>
      <c r="JJ30" s="244"/>
      <c r="JK30" s="71">
        <v>4</v>
      </c>
      <c r="JL30" s="71">
        <v>3</v>
      </c>
      <c r="JM30" s="71">
        <v>7</v>
      </c>
      <c r="JN30" s="71">
        <v>3</v>
      </c>
      <c r="JO30" s="71">
        <v>2</v>
      </c>
      <c r="JP30" s="72">
        <v>19</v>
      </c>
      <c r="JQ30" s="73">
        <v>29</v>
      </c>
      <c r="JR30" s="70">
        <v>0</v>
      </c>
      <c r="JS30" s="71">
        <v>0</v>
      </c>
      <c r="JT30" s="72">
        <v>0</v>
      </c>
      <c r="JU30" s="244"/>
      <c r="JV30" s="71">
        <v>0</v>
      </c>
      <c r="JW30" s="71">
        <v>0</v>
      </c>
      <c r="JX30" s="71">
        <v>0</v>
      </c>
      <c r="JY30" s="71">
        <v>0</v>
      </c>
      <c r="JZ30" s="71">
        <v>0</v>
      </c>
      <c r="KA30" s="72">
        <v>0</v>
      </c>
      <c r="KB30" s="73">
        <v>0</v>
      </c>
      <c r="KC30" s="70">
        <v>17</v>
      </c>
      <c r="KD30" s="71">
        <v>24</v>
      </c>
      <c r="KE30" s="72">
        <v>41</v>
      </c>
      <c r="KF30" s="244"/>
      <c r="KG30" s="71">
        <v>17</v>
      </c>
      <c r="KH30" s="71">
        <v>13</v>
      </c>
      <c r="KI30" s="71">
        <v>17</v>
      </c>
      <c r="KJ30" s="71">
        <v>8</v>
      </c>
      <c r="KK30" s="71">
        <v>4</v>
      </c>
      <c r="KL30" s="72">
        <v>59</v>
      </c>
      <c r="KM30" s="73">
        <v>100</v>
      </c>
    </row>
    <row r="31" spans="2:299" ht="21" customHeight="1" x14ac:dyDescent="0.2">
      <c r="B31" s="126" t="s">
        <v>28</v>
      </c>
      <c r="C31" s="315">
        <v>2</v>
      </c>
      <c r="D31" s="82">
        <v>1</v>
      </c>
      <c r="E31" s="83">
        <v>3</v>
      </c>
      <c r="F31" s="241"/>
      <c r="G31" s="82">
        <v>9</v>
      </c>
      <c r="H31" s="82">
        <v>5</v>
      </c>
      <c r="I31" s="82">
        <v>3</v>
      </c>
      <c r="J31" s="82">
        <v>0</v>
      </c>
      <c r="K31" s="82">
        <v>5</v>
      </c>
      <c r="L31" s="84">
        <v>22</v>
      </c>
      <c r="M31" s="85">
        <v>25</v>
      </c>
      <c r="N31" s="70">
        <v>0</v>
      </c>
      <c r="O31" s="71">
        <v>0</v>
      </c>
      <c r="P31" s="72">
        <v>0</v>
      </c>
      <c r="Q31" s="244"/>
      <c r="R31" s="71">
        <v>0</v>
      </c>
      <c r="S31" s="71">
        <v>0</v>
      </c>
      <c r="T31" s="71">
        <v>1</v>
      </c>
      <c r="U31" s="71">
        <v>0</v>
      </c>
      <c r="V31" s="71">
        <v>0</v>
      </c>
      <c r="W31" s="72">
        <v>1</v>
      </c>
      <c r="X31" s="73">
        <v>1</v>
      </c>
      <c r="Y31" s="70">
        <v>0</v>
      </c>
      <c r="Z31" s="71">
        <v>1</v>
      </c>
      <c r="AA31" s="72">
        <v>1</v>
      </c>
      <c r="AB31" s="244"/>
      <c r="AC31" s="71">
        <v>1</v>
      </c>
      <c r="AD31" s="71">
        <v>1</v>
      </c>
      <c r="AE31" s="71">
        <v>0</v>
      </c>
      <c r="AF31" s="71">
        <v>0</v>
      </c>
      <c r="AG31" s="71">
        <v>0</v>
      </c>
      <c r="AH31" s="72">
        <v>2</v>
      </c>
      <c r="AI31" s="73">
        <v>3</v>
      </c>
      <c r="AJ31" s="70">
        <v>0</v>
      </c>
      <c r="AK31" s="71">
        <v>0</v>
      </c>
      <c r="AL31" s="72">
        <v>0</v>
      </c>
      <c r="AM31" s="244"/>
      <c r="AN31" s="71">
        <v>0</v>
      </c>
      <c r="AO31" s="71">
        <v>2</v>
      </c>
      <c r="AP31" s="71">
        <v>0</v>
      </c>
      <c r="AQ31" s="71">
        <v>0</v>
      </c>
      <c r="AR31" s="71">
        <v>1</v>
      </c>
      <c r="AS31" s="72">
        <v>3</v>
      </c>
      <c r="AT31" s="73">
        <v>3</v>
      </c>
      <c r="AU31" s="70">
        <v>1</v>
      </c>
      <c r="AV31" s="71">
        <v>0</v>
      </c>
      <c r="AW31" s="72">
        <v>1</v>
      </c>
      <c r="AX31" s="244"/>
      <c r="AY31" s="71">
        <v>2</v>
      </c>
      <c r="AZ31" s="71">
        <v>1</v>
      </c>
      <c r="BA31" s="71">
        <v>0</v>
      </c>
      <c r="BB31" s="71">
        <v>0</v>
      </c>
      <c r="BC31" s="71">
        <v>2</v>
      </c>
      <c r="BD31" s="72">
        <v>5</v>
      </c>
      <c r="BE31" s="73">
        <v>6</v>
      </c>
      <c r="BF31" s="70">
        <v>1</v>
      </c>
      <c r="BG31" s="71">
        <v>0</v>
      </c>
      <c r="BH31" s="72">
        <v>1</v>
      </c>
      <c r="BI31" s="244"/>
      <c r="BJ31" s="71">
        <v>2</v>
      </c>
      <c r="BK31" s="71">
        <v>0</v>
      </c>
      <c r="BL31" s="71">
        <v>0</v>
      </c>
      <c r="BM31" s="71">
        <v>0</v>
      </c>
      <c r="BN31" s="71">
        <v>0</v>
      </c>
      <c r="BO31" s="72">
        <v>2</v>
      </c>
      <c r="BP31" s="73">
        <v>3</v>
      </c>
      <c r="BQ31" s="70">
        <v>0</v>
      </c>
      <c r="BR31" s="71">
        <v>0</v>
      </c>
      <c r="BS31" s="72">
        <v>0</v>
      </c>
      <c r="BT31" s="244"/>
      <c r="BU31" s="71">
        <v>4</v>
      </c>
      <c r="BV31" s="71">
        <v>1</v>
      </c>
      <c r="BW31" s="71">
        <v>2</v>
      </c>
      <c r="BX31" s="71">
        <v>0</v>
      </c>
      <c r="BY31" s="71">
        <v>2</v>
      </c>
      <c r="BZ31" s="72">
        <v>9</v>
      </c>
      <c r="CA31" s="73">
        <v>9</v>
      </c>
      <c r="CB31" s="70">
        <v>0</v>
      </c>
      <c r="CC31" s="71">
        <v>0</v>
      </c>
      <c r="CD31" s="72">
        <v>0</v>
      </c>
      <c r="CE31" s="244"/>
      <c r="CF31" s="71">
        <v>0</v>
      </c>
      <c r="CG31" s="71">
        <v>0</v>
      </c>
      <c r="CH31" s="71">
        <v>0</v>
      </c>
      <c r="CI31" s="71">
        <v>0</v>
      </c>
      <c r="CJ31" s="71">
        <v>0</v>
      </c>
      <c r="CK31" s="72">
        <v>0</v>
      </c>
      <c r="CL31" s="73">
        <v>0</v>
      </c>
      <c r="CM31" s="70">
        <v>2</v>
      </c>
      <c r="CN31" s="71">
        <v>1</v>
      </c>
      <c r="CO31" s="72">
        <v>3</v>
      </c>
      <c r="CP31" s="244"/>
      <c r="CQ31" s="71">
        <v>9</v>
      </c>
      <c r="CR31" s="71">
        <v>5</v>
      </c>
      <c r="CS31" s="71">
        <v>3</v>
      </c>
      <c r="CT31" s="71">
        <v>0</v>
      </c>
      <c r="CU31" s="71">
        <v>5</v>
      </c>
      <c r="CV31" s="72">
        <v>22</v>
      </c>
      <c r="CW31" s="73">
        <v>25</v>
      </c>
      <c r="CX31" s="123">
        <v>0</v>
      </c>
      <c r="CY31" s="82">
        <v>0</v>
      </c>
      <c r="CZ31" s="83">
        <v>0</v>
      </c>
      <c r="DA31" s="241"/>
      <c r="DB31" s="82">
        <v>0</v>
      </c>
      <c r="DC31" s="82">
        <v>1</v>
      </c>
      <c r="DD31" s="82">
        <v>1</v>
      </c>
      <c r="DE31" s="82">
        <v>2</v>
      </c>
      <c r="DF31" s="82">
        <v>0</v>
      </c>
      <c r="DG31" s="84">
        <v>4</v>
      </c>
      <c r="DH31" s="85">
        <v>4</v>
      </c>
      <c r="DI31" s="70">
        <v>0</v>
      </c>
      <c r="DJ31" s="71">
        <v>0</v>
      </c>
      <c r="DK31" s="72">
        <v>0</v>
      </c>
      <c r="DL31" s="244"/>
      <c r="DM31" s="71">
        <v>0</v>
      </c>
      <c r="DN31" s="71">
        <v>0</v>
      </c>
      <c r="DO31" s="71">
        <v>0</v>
      </c>
      <c r="DP31" s="71">
        <v>0</v>
      </c>
      <c r="DQ31" s="71">
        <v>0</v>
      </c>
      <c r="DR31" s="72">
        <v>0</v>
      </c>
      <c r="DS31" s="73">
        <v>0</v>
      </c>
      <c r="DT31" s="70">
        <v>0</v>
      </c>
      <c r="DU31" s="71">
        <v>0</v>
      </c>
      <c r="DV31" s="72">
        <v>0</v>
      </c>
      <c r="DW31" s="244"/>
      <c r="DX31" s="71">
        <v>0</v>
      </c>
      <c r="DY31" s="71">
        <v>0</v>
      </c>
      <c r="DZ31" s="71">
        <v>1</v>
      </c>
      <c r="EA31" s="71">
        <v>0</v>
      </c>
      <c r="EB31" s="71">
        <v>0</v>
      </c>
      <c r="EC31" s="72">
        <v>1</v>
      </c>
      <c r="ED31" s="73">
        <v>1</v>
      </c>
      <c r="EE31" s="70">
        <v>0</v>
      </c>
      <c r="EF31" s="71">
        <v>0</v>
      </c>
      <c r="EG31" s="72">
        <v>0</v>
      </c>
      <c r="EH31" s="244"/>
      <c r="EI31" s="71">
        <v>0</v>
      </c>
      <c r="EJ31" s="71">
        <v>0</v>
      </c>
      <c r="EK31" s="71">
        <v>0</v>
      </c>
      <c r="EL31" s="71">
        <v>0</v>
      </c>
      <c r="EM31" s="71">
        <v>0</v>
      </c>
      <c r="EN31" s="72">
        <v>0</v>
      </c>
      <c r="EO31" s="73">
        <v>0</v>
      </c>
      <c r="EP31" s="70">
        <v>0</v>
      </c>
      <c r="EQ31" s="71">
        <v>0</v>
      </c>
      <c r="ER31" s="72">
        <v>0</v>
      </c>
      <c r="ES31" s="244"/>
      <c r="ET31" s="71">
        <v>0</v>
      </c>
      <c r="EU31" s="71">
        <v>1</v>
      </c>
      <c r="EV31" s="71">
        <v>0</v>
      </c>
      <c r="EW31" s="71">
        <v>0</v>
      </c>
      <c r="EX31" s="71">
        <v>0</v>
      </c>
      <c r="EY31" s="72">
        <v>1</v>
      </c>
      <c r="EZ31" s="73">
        <v>1</v>
      </c>
      <c r="FA31" s="70">
        <v>0</v>
      </c>
      <c r="FB31" s="71">
        <v>0</v>
      </c>
      <c r="FC31" s="72">
        <v>0</v>
      </c>
      <c r="FD31" s="244"/>
      <c r="FE31" s="71">
        <v>0</v>
      </c>
      <c r="FF31" s="71">
        <v>0</v>
      </c>
      <c r="FG31" s="71">
        <v>0</v>
      </c>
      <c r="FH31" s="71">
        <v>2</v>
      </c>
      <c r="FI31" s="71">
        <v>0</v>
      </c>
      <c r="FJ31" s="72">
        <v>2</v>
      </c>
      <c r="FK31" s="73">
        <v>2</v>
      </c>
      <c r="FL31" s="70">
        <v>0</v>
      </c>
      <c r="FM31" s="71">
        <v>0</v>
      </c>
      <c r="FN31" s="72">
        <v>0</v>
      </c>
      <c r="FO31" s="244"/>
      <c r="FP31" s="71">
        <v>0</v>
      </c>
      <c r="FQ31" s="71">
        <v>0</v>
      </c>
      <c r="FR31" s="71">
        <v>0</v>
      </c>
      <c r="FS31" s="71">
        <v>0</v>
      </c>
      <c r="FT31" s="71">
        <v>0</v>
      </c>
      <c r="FU31" s="72">
        <v>0</v>
      </c>
      <c r="FV31" s="73">
        <v>0</v>
      </c>
      <c r="FW31" s="70">
        <v>0</v>
      </c>
      <c r="FX31" s="71">
        <v>0</v>
      </c>
      <c r="FY31" s="72">
        <v>0</v>
      </c>
      <c r="FZ31" s="244"/>
      <c r="GA31" s="71">
        <v>0</v>
      </c>
      <c r="GB31" s="71">
        <v>0</v>
      </c>
      <c r="GC31" s="71">
        <v>0</v>
      </c>
      <c r="GD31" s="71">
        <v>0</v>
      </c>
      <c r="GE31" s="71">
        <v>0</v>
      </c>
      <c r="GF31" s="72">
        <v>0</v>
      </c>
      <c r="GG31" s="73">
        <v>0</v>
      </c>
      <c r="GH31" s="70">
        <v>0</v>
      </c>
      <c r="GI31" s="71">
        <v>0</v>
      </c>
      <c r="GJ31" s="72">
        <v>0</v>
      </c>
      <c r="GK31" s="244"/>
      <c r="GL31" s="71">
        <v>0</v>
      </c>
      <c r="GM31" s="71">
        <v>1</v>
      </c>
      <c r="GN31" s="71">
        <v>1</v>
      </c>
      <c r="GO31" s="71">
        <v>2</v>
      </c>
      <c r="GP31" s="71">
        <v>0</v>
      </c>
      <c r="GQ31" s="72">
        <v>4</v>
      </c>
      <c r="GR31" s="73">
        <v>4</v>
      </c>
      <c r="GS31" s="123">
        <v>2</v>
      </c>
      <c r="GT31" s="82">
        <v>1</v>
      </c>
      <c r="GU31" s="83">
        <v>3</v>
      </c>
      <c r="GV31" s="241"/>
      <c r="GW31" s="82">
        <v>9</v>
      </c>
      <c r="GX31" s="82">
        <v>6</v>
      </c>
      <c r="GY31" s="82">
        <v>4</v>
      </c>
      <c r="GZ31" s="82">
        <v>2</v>
      </c>
      <c r="HA31" s="82">
        <v>5</v>
      </c>
      <c r="HB31" s="84">
        <v>26</v>
      </c>
      <c r="HC31" s="85">
        <v>29</v>
      </c>
      <c r="HD31" s="70">
        <v>0</v>
      </c>
      <c r="HE31" s="71">
        <v>0</v>
      </c>
      <c r="HF31" s="72">
        <v>0</v>
      </c>
      <c r="HG31" s="244"/>
      <c r="HH31" s="71">
        <v>0</v>
      </c>
      <c r="HI31" s="71">
        <v>0</v>
      </c>
      <c r="HJ31" s="71">
        <v>1</v>
      </c>
      <c r="HK31" s="71">
        <v>0</v>
      </c>
      <c r="HL31" s="71">
        <v>0</v>
      </c>
      <c r="HM31" s="72">
        <v>1</v>
      </c>
      <c r="HN31" s="73">
        <v>1</v>
      </c>
      <c r="HO31" s="70">
        <v>0</v>
      </c>
      <c r="HP31" s="71">
        <v>1</v>
      </c>
      <c r="HQ31" s="72">
        <v>1</v>
      </c>
      <c r="HR31" s="244"/>
      <c r="HS31" s="71">
        <v>1</v>
      </c>
      <c r="HT31" s="71">
        <v>1</v>
      </c>
      <c r="HU31" s="71">
        <v>1</v>
      </c>
      <c r="HV31" s="71">
        <v>0</v>
      </c>
      <c r="HW31" s="71">
        <v>0</v>
      </c>
      <c r="HX31" s="72">
        <v>3</v>
      </c>
      <c r="HY31" s="73">
        <v>4</v>
      </c>
      <c r="HZ31" s="70">
        <v>0</v>
      </c>
      <c r="IA31" s="71">
        <v>0</v>
      </c>
      <c r="IB31" s="72">
        <v>0</v>
      </c>
      <c r="IC31" s="244"/>
      <c r="ID31" s="71">
        <v>0</v>
      </c>
      <c r="IE31" s="71">
        <v>2</v>
      </c>
      <c r="IF31" s="71">
        <v>0</v>
      </c>
      <c r="IG31" s="71">
        <v>0</v>
      </c>
      <c r="IH31" s="71">
        <v>1</v>
      </c>
      <c r="II31" s="72">
        <v>3</v>
      </c>
      <c r="IJ31" s="73">
        <v>3</v>
      </c>
      <c r="IK31" s="70">
        <v>1</v>
      </c>
      <c r="IL31" s="71">
        <v>0</v>
      </c>
      <c r="IM31" s="72">
        <v>1</v>
      </c>
      <c r="IN31" s="244"/>
      <c r="IO31" s="71">
        <v>2</v>
      </c>
      <c r="IP31" s="71">
        <v>2</v>
      </c>
      <c r="IQ31" s="71">
        <v>0</v>
      </c>
      <c r="IR31" s="71">
        <v>0</v>
      </c>
      <c r="IS31" s="71">
        <v>2</v>
      </c>
      <c r="IT31" s="72">
        <v>6</v>
      </c>
      <c r="IU31" s="73">
        <v>7</v>
      </c>
      <c r="IV31" s="70">
        <v>1</v>
      </c>
      <c r="IW31" s="71">
        <v>0</v>
      </c>
      <c r="IX31" s="72">
        <v>1</v>
      </c>
      <c r="IY31" s="244"/>
      <c r="IZ31" s="71">
        <v>2</v>
      </c>
      <c r="JA31" s="71">
        <v>0</v>
      </c>
      <c r="JB31" s="71">
        <v>0</v>
      </c>
      <c r="JC31" s="71">
        <v>2</v>
      </c>
      <c r="JD31" s="71">
        <v>0</v>
      </c>
      <c r="JE31" s="72">
        <v>4</v>
      </c>
      <c r="JF31" s="73">
        <v>5</v>
      </c>
      <c r="JG31" s="70">
        <v>0</v>
      </c>
      <c r="JH31" s="71">
        <v>0</v>
      </c>
      <c r="JI31" s="72">
        <v>0</v>
      </c>
      <c r="JJ31" s="244"/>
      <c r="JK31" s="71">
        <v>4</v>
      </c>
      <c r="JL31" s="71">
        <v>1</v>
      </c>
      <c r="JM31" s="71">
        <v>2</v>
      </c>
      <c r="JN31" s="71">
        <v>0</v>
      </c>
      <c r="JO31" s="71">
        <v>2</v>
      </c>
      <c r="JP31" s="72">
        <v>9</v>
      </c>
      <c r="JQ31" s="73">
        <v>9</v>
      </c>
      <c r="JR31" s="70">
        <v>0</v>
      </c>
      <c r="JS31" s="71">
        <v>0</v>
      </c>
      <c r="JT31" s="72">
        <v>0</v>
      </c>
      <c r="JU31" s="244"/>
      <c r="JV31" s="71">
        <v>0</v>
      </c>
      <c r="JW31" s="71">
        <v>0</v>
      </c>
      <c r="JX31" s="71">
        <v>0</v>
      </c>
      <c r="JY31" s="71">
        <v>0</v>
      </c>
      <c r="JZ31" s="71">
        <v>0</v>
      </c>
      <c r="KA31" s="72">
        <v>0</v>
      </c>
      <c r="KB31" s="73">
        <v>0</v>
      </c>
      <c r="KC31" s="70">
        <v>2</v>
      </c>
      <c r="KD31" s="71">
        <v>1</v>
      </c>
      <c r="KE31" s="72">
        <v>3</v>
      </c>
      <c r="KF31" s="244"/>
      <c r="KG31" s="71">
        <v>9</v>
      </c>
      <c r="KH31" s="71">
        <v>6</v>
      </c>
      <c r="KI31" s="71">
        <v>4</v>
      </c>
      <c r="KJ31" s="71">
        <v>2</v>
      </c>
      <c r="KK31" s="71">
        <v>5</v>
      </c>
      <c r="KL31" s="72">
        <v>26</v>
      </c>
      <c r="KM31" s="73">
        <v>29</v>
      </c>
    </row>
    <row r="32" spans="2:299" ht="21" customHeight="1" x14ac:dyDescent="0.2">
      <c r="B32" s="126" t="s">
        <v>29</v>
      </c>
      <c r="C32" s="315">
        <v>2</v>
      </c>
      <c r="D32" s="82">
        <v>2</v>
      </c>
      <c r="E32" s="83">
        <v>4</v>
      </c>
      <c r="F32" s="241"/>
      <c r="G32" s="82">
        <v>5</v>
      </c>
      <c r="H32" s="82">
        <v>2</v>
      </c>
      <c r="I32" s="82">
        <v>6</v>
      </c>
      <c r="J32" s="82">
        <v>3</v>
      </c>
      <c r="K32" s="82">
        <v>1</v>
      </c>
      <c r="L32" s="84">
        <v>17</v>
      </c>
      <c r="M32" s="85">
        <v>21</v>
      </c>
      <c r="N32" s="70">
        <v>0</v>
      </c>
      <c r="O32" s="71">
        <v>0</v>
      </c>
      <c r="P32" s="72">
        <v>0</v>
      </c>
      <c r="Q32" s="244"/>
      <c r="R32" s="71">
        <v>0</v>
      </c>
      <c r="S32" s="71">
        <v>0</v>
      </c>
      <c r="T32" s="71">
        <v>1</v>
      </c>
      <c r="U32" s="71">
        <v>0</v>
      </c>
      <c r="V32" s="71">
        <v>0</v>
      </c>
      <c r="W32" s="72">
        <v>1</v>
      </c>
      <c r="X32" s="73">
        <v>1</v>
      </c>
      <c r="Y32" s="70">
        <v>0</v>
      </c>
      <c r="Z32" s="71">
        <v>0</v>
      </c>
      <c r="AA32" s="72">
        <v>0</v>
      </c>
      <c r="AB32" s="244"/>
      <c r="AC32" s="71">
        <v>1</v>
      </c>
      <c r="AD32" s="71">
        <v>0</v>
      </c>
      <c r="AE32" s="71">
        <v>0</v>
      </c>
      <c r="AF32" s="71">
        <v>1</v>
      </c>
      <c r="AG32" s="71">
        <v>1</v>
      </c>
      <c r="AH32" s="72">
        <v>3</v>
      </c>
      <c r="AI32" s="73">
        <v>3</v>
      </c>
      <c r="AJ32" s="70">
        <v>0</v>
      </c>
      <c r="AK32" s="71">
        <v>1</v>
      </c>
      <c r="AL32" s="72">
        <v>1</v>
      </c>
      <c r="AM32" s="244"/>
      <c r="AN32" s="71">
        <v>0</v>
      </c>
      <c r="AO32" s="71">
        <v>0</v>
      </c>
      <c r="AP32" s="71">
        <v>0</v>
      </c>
      <c r="AQ32" s="71">
        <v>0</v>
      </c>
      <c r="AR32" s="71">
        <v>0</v>
      </c>
      <c r="AS32" s="72">
        <v>0</v>
      </c>
      <c r="AT32" s="73">
        <v>1</v>
      </c>
      <c r="AU32" s="70">
        <v>1</v>
      </c>
      <c r="AV32" s="71">
        <v>0</v>
      </c>
      <c r="AW32" s="72">
        <v>1</v>
      </c>
      <c r="AX32" s="244"/>
      <c r="AY32" s="71">
        <v>0</v>
      </c>
      <c r="AZ32" s="71">
        <v>1</v>
      </c>
      <c r="BA32" s="71">
        <v>3</v>
      </c>
      <c r="BB32" s="71">
        <v>1</v>
      </c>
      <c r="BC32" s="71">
        <v>0</v>
      </c>
      <c r="BD32" s="72">
        <v>5</v>
      </c>
      <c r="BE32" s="73">
        <v>6</v>
      </c>
      <c r="BF32" s="70">
        <v>1</v>
      </c>
      <c r="BG32" s="71">
        <v>1</v>
      </c>
      <c r="BH32" s="72">
        <v>2</v>
      </c>
      <c r="BI32" s="244"/>
      <c r="BJ32" s="71">
        <v>2</v>
      </c>
      <c r="BK32" s="71">
        <v>0</v>
      </c>
      <c r="BL32" s="71">
        <v>1</v>
      </c>
      <c r="BM32" s="71">
        <v>0</v>
      </c>
      <c r="BN32" s="71">
        <v>0</v>
      </c>
      <c r="BO32" s="72">
        <v>3</v>
      </c>
      <c r="BP32" s="73">
        <v>5</v>
      </c>
      <c r="BQ32" s="70">
        <v>0</v>
      </c>
      <c r="BR32" s="71">
        <v>0</v>
      </c>
      <c r="BS32" s="72">
        <v>0</v>
      </c>
      <c r="BT32" s="244"/>
      <c r="BU32" s="71">
        <v>2</v>
      </c>
      <c r="BV32" s="71">
        <v>1</v>
      </c>
      <c r="BW32" s="71">
        <v>1</v>
      </c>
      <c r="BX32" s="71">
        <v>1</v>
      </c>
      <c r="BY32" s="71">
        <v>0</v>
      </c>
      <c r="BZ32" s="72">
        <v>5</v>
      </c>
      <c r="CA32" s="73">
        <v>5</v>
      </c>
      <c r="CB32" s="70">
        <v>0</v>
      </c>
      <c r="CC32" s="71">
        <v>0</v>
      </c>
      <c r="CD32" s="72">
        <v>0</v>
      </c>
      <c r="CE32" s="244"/>
      <c r="CF32" s="71">
        <v>0</v>
      </c>
      <c r="CG32" s="71">
        <v>0</v>
      </c>
      <c r="CH32" s="71">
        <v>0</v>
      </c>
      <c r="CI32" s="71">
        <v>0</v>
      </c>
      <c r="CJ32" s="71">
        <v>0</v>
      </c>
      <c r="CK32" s="72">
        <v>0</v>
      </c>
      <c r="CL32" s="73">
        <v>0</v>
      </c>
      <c r="CM32" s="70">
        <v>2</v>
      </c>
      <c r="CN32" s="71">
        <v>2</v>
      </c>
      <c r="CO32" s="72">
        <v>4</v>
      </c>
      <c r="CP32" s="244"/>
      <c r="CQ32" s="71">
        <v>5</v>
      </c>
      <c r="CR32" s="71">
        <v>2</v>
      </c>
      <c r="CS32" s="71">
        <v>6</v>
      </c>
      <c r="CT32" s="71">
        <v>3</v>
      </c>
      <c r="CU32" s="71">
        <v>1</v>
      </c>
      <c r="CV32" s="72">
        <v>17</v>
      </c>
      <c r="CW32" s="73">
        <v>21</v>
      </c>
      <c r="CX32" s="123">
        <v>2</v>
      </c>
      <c r="CY32" s="82">
        <v>1</v>
      </c>
      <c r="CZ32" s="83">
        <v>3</v>
      </c>
      <c r="DA32" s="241"/>
      <c r="DB32" s="82">
        <v>5</v>
      </c>
      <c r="DC32" s="82">
        <v>0</v>
      </c>
      <c r="DD32" s="82">
        <v>2</v>
      </c>
      <c r="DE32" s="82">
        <v>3</v>
      </c>
      <c r="DF32" s="82">
        <v>0</v>
      </c>
      <c r="DG32" s="84">
        <v>10</v>
      </c>
      <c r="DH32" s="85">
        <v>13</v>
      </c>
      <c r="DI32" s="70">
        <v>0</v>
      </c>
      <c r="DJ32" s="71">
        <v>0</v>
      </c>
      <c r="DK32" s="72">
        <v>0</v>
      </c>
      <c r="DL32" s="244"/>
      <c r="DM32" s="71">
        <v>0</v>
      </c>
      <c r="DN32" s="71">
        <v>0</v>
      </c>
      <c r="DO32" s="71">
        <v>0</v>
      </c>
      <c r="DP32" s="71">
        <v>0</v>
      </c>
      <c r="DQ32" s="71">
        <v>0</v>
      </c>
      <c r="DR32" s="72">
        <v>0</v>
      </c>
      <c r="DS32" s="73">
        <v>0</v>
      </c>
      <c r="DT32" s="70">
        <v>0</v>
      </c>
      <c r="DU32" s="71">
        <v>0</v>
      </c>
      <c r="DV32" s="72">
        <v>0</v>
      </c>
      <c r="DW32" s="244"/>
      <c r="DX32" s="71">
        <v>0</v>
      </c>
      <c r="DY32" s="71">
        <v>0</v>
      </c>
      <c r="DZ32" s="71">
        <v>0</v>
      </c>
      <c r="EA32" s="71">
        <v>0</v>
      </c>
      <c r="EB32" s="71">
        <v>0</v>
      </c>
      <c r="EC32" s="72">
        <v>0</v>
      </c>
      <c r="ED32" s="73">
        <v>0</v>
      </c>
      <c r="EE32" s="70">
        <v>1</v>
      </c>
      <c r="EF32" s="71">
        <v>0</v>
      </c>
      <c r="EG32" s="72">
        <v>1</v>
      </c>
      <c r="EH32" s="244"/>
      <c r="EI32" s="71">
        <v>0</v>
      </c>
      <c r="EJ32" s="71">
        <v>0</v>
      </c>
      <c r="EK32" s="71">
        <v>0</v>
      </c>
      <c r="EL32" s="71">
        <v>1</v>
      </c>
      <c r="EM32" s="71">
        <v>0</v>
      </c>
      <c r="EN32" s="72">
        <v>1</v>
      </c>
      <c r="EO32" s="73">
        <v>2</v>
      </c>
      <c r="EP32" s="70">
        <v>1</v>
      </c>
      <c r="EQ32" s="71">
        <v>0</v>
      </c>
      <c r="ER32" s="72">
        <v>1</v>
      </c>
      <c r="ES32" s="244"/>
      <c r="ET32" s="71">
        <v>3</v>
      </c>
      <c r="EU32" s="71">
        <v>0</v>
      </c>
      <c r="EV32" s="71">
        <v>1</v>
      </c>
      <c r="EW32" s="71">
        <v>0</v>
      </c>
      <c r="EX32" s="71">
        <v>0</v>
      </c>
      <c r="EY32" s="72">
        <v>4</v>
      </c>
      <c r="EZ32" s="73">
        <v>5</v>
      </c>
      <c r="FA32" s="70">
        <v>0</v>
      </c>
      <c r="FB32" s="71">
        <v>0</v>
      </c>
      <c r="FC32" s="72">
        <v>0</v>
      </c>
      <c r="FD32" s="244"/>
      <c r="FE32" s="71">
        <v>1</v>
      </c>
      <c r="FF32" s="71">
        <v>0</v>
      </c>
      <c r="FG32" s="71">
        <v>0</v>
      </c>
      <c r="FH32" s="71">
        <v>0</v>
      </c>
      <c r="FI32" s="71">
        <v>0</v>
      </c>
      <c r="FJ32" s="72">
        <v>1</v>
      </c>
      <c r="FK32" s="73">
        <v>1</v>
      </c>
      <c r="FL32" s="70">
        <v>0</v>
      </c>
      <c r="FM32" s="71">
        <v>1</v>
      </c>
      <c r="FN32" s="72">
        <v>1</v>
      </c>
      <c r="FO32" s="244"/>
      <c r="FP32" s="71">
        <v>1</v>
      </c>
      <c r="FQ32" s="71">
        <v>0</v>
      </c>
      <c r="FR32" s="71">
        <v>1</v>
      </c>
      <c r="FS32" s="71">
        <v>2</v>
      </c>
      <c r="FT32" s="71">
        <v>0</v>
      </c>
      <c r="FU32" s="72">
        <v>4</v>
      </c>
      <c r="FV32" s="73">
        <v>5</v>
      </c>
      <c r="FW32" s="70">
        <v>0</v>
      </c>
      <c r="FX32" s="71">
        <v>0</v>
      </c>
      <c r="FY32" s="72">
        <v>0</v>
      </c>
      <c r="FZ32" s="244"/>
      <c r="GA32" s="71">
        <v>0</v>
      </c>
      <c r="GB32" s="71">
        <v>0</v>
      </c>
      <c r="GC32" s="71">
        <v>0</v>
      </c>
      <c r="GD32" s="71">
        <v>0</v>
      </c>
      <c r="GE32" s="71">
        <v>0</v>
      </c>
      <c r="GF32" s="72">
        <v>0</v>
      </c>
      <c r="GG32" s="73">
        <v>0</v>
      </c>
      <c r="GH32" s="70">
        <v>2</v>
      </c>
      <c r="GI32" s="71">
        <v>1</v>
      </c>
      <c r="GJ32" s="72">
        <v>3</v>
      </c>
      <c r="GK32" s="244"/>
      <c r="GL32" s="71">
        <v>5</v>
      </c>
      <c r="GM32" s="71">
        <v>0</v>
      </c>
      <c r="GN32" s="71">
        <v>2</v>
      </c>
      <c r="GO32" s="71">
        <v>3</v>
      </c>
      <c r="GP32" s="71">
        <v>0</v>
      </c>
      <c r="GQ32" s="72">
        <v>10</v>
      </c>
      <c r="GR32" s="73">
        <v>13</v>
      </c>
      <c r="GS32" s="123">
        <v>4</v>
      </c>
      <c r="GT32" s="82">
        <v>3</v>
      </c>
      <c r="GU32" s="83">
        <v>7</v>
      </c>
      <c r="GV32" s="241"/>
      <c r="GW32" s="82">
        <v>10</v>
      </c>
      <c r="GX32" s="82">
        <v>2</v>
      </c>
      <c r="GY32" s="82">
        <v>8</v>
      </c>
      <c r="GZ32" s="82">
        <v>6</v>
      </c>
      <c r="HA32" s="82">
        <v>1</v>
      </c>
      <c r="HB32" s="84">
        <v>27</v>
      </c>
      <c r="HC32" s="85">
        <v>34</v>
      </c>
      <c r="HD32" s="70">
        <v>0</v>
      </c>
      <c r="HE32" s="71">
        <v>0</v>
      </c>
      <c r="HF32" s="72">
        <v>0</v>
      </c>
      <c r="HG32" s="244"/>
      <c r="HH32" s="71">
        <v>0</v>
      </c>
      <c r="HI32" s="71">
        <v>0</v>
      </c>
      <c r="HJ32" s="71">
        <v>1</v>
      </c>
      <c r="HK32" s="71">
        <v>0</v>
      </c>
      <c r="HL32" s="71">
        <v>0</v>
      </c>
      <c r="HM32" s="72">
        <v>1</v>
      </c>
      <c r="HN32" s="73">
        <v>1</v>
      </c>
      <c r="HO32" s="70">
        <v>0</v>
      </c>
      <c r="HP32" s="71">
        <v>0</v>
      </c>
      <c r="HQ32" s="72">
        <v>0</v>
      </c>
      <c r="HR32" s="244"/>
      <c r="HS32" s="71">
        <v>1</v>
      </c>
      <c r="HT32" s="71">
        <v>0</v>
      </c>
      <c r="HU32" s="71">
        <v>0</v>
      </c>
      <c r="HV32" s="71">
        <v>1</v>
      </c>
      <c r="HW32" s="71">
        <v>1</v>
      </c>
      <c r="HX32" s="72">
        <v>3</v>
      </c>
      <c r="HY32" s="73">
        <v>3</v>
      </c>
      <c r="HZ32" s="70">
        <v>1</v>
      </c>
      <c r="IA32" s="71">
        <v>1</v>
      </c>
      <c r="IB32" s="72">
        <v>2</v>
      </c>
      <c r="IC32" s="244"/>
      <c r="ID32" s="71">
        <v>0</v>
      </c>
      <c r="IE32" s="71">
        <v>0</v>
      </c>
      <c r="IF32" s="71">
        <v>0</v>
      </c>
      <c r="IG32" s="71">
        <v>1</v>
      </c>
      <c r="IH32" s="71">
        <v>0</v>
      </c>
      <c r="II32" s="72">
        <v>1</v>
      </c>
      <c r="IJ32" s="73">
        <v>3</v>
      </c>
      <c r="IK32" s="70">
        <v>2</v>
      </c>
      <c r="IL32" s="71">
        <v>0</v>
      </c>
      <c r="IM32" s="72">
        <v>2</v>
      </c>
      <c r="IN32" s="244"/>
      <c r="IO32" s="71">
        <v>3</v>
      </c>
      <c r="IP32" s="71">
        <v>1</v>
      </c>
      <c r="IQ32" s="71">
        <v>4</v>
      </c>
      <c r="IR32" s="71">
        <v>1</v>
      </c>
      <c r="IS32" s="71">
        <v>0</v>
      </c>
      <c r="IT32" s="72">
        <v>9</v>
      </c>
      <c r="IU32" s="73">
        <v>11</v>
      </c>
      <c r="IV32" s="70">
        <v>1</v>
      </c>
      <c r="IW32" s="71">
        <v>1</v>
      </c>
      <c r="IX32" s="72">
        <v>2</v>
      </c>
      <c r="IY32" s="244"/>
      <c r="IZ32" s="71">
        <v>3</v>
      </c>
      <c r="JA32" s="71">
        <v>0</v>
      </c>
      <c r="JB32" s="71">
        <v>1</v>
      </c>
      <c r="JC32" s="71">
        <v>0</v>
      </c>
      <c r="JD32" s="71">
        <v>0</v>
      </c>
      <c r="JE32" s="72">
        <v>4</v>
      </c>
      <c r="JF32" s="73">
        <v>6</v>
      </c>
      <c r="JG32" s="70">
        <v>0</v>
      </c>
      <c r="JH32" s="71">
        <v>1</v>
      </c>
      <c r="JI32" s="72">
        <v>1</v>
      </c>
      <c r="JJ32" s="244"/>
      <c r="JK32" s="71">
        <v>3</v>
      </c>
      <c r="JL32" s="71">
        <v>1</v>
      </c>
      <c r="JM32" s="71">
        <v>2</v>
      </c>
      <c r="JN32" s="71">
        <v>3</v>
      </c>
      <c r="JO32" s="71">
        <v>0</v>
      </c>
      <c r="JP32" s="72">
        <v>9</v>
      </c>
      <c r="JQ32" s="73">
        <v>10</v>
      </c>
      <c r="JR32" s="70">
        <v>0</v>
      </c>
      <c r="JS32" s="71">
        <v>0</v>
      </c>
      <c r="JT32" s="72">
        <v>0</v>
      </c>
      <c r="JU32" s="244"/>
      <c r="JV32" s="71">
        <v>0</v>
      </c>
      <c r="JW32" s="71">
        <v>0</v>
      </c>
      <c r="JX32" s="71">
        <v>0</v>
      </c>
      <c r="JY32" s="71">
        <v>0</v>
      </c>
      <c r="JZ32" s="71">
        <v>0</v>
      </c>
      <c r="KA32" s="72">
        <v>0</v>
      </c>
      <c r="KB32" s="73">
        <v>0</v>
      </c>
      <c r="KC32" s="70">
        <v>4</v>
      </c>
      <c r="KD32" s="71">
        <v>3</v>
      </c>
      <c r="KE32" s="72">
        <v>7</v>
      </c>
      <c r="KF32" s="244"/>
      <c r="KG32" s="71">
        <v>10</v>
      </c>
      <c r="KH32" s="71">
        <v>2</v>
      </c>
      <c r="KI32" s="71">
        <v>8</v>
      </c>
      <c r="KJ32" s="71">
        <v>6</v>
      </c>
      <c r="KK32" s="71">
        <v>1</v>
      </c>
      <c r="KL32" s="72">
        <v>27</v>
      </c>
      <c r="KM32" s="73">
        <v>34</v>
      </c>
    </row>
    <row r="33" spans="2:299" ht="21" customHeight="1" x14ac:dyDescent="0.2">
      <c r="B33" s="126" t="s">
        <v>30</v>
      </c>
      <c r="C33" s="315">
        <v>4</v>
      </c>
      <c r="D33" s="82">
        <v>1</v>
      </c>
      <c r="E33" s="83">
        <v>5</v>
      </c>
      <c r="F33" s="241"/>
      <c r="G33" s="82">
        <v>6</v>
      </c>
      <c r="H33" s="82">
        <v>4</v>
      </c>
      <c r="I33" s="82">
        <v>2</v>
      </c>
      <c r="J33" s="82">
        <v>3</v>
      </c>
      <c r="K33" s="82">
        <v>1</v>
      </c>
      <c r="L33" s="84">
        <v>16</v>
      </c>
      <c r="M33" s="85">
        <v>21</v>
      </c>
      <c r="N33" s="70">
        <v>0</v>
      </c>
      <c r="O33" s="71">
        <v>0</v>
      </c>
      <c r="P33" s="72">
        <v>0</v>
      </c>
      <c r="Q33" s="244"/>
      <c r="R33" s="71">
        <v>0</v>
      </c>
      <c r="S33" s="71">
        <v>0</v>
      </c>
      <c r="T33" s="71">
        <v>0</v>
      </c>
      <c r="U33" s="71">
        <v>0</v>
      </c>
      <c r="V33" s="71">
        <v>0</v>
      </c>
      <c r="W33" s="72">
        <v>0</v>
      </c>
      <c r="X33" s="73">
        <v>0</v>
      </c>
      <c r="Y33" s="70">
        <v>1</v>
      </c>
      <c r="Z33" s="71">
        <v>0</v>
      </c>
      <c r="AA33" s="72">
        <v>1</v>
      </c>
      <c r="AB33" s="244"/>
      <c r="AC33" s="71">
        <v>1</v>
      </c>
      <c r="AD33" s="71">
        <v>0</v>
      </c>
      <c r="AE33" s="71">
        <v>0</v>
      </c>
      <c r="AF33" s="71">
        <v>1</v>
      </c>
      <c r="AG33" s="71">
        <v>0</v>
      </c>
      <c r="AH33" s="72">
        <v>2</v>
      </c>
      <c r="AI33" s="73">
        <v>3</v>
      </c>
      <c r="AJ33" s="70">
        <v>0</v>
      </c>
      <c r="AK33" s="71">
        <v>0</v>
      </c>
      <c r="AL33" s="72">
        <v>0</v>
      </c>
      <c r="AM33" s="244"/>
      <c r="AN33" s="71">
        <v>0</v>
      </c>
      <c r="AO33" s="71">
        <v>1</v>
      </c>
      <c r="AP33" s="71">
        <v>0</v>
      </c>
      <c r="AQ33" s="71">
        <v>0</v>
      </c>
      <c r="AR33" s="71">
        <v>0</v>
      </c>
      <c r="AS33" s="72">
        <v>1</v>
      </c>
      <c r="AT33" s="73">
        <v>1</v>
      </c>
      <c r="AU33" s="70">
        <v>1</v>
      </c>
      <c r="AV33" s="71">
        <v>1</v>
      </c>
      <c r="AW33" s="72">
        <v>2</v>
      </c>
      <c r="AX33" s="244"/>
      <c r="AY33" s="71">
        <v>1</v>
      </c>
      <c r="AZ33" s="71">
        <v>1</v>
      </c>
      <c r="BA33" s="71">
        <v>0</v>
      </c>
      <c r="BB33" s="71">
        <v>0</v>
      </c>
      <c r="BC33" s="71">
        <v>0</v>
      </c>
      <c r="BD33" s="72">
        <v>2</v>
      </c>
      <c r="BE33" s="73">
        <v>4</v>
      </c>
      <c r="BF33" s="70">
        <v>1</v>
      </c>
      <c r="BG33" s="71">
        <v>0</v>
      </c>
      <c r="BH33" s="72">
        <v>1</v>
      </c>
      <c r="BI33" s="244"/>
      <c r="BJ33" s="71">
        <v>1</v>
      </c>
      <c r="BK33" s="71">
        <v>2</v>
      </c>
      <c r="BL33" s="71">
        <v>1</v>
      </c>
      <c r="BM33" s="71">
        <v>1</v>
      </c>
      <c r="BN33" s="71">
        <v>1</v>
      </c>
      <c r="BO33" s="72">
        <v>6</v>
      </c>
      <c r="BP33" s="73">
        <v>7</v>
      </c>
      <c r="BQ33" s="70">
        <v>1</v>
      </c>
      <c r="BR33" s="71">
        <v>0</v>
      </c>
      <c r="BS33" s="72">
        <v>1</v>
      </c>
      <c r="BT33" s="244"/>
      <c r="BU33" s="71">
        <v>3</v>
      </c>
      <c r="BV33" s="71">
        <v>0</v>
      </c>
      <c r="BW33" s="71">
        <v>1</v>
      </c>
      <c r="BX33" s="71">
        <v>1</v>
      </c>
      <c r="BY33" s="71">
        <v>0</v>
      </c>
      <c r="BZ33" s="72">
        <v>5</v>
      </c>
      <c r="CA33" s="73">
        <v>6</v>
      </c>
      <c r="CB33" s="70">
        <v>0</v>
      </c>
      <c r="CC33" s="71">
        <v>0</v>
      </c>
      <c r="CD33" s="72">
        <v>0</v>
      </c>
      <c r="CE33" s="244"/>
      <c r="CF33" s="71">
        <v>0</v>
      </c>
      <c r="CG33" s="71">
        <v>0</v>
      </c>
      <c r="CH33" s="71">
        <v>0</v>
      </c>
      <c r="CI33" s="71">
        <v>0</v>
      </c>
      <c r="CJ33" s="71">
        <v>0</v>
      </c>
      <c r="CK33" s="72">
        <v>0</v>
      </c>
      <c r="CL33" s="73">
        <v>0</v>
      </c>
      <c r="CM33" s="70">
        <v>4</v>
      </c>
      <c r="CN33" s="71">
        <v>1</v>
      </c>
      <c r="CO33" s="72">
        <v>5</v>
      </c>
      <c r="CP33" s="244"/>
      <c r="CQ33" s="71">
        <v>6</v>
      </c>
      <c r="CR33" s="71">
        <v>4</v>
      </c>
      <c r="CS33" s="71">
        <v>2</v>
      </c>
      <c r="CT33" s="71">
        <v>3</v>
      </c>
      <c r="CU33" s="71">
        <v>1</v>
      </c>
      <c r="CV33" s="72">
        <v>16</v>
      </c>
      <c r="CW33" s="73">
        <v>21</v>
      </c>
      <c r="CX33" s="123">
        <v>2</v>
      </c>
      <c r="CY33" s="82">
        <v>1</v>
      </c>
      <c r="CZ33" s="83">
        <v>3</v>
      </c>
      <c r="DA33" s="241"/>
      <c r="DB33" s="82">
        <v>4</v>
      </c>
      <c r="DC33" s="82">
        <v>1</v>
      </c>
      <c r="DD33" s="82">
        <v>1</v>
      </c>
      <c r="DE33" s="82">
        <v>2</v>
      </c>
      <c r="DF33" s="82">
        <v>0</v>
      </c>
      <c r="DG33" s="84">
        <v>8</v>
      </c>
      <c r="DH33" s="85">
        <v>11</v>
      </c>
      <c r="DI33" s="70">
        <v>0</v>
      </c>
      <c r="DJ33" s="71">
        <v>0</v>
      </c>
      <c r="DK33" s="72">
        <v>0</v>
      </c>
      <c r="DL33" s="244"/>
      <c r="DM33" s="71">
        <v>0</v>
      </c>
      <c r="DN33" s="71">
        <v>0</v>
      </c>
      <c r="DO33" s="71">
        <v>0</v>
      </c>
      <c r="DP33" s="71">
        <v>0</v>
      </c>
      <c r="DQ33" s="71">
        <v>0</v>
      </c>
      <c r="DR33" s="72">
        <v>0</v>
      </c>
      <c r="DS33" s="73">
        <v>0</v>
      </c>
      <c r="DT33" s="70">
        <v>0</v>
      </c>
      <c r="DU33" s="71">
        <v>0</v>
      </c>
      <c r="DV33" s="72">
        <v>0</v>
      </c>
      <c r="DW33" s="244"/>
      <c r="DX33" s="71">
        <v>0</v>
      </c>
      <c r="DY33" s="71">
        <v>0</v>
      </c>
      <c r="DZ33" s="71">
        <v>0</v>
      </c>
      <c r="EA33" s="71">
        <v>0</v>
      </c>
      <c r="EB33" s="71">
        <v>0</v>
      </c>
      <c r="EC33" s="72">
        <v>0</v>
      </c>
      <c r="ED33" s="73">
        <v>0</v>
      </c>
      <c r="EE33" s="70">
        <v>0</v>
      </c>
      <c r="EF33" s="71">
        <v>0</v>
      </c>
      <c r="EG33" s="72">
        <v>0</v>
      </c>
      <c r="EH33" s="244"/>
      <c r="EI33" s="71">
        <v>0</v>
      </c>
      <c r="EJ33" s="71">
        <v>0</v>
      </c>
      <c r="EK33" s="71">
        <v>0</v>
      </c>
      <c r="EL33" s="71">
        <v>1</v>
      </c>
      <c r="EM33" s="71">
        <v>0</v>
      </c>
      <c r="EN33" s="72">
        <v>1</v>
      </c>
      <c r="EO33" s="73">
        <v>1</v>
      </c>
      <c r="EP33" s="70">
        <v>1</v>
      </c>
      <c r="EQ33" s="71">
        <v>1</v>
      </c>
      <c r="ER33" s="72">
        <v>2</v>
      </c>
      <c r="ES33" s="244"/>
      <c r="ET33" s="71">
        <v>0</v>
      </c>
      <c r="EU33" s="71">
        <v>0</v>
      </c>
      <c r="EV33" s="71">
        <v>0</v>
      </c>
      <c r="EW33" s="71">
        <v>0</v>
      </c>
      <c r="EX33" s="71">
        <v>0</v>
      </c>
      <c r="EY33" s="72">
        <v>0</v>
      </c>
      <c r="EZ33" s="73">
        <v>2</v>
      </c>
      <c r="FA33" s="70">
        <v>0</v>
      </c>
      <c r="FB33" s="71">
        <v>0</v>
      </c>
      <c r="FC33" s="72">
        <v>0</v>
      </c>
      <c r="FD33" s="244"/>
      <c r="FE33" s="71">
        <v>2</v>
      </c>
      <c r="FF33" s="71">
        <v>0</v>
      </c>
      <c r="FG33" s="71">
        <v>0</v>
      </c>
      <c r="FH33" s="71">
        <v>0</v>
      </c>
      <c r="FI33" s="71">
        <v>0</v>
      </c>
      <c r="FJ33" s="72">
        <v>2</v>
      </c>
      <c r="FK33" s="73">
        <v>2</v>
      </c>
      <c r="FL33" s="70">
        <v>1</v>
      </c>
      <c r="FM33" s="71">
        <v>0</v>
      </c>
      <c r="FN33" s="72">
        <v>1</v>
      </c>
      <c r="FO33" s="244"/>
      <c r="FP33" s="71">
        <v>2</v>
      </c>
      <c r="FQ33" s="71">
        <v>1</v>
      </c>
      <c r="FR33" s="71">
        <v>1</v>
      </c>
      <c r="FS33" s="71">
        <v>1</v>
      </c>
      <c r="FT33" s="71">
        <v>0</v>
      </c>
      <c r="FU33" s="72">
        <v>5</v>
      </c>
      <c r="FV33" s="73">
        <v>6</v>
      </c>
      <c r="FW33" s="70">
        <v>0</v>
      </c>
      <c r="FX33" s="71">
        <v>0</v>
      </c>
      <c r="FY33" s="72">
        <v>0</v>
      </c>
      <c r="FZ33" s="244"/>
      <c r="GA33" s="71">
        <v>0</v>
      </c>
      <c r="GB33" s="71">
        <v>0</v>
      </c>
      <c r="GC33" s="71">
        <v>0</v>
      </c>
      <c r="GD33" s="71">
        <v>0</v>
      </c>
      <c r="GE33" s="71">
        <v>0</v>
      </c>
      <c r="GF33" s="72">
        <v>0</v>
      </c>
      <c r="GG33" s="73">
        <v>0</v>
      </c>
      <c r="GH33" s="70">
        <v>2</v>
      </c>
      <c r="GI33" s="71">
        <v>1</v>
      </c>
      <c r="GJ33" s="72">
        <v>3</v>
      </c>
      <c r="GK33" s="244"/>
      <c r="GL33" s="71">
        <v>4</v>
      </c>
      <c r="GM33" s="71">
        <v>1</v>
      </c>
      <c r="GN33" s="71">
        <v>1</v>
      </c>
      <c r="GO33" s="71">
        <v>2</v>
      </c>
      <c r="GP33" s="71">
        <v>0</v>
      </c>
      <c r="GQ33" s="72">
        <v>8</v>
      </c>
      <c r="GR33" s="73">
        <v>11</v>
      </c>
      <c r="GS33" s="123">
        <v>6</v>
      </c>
      <c r="GT33" s="82">
        <v>2</v>
      </c>
      <c r="GU33" s="83">
        <v>8</v>
      </c>
      <c r="GV33" s="241"/>
      <c r="GW33" s="82">
        <v>10</v>
      </c>
      <c r="GX33" s="82">
        <v>5</v>
      </c>
      <c r="GY33" s="82">
        <v>3</v>
      </c>
      <c r="GZ33" s="82">
        <v>5</v>
      </c>
      <c r="HA33" s="82">
        <v>1</v>
      </c>
      <c r="HB33" s="84">
        <v>24</v>
      </c>
      <c r="HC33" s="85">
        <v>32</v>
      </c>
      <c r="HD33" s="70">
        <v>0</v>
      </c>
      <c r="HE33" s="71">
        <v>0</v>
      </c>
      <c r="HF33" s="72">
        <v>0</v>
      </c>
      <c r="HG33" s="244"/>
      <c r="HH33" s="71">
        <v>0</v>
      </c>
      <c r="HI33" s="71">
        <v>0</v>
      </c>
      <c r="HJ33" s="71">
        <v>0</v>
      </c>
      <c r="HK33" s="71">
        <v>0</v>
      </c>
      <c r="HL33" s="71">
        <v>0</v>
      </c>
      <c r="HM33" s="72">
        <v>0</v>
      </c>
      <c r="HN33" s="73">
        <v>0</v>
      </c>
      <c r="HO33" s="70">
        <v>1</v>
      </c>
      <c r="HP33" s="71">
        <v>0</v>
      </c>
      <c r="HQ33" s="72">
        <v>1</v>
      </c>
      <c r="HR33" s="244"/>
      <c r="HS33" s="71">
        <v>1</v>
      </c>
      <c r="HT33" s="71">
        <v>0</v>
      </c>
      <c r="HU33" s="71">
        <v>0</v>
      </c>
      <c r="HV33" s="71">
        <v>1</v>
      </c>
      <c r="HW33" s="71">
        <v>0</v>
      </c>
      <c r="HX33" s="72">
        <v>2</v>
      </c>
      <c r="HY33" s="73">
        <v>3</v>
      </c>
      <c r="HZ33" s="70">
        <v>0</v>
      </c>
      <c r="IA33" s="71">
        <v>0</v>
      </c>
      <c r="IB33" s="72">
        <v>0</v>
      </c>
      <c r="IC33" s="244"/>
      <c r="ID33" s="71">
        <v>0</v>
      </c>
      <c r="IE33" s="71">
        <v>1</v>
      </c>
      <c r="IF33" s="71">
        <v>0</v>
      </c>
      <c r="IG33" s="71">
        <v>1</v>
      </c>
      <c r="IH33" s="71">
        <v>0</v>
      </c>
      <c r="II33" s="72">
        <v>2</v>
      </c>
      <c r="IJ33" s="73">
        <v>2</v>
      </c>
      <c r="IK33" s="70">
        <v>2</v>
      </c>
      <c r="IL33" s="71">
        <v>2</v>
      </c>
      <c r="IM33" s="72">
        <v>4</v>
      </c>
      <c r="IN33" s="244"/>
      <c r="IO33" s="71">
        <v>1</v>
      </c>
      <c r="IP33" s="71">
        <v>1</v>
      </c>
      <c r="IQ33" s="71">
        <v>0</v>
      </c>
      <c r="IR33" s="71">
        <v>0</v>
      </c>
      <c r="IS33" s="71">
        <v>0</v>
      </c>
      <c r="IT33" s="72">
        <v>2</v>
      </c>
      <c r="IU33" s="73">
        <v>6</v>
      </c>
      <c r="IV33" s="70">
        <v>1</v>
      </c>
      <c r="IW33" s="71">
        <v>0</v>
      </c>
      <c r="IX33" s="72">
        <v>1</v>
      </c>
      <c r="IY33" s="244"/>
      <c r="IZ33" s="71">
        <v>3</v>
      </c>
      <c r="JA33" s="71">
        <v>2</v>
      </c>
      <c r="JB33" s="71">
        <v>1</v>
      </c>
      <c r="JC33" s="71">
        <v>1</v>
      </c>
      <c r="JD33" s="71">
        <v>1</v>
      </c>
      <c r="JE33" s="72">
        <v>8</v>
      </c>
      <c r="JF33" s="73">
        <v>9</v>
      </c>
      <c r="JG33" s="70">
        <v>2</v>
      </c>
      <c r="JH33" s="71">
        <v>0</v>
      </c>
      <c r="JI33" s="72">
        <v>2</v>
      </c>
      <c r="JJ33" s="244"/>
      <c r="JK33" s="71">
        <v>5</v>
      </c>
      <c r="JL33" s="71">
        <v>1</v>
      </c>
      <c r="JM33" s="71">
        <v>2</v>
      </c>
      <c r="JN33" s="71">
        <v>2</v>
      </c>
      <c r="JO33" s="71">
        <v>0</v>
      </c>
      <c r="JP33" s="72">
        <v>10</v>
      </c>
      <c r="JQ33" s="73">
        <v>12</v>
      </c>
      <c r="JR33" s="70">
        <v>0</v>
      </c>
      <c r="JS33" s="71">
        <v>0</v>
      </c>
      <c r="JT33" s="72">
        <v>0</v>
      </c>
      <c r="JU33" s="244"/>
      <c r="JV33" s="71">
        <v>0</v>
      </c>
      <c r="JW33" s="71">
        <v>0</v>
      </c>
      <c r="JX33" s="71">
        <v>0</v>
      </c>
      <c r="JY33" s="71">
        <v>0</v>
      </c>
      <c r="JZ33" s="71">
        <v>0</v>
      </c>
      <c r="KA33" s="72">
        <v>0</v>
      </c>
      <c r="KB33" s="73">
        <v>0</v>
      </c>
      <c r="KC33" s="70">
        <v>6</v>
      </c>
      <c r="KD33" s="71">
        <v>2</v>
      </c>
      <c r="KE33" s="72">
        <v>8</v>
      </c>
      <c r="KF33" s="244"/>
      <c r="KG33" s="71">
        <v>10</v>
      </c>
      <c r="KH33" s="71">
        <v>5</v>
      </c>
      <c r="KI33" s="71">
        <v>3</v>
      </c>
      <c r="KJ33" s="71">
        <v>5</v>
      </c>
      <c r="KK33" s="71">
        <v>1</v>
      </c>
      <c r="KL33" s="72">
        <v>24</v>
      </c>
      <c r="KM33" s="73">
        <v>32</v>
      </c>
    </row>
    <row r="34" spans="2:299" ht="21" customHeight="1" x14ac:dyDescent="0.2">
      <c r="B34" s="126" t="s">
        <v>31</v>
      </c>
      <c r="C34" s="315">
        <v>2</v>
      </c>
      <c r="D34" s="82">
        <v>3</v>
      </c>
      <c r="E34" s="83">
        <v>5</v>
      </c>
      <c r="F34" s="241"/>
      <c r="G34" s="82">
        <v>7</v>
      </c>
      <c r="H34" s="82">
        <v>4</v>
      </c>
      <c r="I34" s="82">
        <v>3</v>
      </c>
      <c r="J34" s="82">
        <v>3</v>
      </c>
      <c r="K34" s="82">
        <v>3</v>
      </c>
      <c r="L34" s="84">
        <v>20</v>
      </c>
      <c r="M34" s="85">
        <v>25</v>
      </c>
      <c r="N34" s="70">
        <v>0</v>
      </c>
      <c r="O34" s="71">
        <v>0</v>
      </c>
      <c r="P34" s="72">
        <v>0</v>
      </c>
      <c r="Q34" s="244"/>
      <c r="R34" s="71">
        <v>1</v>
      </c>
      <c r="S34" s="71">
        <v>1</v>
      </c>
      <c r="T34" s="71">
        <v>0</v>
      </c>
      <c r="U34" s="71">
        <v>0</v>
      </c>
      <c r="V34" s="71">
        <v>0</v>
      </c>
      <c r="W34" s="72">
        <v>2</v>
      </c>
      <c r="X34" s="73">
        <v>2</v>
      </c>
      <c r="Y34" s="70">
        <v>0</v>
      </c>
      <c r="Z34" s="71">
        <v>0</v>
      </c>
      <c r="AA34" s="72">
        <v>0</v>
      </c>
      <c r="AB34" s="244"/>
      <c r="AC34" s="71">
        <v>0</v>
      </c>
      <c r="AD34" s="71">
        <v>0</v>
      </c>
      <c r="AE34" s="71">
        <v>2</v>
      </c>
      <c r="AF34" s="71">
        <v>0</v>
      </c>
      <c r="AG34" s="71">
        <v>1</v>
      </c>
      <c r="AH34" s="72">
        <v>3</v>
      </c>
      <c r="AI34" s="73">
        <v>3</v>
      </c>
      <c r="AJ34" s="70">
        <v>0</v>
      </c>
      <c r="AK34" s="71">
        <v>0</v>
      </c>
      <c r="AL34" s="72">
        <v>0</v>
      </c>
      <c r="AM34" s="244"/>
      <c r="AN34" s="71">
        <v>0</v>
      </c>
      <c r="AO34" s="71">
        <v>0</v>
      </c>
      <c r="AP34" s="71">
        <v>0</v>
      </c>
      <c r="AQ34" s="71">
        <v>1</v>
      </c>
      <c r="AR34" s="71">
        <v>0</v>
      </c>
      <c r="AS34" s="72">
        <v>1</v>
      </c>
      <c r="AT34" s="73">
        <v>1</v>
      </c>
      <c r="AU34" s="70">
        <v>0</v>
      </c>
      <c r="AV34" s="71">
        <v>2</v>
      </c>
      <c r="AW34" s="72">
        <v>2</v>
      </c>
      <c r="AX34" s="244"/>
      <c r="AY34" s="71">
        <v>2</v>
      </c>
      <c r="AZ34" s="71">
        <v>1</v>
      </c>
      <c r="BA34" s="71">
        <v>0</v>
      </c>
      <c r="BB34" s="71">
        <v>0</v>
      </c>
      <c r="BC34" s="71">
        <v>1</v>
      </c>
      <c r="BD34" s="72">
        <v>4</v>
      </c>
      <c r="BE34" s="73">
        <v>6</v>
      </c>
      <c r="BF34" s="70">
        <v>2</v>
      </c>
      <c r="BG34" s="71">
        <v>1</v>
      </c>
      <c r="BH34" s="72">
        <v>3</v>
      </c>
      <c r="BI34" s="244"/>
      <c r="BJ34" s="71">
        <v>1</v>
      </c>
      <c r="BK34" s="71">
        <v>1</v>
      </c>
      <c r="BL34" s="71">
        <v>0</v>
      </c>
      <c r="BM34" s="71">
        <v>0</v>
      </c>
      <c r="BN34" s="71">
        <v>0</v>
      </c>
      <c r="BO34" s="72">
        <v>2</v>
      </c>
      <c r="BP34" s="73">
        <v>5</v>
      </c>
      <c r="BQ34" s="70">
        <v>0</v>
      </c>
      <c r="BR34" s="71">
        <v>0</v>
      </c>
      <c r="BS34" s="72">
        <v>0</v>
      </c>
      <c r="BT34" s="244"/>
      <c r="BU34" s="71">
        <v>3</v>
      </c>
      <c r="BV34" s="71">
        <v>1</v>
      </c>
      <c r="BW34" s="71">
        <v>1</v>
      </c>
      <c r="BX34" s="71">
        <v>2</v>
      </c>
      <c r="BY34" s="71">
        <v>1</v>
      </c>
      <c r="BZ34" s="72">
        <v>8</v>
      </c>
      <c r="CA34" s="73">
        <v>8</v>
      </c>
      <c r="CB34" s="70">
        <v>0</v>
      </c>
      <c r="CC34" s="71">
        <v>0</v>
      </c>
      <c r="CD34" s="72">
        <v>0</v>
      </c>
      <c r="CE34" s="244"/>
      <c r="CF34" s="71">
        <v>0</v>
      </c>
      <c r="CG34" s="71">
        <v>0</v>
      </c>
      <c r="CH34" s="71">
        <v>0</v>
      </c>
      <c r="CI34" s="71">
        <v>0</v>
      </c>
      <c r="CJ34" s="71">
        <v>0</v>
      </c>
      <c r="CK34" s="72">
        <v>0</v>
      </c>
      <c r="CL34" s="73">
        <v>0</v>
      </c>
      <c r="CM34" s="70">
        <v>2</v>
      </c>
      <c r="CN34" s="71">
        <v>3</v>
      </c>
      <c r="CO34" s="72">
        <v>5</v>
      </c>
      <c r="CP34" s="244"/>
      <c r="CQ34" s="71">
        <v>7</v>
      </c>
      <c r="CR34" s="71">
        <v>4</v>
      </c>
      <c r="CS34" s="71">
        <v>3</v>
      </c>
      <c r="CT34" s="71">
        <v>3</v>
      </c>
      <c r="CU34" s="71">
        <v>3</v>
      </c>
      <c r="CV34" s="72">
        <v>20</v>
      </c>
      <c r="CW34" s="73">
        <v>25</v>
      </c>
      <c r="CX34" s="123">
        <v>1</v>
      </c>
      <c r="CY34" s="82">
        <v>1</v>
      </c>
      <c r="CZ34" s="83">
        <v>2</v>
      </c>
      <c r="DA34" s="241"/>
      <c r="DB34" s="82">
        <v>1</v>
      </c>
      <c r="DC34" s="82">
        <v>0</v>
      </c>
      <c r="DD34" s="82">
        <v>3</v>
      </c>
      <c r="DE34" s="82">
        <v>0</v>
      </c>
      <c r="DF34" s="82">
        <v>1</v>
      </c>
      <c r="DG34" s="84">
        <v>5</v>
      </c>
      <c r="DH34" s="85">
        <v>7</v>
      </c>
      <c r="DI34" s="70">
        <v>0</v>
      </c>
      <c r="DJ34" s="71">
        <v>0</v>
      </c>
      <c r="DK34" s="72">
        <v>0</v>
      </c>
      <c r="DL34" s="244"/>
      <c r="DM34" s="71">
        <v>0</v>
      </c>
      <c r="DN34" s="71">
        <v>0</v>
      </c>
      <c r="DO34" s="71">
        <v>0</v>
      </c>
      <c r="DP34" s="71">
        <v>0</v>
      </c>
      <c r="DQ34" s="71">
        <v>0</v>
      </c>
      <c r="DR34" s="72">
        <v>0</v>
      </c>
      <c r="DS34" s="73">
        <v>0</v>
      </c>
      <c r="DT34" s="70">
        <v>0</v>
      </c>
      <c r="DU34" s="71">
        <v>1</v>
      </c>
      <c r="DV34" s="72">
        <v>1</v>
      </c>
      <c r="DW34" s="244"/>
      <c r="DX34" s="71">
        <v>0</v>
      </c>
      <c r="DY34" s="71">
        <v>0</v>
      </c>
      <c r="DZ34" s="71">
        <v>0</v>
      </c>
      <c r="EA34" s="71">
        <v>0</v>
      </c>
      <c r="EB34" s="71">
        <v>0</v>
      </c>
      <c r="EC34" s="72">
        <v>0</v>
      </c>
      <c r="ED34" s="73">
        <v>1</v>
      </c>
      <c r="EE34" s="70">
        <v>0</v>
      </c>
      <c r="EF34" s="71">
        <v>0</v>
      </c>
      <c r="EG34" s="72">
        <v>0</v>
      </c>
      <c r="EH34" s="244"/>
      <c r="EI34" s="71">
        <v>0</v>
      </c>
      <c r="EJ34" s="71">
        <v>0</v>
      </c>
      <c r="EK34" s="71">
        <v>2</v>
      </c>
      <c r="EL34" s="71">
        <v>0</v>
      </c>
      <c r="EM34" s="71">
        <v>0</v>
      </c>
      <c r="EN34" s="72">
        <v>2</v>
      </c>
      <c r="EO34" s="73">
        <v>2</v>
      </c>
      <c r="EP34" s="70">
        <v>1</v>
      </c>
      <c r="EQ34" s="71">
        <v>0</v>
      </c>
      <c r="ER34" s="72">
        <v>1</v>
      </c>
      <c r="ES34" s="244"/>
      <c r="ET34" s="71">
        <v>1</v>
      </c>
      <c r="EU34" s="71">
        <v>0</v>
      </c>
      <c r="EV34" s="71">
        <v>0</v>
      </c>
      <c r="EW34" s="71">
        <v>0</v>
      </c>
      <c r="EX34" s="71">
        <v>0</v>
      </c>
      <c r="EY34" s="72">
        <v>1</v>
      </c>
      <c r="EZ34" s="73">
        <v>2</v>
      </c>
      <c r="FA34" s="70">
        <v>0</v>
      </c>
      <c r="FB34" s="71">
        <v>0</v>
      </c>
      <c r="FC34" s="72">
        <v>0</v>
      </c>
      <c r="FD34" s="244"/>
      <c r="FE34" s="71">
        <v>0</v>
      </c>
      <c r="FF34" s="71">
        <v>0</v>
      </c>
      <c r="FG34" s="71">
        <v>0</v>
      </c>
      <c r="FH34" s="71">
        <v>0</v>
      </c>
      <c r="FI34" s="71">
        <v>0</v>
      </c>
      <c r="FJ34" s="72">
        <v>0</v>
      </c>
      <c r="FK34" s="73">
        <v>0</v>
      </c>
      <c r="FL34" s="70">
        <v>0</v>
      </c>
      <c r="FM34" s="71">
        <v>0</v>
      </c>
      <c r="FN34" s="72">
        <v>0</v>
      </c>
      <c r="FO34" s="244"/>
      <c r="FP34" s="71">
        <v>0</v>
      </c>
      <c r="FQ34" s="71">
        <v>0</v>
      </c>
      <c r="FR34" s="71">
        <v>1</v>
      </c>
      <c r="FS34" s="71">
        <v>0</v>
      </c>
      <c r="FT34" s="71">
        <v>1</v>
      </c>
      <c r="FU34" s="72">
        <v>2</v>
      </c>
      <c r="FV34" s="73">
        <v>2</v>
      </c>
      <c r="FW34" s="70">
        <v>0</v>
      </c>
      <c r="FX34" s="71">
        <v>0</v>
      </c>
      <c r="FY34" s="72">
        <v>0</v>
      </c>
      <c r="FZ34" s="244"/>
      <c r="GA34" s="71">
        <v>0</v>
      </c>
      <c r="GB34" s="71">
        <v>0</v>
      </c>
      <c r="GC34" s="71">
        <v>0</v>
      </c>
      <c r="GD34" s="71">
        <v>0</v>
      </c>
      <c r="GE34" s="71">
        <v>0</v>
      </c>
      <c r="GF34" s="72">
        <v>0</v>
      </c>
      <c r="GG34" s="73">
        <v>0</v>
      </c>
      <c r="GH34" s="70">
        <v>1</v>
      </c>
      <c r="GI34" s="71">
        <v>1</v>
      </c>
      <c r="GJ34" s="72">
        <v>2</v>
      </c>
      <c r="GK34" s="244"/>
      <c r="GL34" s="71">
        <v>1</v>
      </c>
      <c r="GM34" s="71">
        <v>0</v>
      </c>
      <c r="GN34" s="71">
        <v>3</v>
      </c>
      <c r="GO34" s="71">
        <v>0</v>
      </c>
      <c r="GP34" s="71">
        <v>1</v>
      </c>
      <c r="GQ34" s="72">
        <v>5</v>
      </c>
      <c r="GR34" s="73">
        <v>7</v>
      </c>
      <c r="GS34" s="123">
        <v>3</v>
      </c>
      <c r="GT34" s="82">
        <v>4</v>
      </c>
      <c r="GU34" s="83">
        <v>7</v>
      </c>
      <c r="GV34" s="241"/>
      <c r="GW34" s="82">
        <v>8</v>
      </c>
      <c r="GX34" s="82">
        <v>4</v>
      </c>
      <c r="GY34" s="82">
        <v>6</v>
      </c>
      <c r="GZ34" s="82">
        <v>3</v>
      </c>
      <c r="HA34" s="82">
        <v>4</v>
      </c>
      <c r="HB34" s="84">
        <v>25</v>
      </c>
      <c r="HC34" s="85">
        <v>32</v>
      </c>
      <c r="HD34" s="70">
        <v>0</v>
      </c>
      <c r="HE34" s="71">
        <v>0</v>
      </c>
      <c r="HF34" s="72">
        <v>0</v>
      </c>
      <c r="HG34" s="244"/>
      <c r="HH34" s="71">
        <v>1</v>
      </c>
      <c r="HI34" s="71">
        <v>1</v>
      </c>
      <c r="HJ34" s="71">
        <v>0</v>
      </c>
      <c r="HK34" s="71">
        <v>0</v>
      </c>
      <c r="HL34" s="71">
        <v>0</v>
      </c>
      <c r="HM34" s="72">
        <v>2</v>
      </c>
      <c r="HN34" s="73">
        <v>2</v>
      </c>
      <c r="HO34" s="70">
        <v>0</v>
      </c>
      <c r="HP34" s="71">
        <v>1</v>
      </c>
      <c r="HQ34" s="72">
        <v>1</v>
      </c>
      <c r="HR34" s="244"/>
      <c r="HS34" s="71">
        <v>0</v>
      </c>
      <c r="HT34" s="71">
        <v>0</v>
      </c>
      <c r="HU34" s="71">
        <v>2</v>
      </c>
      <c r="HV34" s="71">
        <v>0</v>
      </c>
      <c r="HW34" s="71">
        <v>1</v>
      </c>
      <c r="HX34" s="72">
        <v>3</v>
      </c>
      <c r="HY34" s="73">
        <v>4</v>
      </c>
      <c r="HZ34" s="70">
        <v>0</v>
      </c>
      <c r="IA34" s="71">
        <v>0</v>
      </c>
      <c r="IB34" s="72">
        <v>0</v>
      </c>
      <c r="IC34" s="244"/>
      <c r="ID34" s="71">
        <v>0</v>
      </c>
      <c r="IE34" s="71">
        <v>0</v>
      </c>
      <c r="IF34" s="71">
        <v>2</v>
      </c>
      <c r="IG34" s="71">
        <v>1</v>
      </c>
      <c r="IH34" s="71">
        <v>0</v>
      </c>
      <c r="II34" s="72">
        <v>3</v>
      </c>
      <c r="IJ34" s="73">
        <v>3</v>
      </c>
      <c r="IK34" s="70">
        <v>1</v>
      </c>
      <c r="IL34" s="71">
        <v>2</v>
      </c>
      <c r="IM34" s="72">
        <v>3</v>
      </c>
      <c r="IN34" s="244"/>
      <c r="IO34" s="71">
        <v>3</v>
      </c>
      <c r="IP34" s="71">
        <v>1</v>
      </c>
      <c r="IQ34" s="71">
        <v>0</v>
      </c>
      <c r="IR34" s="71">
        <v>0</v>
      </c>
      <c r="IS34" s="71">
        <v>1</v>
      </c>
      <c r="IT34" s="72">
        <v>5</v>
      </c>
      <c r="IU34" s="73">
        <v>8</v>
      </c>
      <c r="IV34" s="70">
        <v>2</v>
      </c>
      <c r="IW34" s="71">
        <v>1</v>
      </c>
      <c r="IX34" s="72">
        <v>3</v>
      </c>
      <c r="IY34" s="244"/>
      <c r="IZ34" s="71">
        <v>1</v>
      </c>
      <c r="JA34" s="71">
        <v>1</v>
      </c>
      <c r="JB34" s="71">
        <v>0</v>
      </c>
      <c r="JC34" s="71">
        <v>0</v>
      </c>
      <c r="JD34" s="71">
        <v>0</v>
      </c>
      <c r="JE34" s="72">
        <v>2</v>
      </c>
      <c r="JF34" s="73">
        <v>5</v>
      </c>
      <c r="JG34" s="70">
        <v>0</v>
      </c>
      <c r="JH34" s="71">
        <v>0</v>
      </c>
      <c r="JI34" s="72">
        <v>0</v>
      </c>
      <c r="JJ34" s="244"/>
      <c r="JK34" s="71">
        <v>3</v>
      </c>
      <c r="JL34" s="71">
        <v>1</v>
      </c>
      <c r="JM34" s="71">
        <v>2</v>
      </c>
      <c r="JN34" s="71">
        <v>2</v>
      </c>
      <c r="JO34" s="71">
        <v>2</v>
      </c>
      <c r="JP34" s="72">
        <v>10</v>
      </c>
      <c r="JQ34" s="73">
        <v>10</v>
      </c>
      <c r="JR34" s="70">
        <v>0</v>
      </c>
      <c r="JS34" s="71">
        <v>0</v>
      </c>
      <c r="JT34" s="72">
        <v>0</v>
      </c>
      <c r="JU34" s="244"/>
      <c r="JV34" s="71">
        <v>0</v>
      </c>
      <c r="JW34" s="71">
        <v>0</v>
      </c>
      <c r="JX34" s="71">
        <v>0</v>
      </c>
      <c r="JY34" s="71">
        <v>0</v>
      </c>
      <c r="JZ34" s="71">
        <v>0</v>
      </c>
      <c r="KA34" s="72">
        <v>0</v>
      </c>
      <c r="KB34" s="73">
        <v>0</v>
      </c>
      <c r="KC34" s="70">
        <v>3</v>
      </c>
      <c r="KD34" s="71">
        <v>4</v>
      </c>
      <c r="KE34" s="72">
        <v>7</v>
      </c>
      <c r="KF34" s="244"/>
      <c r="KG34" s="71">
        <v>8</v>
      </c>
      <c r="KH34" s="71">
        <v>4</v>
      </c>
      <c r="KI34" s="71">
        <v>6</v>
      </c>
      <c r="KJ34" s="71">
        <v>3</v>
      </c>
      <c r="KK34" s="71">
        <v>4</v>
      </c>
      <c r="KL34" s="72">
        <v>25</v>
      </c>
      <c r="KM34" s="73">
        <v>32</v>
      </c>
    </row>
    <row r="35" spans="2:299" ht="21" customHeight="1" x14ac:dyDescent="0.2">
      <c r="B35" s="126" t="s">
        <v>32</v>
      </c>
      <c r="C35" s="315">
        <v>5</v>
      </c>
      <c r="D35" s="82">
        <v>1</v>
      </c>
      <c r="E35" s="83">
        <v>6</v>
      </c>
      <c r="F35" s="241"/>
      <c r="G35" s="82">
        <v>6</v>
      </c>
      <c r="H35" s="82">
        <v>5</v>
      </c>
      <c r="I35" s="82">
        <v>2</v>
      </c>
      <c r="J35" s="82">
        <v>5</v>
      </c>
      <c r="K35" s="82">
        <v>5</v>
      </c>
      <c r="L35" s="84">
        <v>23</v>
      </c>
      <c r="M35" s="85">
        <v>29</v>
      </c>
      <c r="N35" s="70">
        <v>1</v>
      </c>
      <c r="O35" s="71">
        <v>0</v>
      </c>
      <c r="P35" s="72">
        <v>1</v>
      </c>
      <c r="Q35" s="244"/>
      <c r="R35" s="71">
        <v>0</v>
      </c>
      <c r="S35" s="71">
        <v>0</v>
      </c>
      <c r="T35" s="71">
        <v>0</v>
      </c>
      <c r="U35" s="71">
        <v>0</v>
      </c>
      <c r="V35" s="71">
        <v>0</v>
      </c>
      <c r="W35" s="72">
        <v>0</v>
      </c>
      <c r="X35" s="73">
        <v>1</v>
      </c>
      <c r="Y35" s="70">
        <v>2</v>
      </c>
      <c r="Z35" s="71">
        <v>0</v>
      </c>
      <c r="AA35" s="72">
        <v>2</v>
      </c>
      <c r="AB35" s="244"/>
      <c r="AC35" s="71">
        <v>0</v>
      </c>
      <c r="AD35" s="71">
        <v>0</v>
      </c>
      <c r="AE35" s="71">
        <v>0</v>
      </c>
      <c r="AF35" s="71">
        <v>1</v>
      </c>
      <c r="AG35" s="71">
        <v>0</v>
      </c>
      <c r="AH35" s="72">
        <v>1</v>
      </c>
      <c r="AI35" s="73">
        <v>3</v>
      </c>
      <c r="AJ35" s="70">
        <v>1</v>
      </c>
      <c r="AK35" s="71">
        <v>0</v>
      </c>
      <c r="AL35" s="72">
        <v>1</v>
      </c>
      <c r="AM35" s="244"/>
      <c r="AN35" s="71">
        <v>1</v>
      </c>
      <c r="AO35" s="71">
        <v>1</v>
      </c>
      <c r="AP35" s="71">
        <v>0</v>
      </c>
      <c r="AQ35" s="71">
        <v>0</v>
      </c>
      <c r="AR35" s="71">
        <v>2</v>
      </c>
      <c r="AS35" s="72">
        <v>4</v>
      </c>
      <c r="AT35" s="73">
        <v>5</v>
      </c>
      <c r="AU35" s="70">
        <v>0</v>
      </c>
      <c r="AV35" s="71">
        <v>1</v>
      </c>
      <c r="AW35" s="72">
        <v>1</v>
      </c>
      <c r="AX35" s="244"/>
      <c r="AY35" s="71">
        <v>2</v>
      </c>
      <c r="AZ35" s="71">
        <v>0</v>
      </c>
      <c r="BA35" s="71">
        <v>0</v>
      </c>
      <c r="BB35" s="71">
        <v>1</v>
      </c>
      <c r="BC35" s="71">
        <v>0</v>
      </c>
      <c r="BD35" s="72">
        <v>3</v>
      </c>
      <c r="BE35" s="73">
        <v>4</v>
      </c>
      <c r="BF35" s="70">
        <v>1</v>
      </c>
      <c r="BG35" s="71">
        <v>0</v>
      </c>
      <c r="BH35" s="72">
        <v>1</v>
      </c>
      <c r="BI35" s="244"/>
      <c r="BJ35" s="71">
        <v>2</v>
      </c>
      <c r="BK35" s="71">
        <v>2</v>
      </c>
      <c r="BL35" s="71">
        <v>1</v>
      </c>
      <c r="BM35" s="71">
        <v>2</v>
      </c>
      <c r="BN35" s="71">
        <v>1</v>
      </c>
      <c r="BO35" s="72">
        <v>8</v>
      </c>
      <c r="BP35" s="73">
        <v>9</v>
      </c>
      <c r="BQ35" s="70">
        <v>0</v>
      </c>
      <c r="BR35" s="71">
        <v>0</v>
      </c>
      <c r="BS35" s="72">
        <v>0</v>
      </c>
      <c r="BT35" s="244"/>
      <c r="BU35" s="71">
        <v>1</v>
      </c>
      <c r="BV35" s="71">
        <v>2</v>
      </c>
      <c r="BW35" s="71">
        <v>1</v>
      </c>
      <c r="BX35" s="71">
        <v>1</v>
      </c>
      <c r="BY35" s="71">
        <v>2</v>
      </c>
      <c r="BZ35" s="72">
        <v>7</v>
      </c>
      <c r="CA35" s="73">
        <v>7</v>
      </c>
      <c r="CB35" s="70">
        <v>0</v>
      </c>
      <c r="CC35" s="71">
        <v>0</v>
      </c>
      <c r="CD35" s="72">
        <v>0</v>
      </c>
      <c r="CE35" s="244"/>
      <c r="CF35" s="71">
        <v>0</v>
      </c>
      <c r="CG35" s="71">
        <v>0</v>
      </c>
      <c r="CH35" s="71">
        <v>0</v>
      </c>
      <c r="CI35" s="71">
        <v>0</v>
      </c>
      <c r="CJ35" s="71">
        <v>0</v>
      </c>
      <c r="CK35" s="72">
        <v>0</v>
      </c>
      <c r="CL35" s="73">
        <v>0</v>
      </c>
      <c r="CM35" s="70">
        <v>5</v>
      </c>
      <c r="CN35" s="71">
        <v>1</v>
      </c>
      <c r="CO35" s="72">
        <v>6</v>
      </c>
      <c r="CP35" s="244"/>
      <c r="CQ35" s="71">
        <v>6</v>
      </c>
      <c r="CR35" s="71">
        <v>5</v>
      </c>
      <c r="CS35" s="71">
        <v>2</v>
      </c>
      <c r="CT35" s="71">
        <v>5</v>
      </c>
      <c r="CU35" s="71">
        <v>5</v>
      </c>
      <c r="CV35" s="72">
        <v>23</v>
      </c>
      <c r="CW35" s="73">
        <v>29</v>
      </c>
      <c r="CX35" s="123">
        <v>0</v>
      </c>
      <c r="CY35" s="82">
        <v>1</v>
      </c>
      <c r="CZ35" s="83">
        <v>1</v>
      </c>
      <c r="DA35" s="241"/>
      <c r="DB35" s="82">
        <v>2</v>
      </c>
      <c r="DC35" s="82">
        <v>3</v>
      </c>
      <c r="DD35" s="82">
        <v>2</v>
      </c>
      <c r="DE35" s="82">
        <v>2</v>
      </c>
      <c r="DF35" s="82">
        <v>0</v>
      </c>
      <c r="DG35" s="84">
        <v>9</v>
      </c>
      <c r="DH35" s="85">
        <v>10</v>
      </c>
      <c r="DI35" s="70">
        <v>0</v>
      </c>
      <c r="DJ35" s="71">
        <v>0</v>
      </c>
      <c r="DK35" s="72">
        <v>0</v>
      </c>
      <c r="DL35" s="244"/>
      <c r="DM35" s="71">
        <v>0</v>
      </c>
      <c r="DN35" s="71">
        <v>0</v>
      </c>
      <c r="DO35" s="71">
        <v>0</v>
      </c>
      <c r="DP35" s="71">
        <v>0</v>
      </c>
      <c r="DQ35" s="71">
        <v>0</v>
      </c>
      <c r="DR35" s="72">
        <v>0</v>
      </c>
      <c r="DS35" s="73">
        <v>0</v>
      </c>
      <c r="DT35" s="70">
        <v>0</v>
      </c>
      <c r="DU35" s="71">
        <v>0</v>
      </c>
      <c r="DV35" s="72">
        <v>0</v>
      </c>
      <c r="DW35" s="244"/>
      <c r="DX35" s="71">
        <v>0</v>
      </c>
      <c r="DY35" s="71">
        <v>0</v>
      </c>
      <c r="DZ35" s="71">
        <v>0</v>
      </c>
      <c r="EA35" s="71">
        <v>0</v>
      </c>
      <c r="EB35" s="71">
        <v>0</v>
      </c>
      <c r="EC35" s="72">
        <v>0</v>
      </c>
      <c r="ED35" s="73">
        <v>0</v>
      </c>
      <c r="EE35" s="70">
        <v>0</v>
      </c>
      <c r="EF35" s="71">
        <v>1</v>
      </c>
      <c r="EG35" s="72">
        <v>1</v>
      </c>
      <c r="EH35" s="244"/>
      <c r="EI35" s="71">
        <v>0</v>
      </c>
      <c r="EJ35" s="71">
        <v>0</v>
      </c>
      <c r="EK35" s="71">
        <v>0</v>
      </c>
      <c r="EL35" s="71">
        <v>0</v>
      </c>
      <c r="EM35" s="71">
        <v>0</v>
      </c>
      <c r="EN35" s="72">
        <v>0</v>
      </c>
      <c r="EO35" s="73">
        <v>1</v>
      </c>
      <c r="EP35" s="70">
        <v>0</v>
      </c>
      <c r="EQ35" s="71">
        <v>0</v>
      </c>
      <c r="ER35" s="72">
        <v>0</v>
      </c>
      <c r="ES35" s="244"/>
      <c r="ET35" s="71">
        <v>1</v>
      </c>
      <c r="EU35" s="71">
        <v>0</v>
      </c>
      <c r="EV35" s="71">
        <v>0</v>
      </c>
      <c r="EW35" s="71">
        <v>0</v>
      </c>
      <c r="EX35" s="71">
        <v>0</v>
      </c>
      <c r="EY35" s="72">
        <v>1</v>
      </c>
      <c r="EZ35" s="73">
        <v>1</v>
      </c>
      <c r="FA35" s="70">
        <v>0</v>
      </c>
      <c r="FB35" s="71">
        <v>0</v>
      </c>
      <c r="FC35" s="72">
        <v>0</v>
      </c>
      <c r="FD35" s="244"/>
      <c r="FE35" s="71">
        <v>0</v>
      </c>
      <c r="FF35" s="71">
        <v>1</v>
      </c>
      <c r="FG35" s="71">
        <v>1</v>
      </c>
      <c r="FH35" s="71">
        <v>0</v>
      </c>
      <c r="FI35" s="71">
        <v>0</v>
      </c>
      <c r="FJ35" s="72">
        <v>2</v>
      </c>
      <c r="FK35" s="73">
        <v>2</v>
      </c>
      <c r="FL35" s="70">
        <v>0</v>
      </c>
      <c r="FM35" s="71">
        <v>0</v>
      </c>
      <c r="FN35" s="72">
        <v>0</v>
      </c>
      <c r="FO35" s="244"/>
      <c r="FP35" s="71">
        <v>1</v>
      </c>
      <c r="FQ35" s="71">
        <v>2</v>
      </c>
      <c r="FR35" s="71">
        <v>1</v>
      </c>
      <c r="FS35" s="71">
        <v>2</v>
      </c>
      <c r="FT35" s="71">
        <v>0</v>
      </c>
      <c r="FU35" s="72">
        <v>6</v>
      </c>
      <c r="FV35" s="73">
        <v>6</v>
      </c>
      <c r="FW35" s="70">
        <v>0</v>
      </c>
      <c r="FX35" s="71">
        <v>0</v>
      </c>
      <c r="FY35" s="72">
        <v>0</v>
      </c>
      <c r="FZ35" s="244"/>
      <c r="GA35" s="71">
        <v>0</v>
      </c>
      <c r="GB35" s="71">
        <v>0</v>
      </c>
      <c r="GC35" s="71">
        <v>0</v>
      </c>
      <c r="GD35" s="71">
        <v>0</v>
      </c>
      <c r="GE35" s="71">
        <v>0</v>
      </c>
      <c r="GF35" s="72">
        <v>0</v>
      </c>
      <c r="GG35" s="73">
        <v>0</v>
      </c>
      <c r="GH35" s="70">
        <v>0</v>
      </c>
      <c r="GI35" s="71">
        <v>1</v>
      </c>
      <c r="GJ35" s="72">
        <v>1</v>
      </c>
      <c r="GK35" s="244"/>
      <c r="GL35" s="71">
        <v>2</v>
      </c>
      <c r="GM35" s="71">
        <v>3</v>
      </c>
      <c r="GN35" s="71">
        <v>2</v>
      </c>
      <c r="GO35" s="71">
        <v>2</v>
      </c>
      <c r="GP35" s="71">
        <v>0</v>
      </c>
      <c r="GQ35" s="72">
        <v>9</v>
      </c>
      <c r="GR35" s="73">
        <v>10</v>
      </c>
      <c r="GS35" s="123">
        <v>5</v>
      </c>
      <c r="GT35" s="82">
        <v>2</v>
      </c>
      <c r="GU35" s="83">
        <v>7</v>
      </c>
      <c r="GV35" s="241"/>
      <c r="GW35" s="82">
        <v>8</v>
      </c>
      <c r="GX35" s="82">
        <v>8</v>
      </c>
      <c r="GY35" s="82">
        <v>4</v>
      </c>
      <c r="GZ35" s="82">
        <v>7</v>
      </c>
      <c r="HA35" s="82">
        <v>5</v>
      </c>
      <c r="HB35" s="84">
        <v>32</v>
      </c>
      <c r="HC35" s="85">
        <v>39</v>
      </c>
      <c r="HD35" s="70">
        <v>1</v>
      </c>
      <c r="HE35" s="71">
        <v>0</v>
      </c>
      <c r="HF35" s="72">
        <v>1</v>
      </c>
      <c r="HG35" s="244"/>
      <c r="HH35" s="71">
        <v>0</v>
      </c>
      <c r="HI35" s="71">
        <v>0</v>
      </c>
      <c r="HJ35" s="71">
        <v>0</v>
      </c>
      <c r="HK35" s="71">
        <v>0</v>
      </c>
      <c r="HL35" s="71">
        <v>0</v>
      </c>
      <c r="HM35" s="72">
        <v>0</v>
      </c>
      <c r="HN35" s="73">
        <v>1</v>
      </c>
      <c r="HO35" s="70">
        <v>2</v>
      </c>
      <c r="HP35" s="71">
        <v>0</v>
      </c>
      <c r="HQ35" s="72">
        <v>2</v>
      </c>
      <c r="HR35" s="244"/>
      <c r="HS35" s="71">
        <v>0</v>
      </c>
      <c r="HT35" s="71">
        <v>0</v>
      </c>
      <c r="HU35" s="71">
        <v>0</v>
      </c>
      <c r="HV35" s="71">
        <v>1</v>
      </c>
      <c r="HW35" s="71">
        <v>0</v>
      </c>
      <c r="HX35" s="72">
        <v>1</v>
      </c>
      <c r="HY35" s="73">
        <v>3</v>
      </c>
      <c r="HZ35" s="70">
        <v>1</v>
      </c>
      <c r="IA35" s="71">
        <v>1</v>
      </c>
      <c r="IB35" s="72">
        <v>2</v>
      </c>
      <c r="IC35" s="244"/>
      <c r="ID35" s="71">
        <v>1</v>
      </c>
      <c r="IE35" s="71">
        <v>1</v>
      </c>
      <c r="IF35" s="71">
        <v>0</v>
      </c>
      <c r="IG35" s="71">
        <v>0</v>
      </c>
      <c r="IH35" s="71">
        <v>2</v>
      </c>
      <c r="II35" s="72">
        <v>4</v>
      </c>
      <c r="IJ35" s="73">
        <v>6</v>
      </c>
      <c r="IK35" s="70">
        <v>0</v>
      </c>
      <c r="IL35" s="71">
        <v>1</v>
      </c>
      <c r="IM35" s="72">
        <v>1</v>
      </c>
      <c r="IN35" s="244"/>
      <c r="IO35" s="71">
        <v>3</v>
      </c>
      <c r="IP35" s="71">
        <v>0</v>
      </c>
      <c r="IQ35" s="71">
        <v>0</v>
      </c>
      <c r="IR35" s="71">
        <v>1</v>
      </c>
      <c r="IS35" s="71">
        <v>0</v>
      </c>
      <c r="IT35" s="72">
        <v>4</v>
      </c>
      <c r="IU35" s="73">
        <v>5</v>
      </c>
      <c r="IV35" s="70">
        <v>1</v>
      </c>
      <c r="IW35" s="71">
        <v>0</v>
      </c>
      <c r="IX35" s="72">
        <v>1</v>
      </c>
      <c r="IY35" s="244"/>
      <c r="IZ35" s="71">
        <v>2</v>
      </c>
      <c r="JA35" s="71">
        <v>3</v>
      </c>
      <c r="JB35" s="71">
        <v>2</v>
      </c>
      <c r="JC35" s="71">
        <v>2</v>
      </c>
      <c r="JD35" s="71">
        <v>1</v>
      </c>
      <c r="JE35" s="72">
        <v>10</v>
      </c>
      <c r="JF35" s="73">
        <v>11</v>
      </c>
      <c r="JG35" s="70">
        <v>0</v>
      </c>
      <c r="JH35" s="71">
        <v>0</v>
      </c>
      <c r="JI35" s="72">
        <v>0</v>
      </c>
      <c r="JJ35" s="244"/>
      <c r="JK35" s="71">
        <v>2</v>
      </c>
      <c r="JL35" s="71">
        <v>4</v>
      </c>
      <c r="JM35" s="71">
        <v>2</v>
      </c>
      <c r="JN35" s="71">
        <v>3</v>
      </c>
      <c r="JO35" s="71">
        <v>2</v>
      </c>
      <c r="JP35" s="72">
        <v>13</v>
      </c>
      <c r="JQ35" s="73">
        <v>13</v>
      </c>
      <c r="JR35" s="70">
        <v>0</v>
      </c>
      <c r="JS35" s="71">
        <v>0</v>
      </c>
      <c r="JT35" s="72">
        <v>0</v>
      </c>
      <c r="JU35" s="244"/>
      <c r="JV35" s="71">
        <v>0</v>
      </c>
      <c r="JW35" s="71">
        <v>0</v>
      </c>
      <c r="JX35" s="71">
        <v>0</v>
      </c>
      <c r="JY35" s="71">
        <v>0</v>
      </c>
      <c r="JZ35" s="71">
        <v>0</v>
      </c>
      <c r="KA35" s="72">
        <v>0</v>
      </c>
      <c r="KB35" s="73">
        <v>0</v>
      </c>
      <c r="KC35" s="70">
        <v>5</v>
      </c>
      <c r="KD35" s="71">
        <v>2</v>
      </c>
      <c r="KE35" s="72">
        <v>7</v>
      </c>
      <c r="KF35" s="244"/>
      <c r="KG35" s="71">
        <v>8</v>
      </c>
      <c r="KH35" s="71">
        <v>8</v>
      </c>
      <c r="KI35" s="71">
        <v>4</v>
      </c>
      <c r="KJ35" s="71">
        <v>7</v>
      </c>
      <c r="KK35" s="71">
        <v>5</v>
      </c>
      <c r="KL35" s="72">
        <v>32</v>
      </c>
      <c r="KM35" s="73">
        <v>39</v>
      </c>
    </row>
    <row r="36" spans="2:299" ht="21" customHeight="1" x14ac:dyDescent="0.2">
      <c r="B36" s="126" t="s">
        <v>33</v>
      </c>
      <c r="C36" s="315">
        <v>3</v>
      </c>
      <c r="D36" s="82">
        <v>1</v>
      </c>
      <c r="E36" s="83">
        <v>4</v>
      </c>
      <c r="F36" s="241"/>
      <c r="G36" s="82">
        <v>8</v>
      </c>
      <c r="H36" s="82">
        <v>1</v>
      </c>
      <c r="I36" s="82">
        <v>2</v>
      </c>
      <c r="J36" s="82">
        <v>3</v>
      </c>
      <c r="K36" s="82">
        <v>4</v>
      </c>
      <c r="L36" s="84">
        <v>18</v>
      </c>
      <c r="M36" s="85">
        <v>22</v>
      </c>
      <c r="N36" s="70">
        <v>0</v>
      </c>
      <c r="O36" s="71">
        <v>0</v>
      </c>
      <c r="P36" s="72">
        <v>0</v>
      </c>
      <c r="Q36" s="244"/>
      <c r="R36" s="71">
        <v>1</v>
      </c>
      <c r="S36" s="71">
        <v>0</v>
      </c>
      <c r="T36" s="71">
        <v>0</v>
      </c>
      <c r="U36" s="71">
        <v>0</v>
      </c>
      <c r="V36" s="71">
        <v>0</v>
      </c>
      <c r="W36" s="72">
        <v>1</v>
      </c>
      <c r="X36" s="73">
        <v>1</v>
      </c>
      <c r="Y36" s="70">
        <v>0</v>
      </c>
      <c r="Z36" s="71">
        <v>0</v>
      </c>
      <c r="AA36" s="72">
        <v>0</v>
      </c>
      <c r="AB36" s="244"/>
      <c r="AC36" s="71">
        <v>1</v>
      </c>
      <c r="AD36" s="71">
        <v>0</v>
      </c>
      <c r="AE36" s="71">
        <v>0</v>
      </c>
      <c r="AF36" s="71">
        <v>1</v>
      </c>
      <c r="AG36" s="71">
        <v>2</v>
      </c>
      <c r="AH36" s="72">
        <v>4</v>
      </c>
      <c r="AI36" s="73">
        <v>4</v>
      </c>
      <c r="AJ36" s="70">
        <v>0</v>
      </c>
      <c r="AK36" s="71">
        <v>0</v>
      </c>
      <c r="AL36" s="72">
        <v>0</v>
      </c>
      <c r="AM36" s="244"/>
      <c r="AN36" s="71">
        <v>2</v>
      </c>
      <c r="AO36" s="71">
        <v>0</v>
      </c>
      <c r="AP36" s="71">
        <v>0</v>
      </c>
      <c r="AQ36" s="71">
        <v>0</v>
      </c>
      <c r="AR36" s="71">
        <v>1</v>
      </c>
      <c r="AS36" s="72">
        <v>3</v>
      </c>
      <c r="AT36" s="73">
        <v>3</v>
      </c>
      <c r="AU36" s="70">
        <v>0</v>
      </c>
      <c r="AV36" s="71">
        <v>0</v>
      </c>
      <c r="AW36" s="72">
        <v>0</v>
      </c>
      <c r="AX36" s="244"/>
      <c r="AY36" s="71">
        <v>0</v>
      </c>
      <c r="AZ36" s="71">
        <v>1</v>
      </c>
      <c r="BA36" s="71">
        <v>0</v>
      </c>
      <c r="BB36" s="71">
        <v>1</v>
      </c>
      <c r="BC36" s="71">
        <v>0</v>
      </c>
      <c r="BD36" s="72">
        <v>2</v>
      </c>
      <c r="BE36" s="73">
        <v>2</v>
      </c>
      <c r="BF36" s="70">
        <v>1</v>
      </c>
      <c r="BG36" s="71">
        <v>0</v>
      </c>
      <c r="BH36" s="72">
        <v>1</v>
      </c>
      <c r="BI36" s="244"/>
      <c r="BJ36" s="71">
        <v>1</v>
      </c>
      <c r="BK36" s="71">
        <v>0</v>
      </c>
      <c r="BL36" s="71">
        <v>1</v>
      </c>
      <c r="BM36" s="71">
        <v>0</v>
      </c>
      <c r="BN36" s="71">
        <v>1</v>
      </c>
      <c r="BO36" s="72">
        <v>3</v>
      </c>
      <c r="BP36" s="73">
        <v>4</v>
      </c>
      <c r="BQ36" s="70">
        <v>2</v>
      </c>
      <c r="BR36" s="71">
        <v>1</v>
      </c>
      <c r="BS36" s="72">
        <v>3</v>
      </c>
      <c r="BT36" s="244"/>
      <c r="BU36" s="71">
        <v>3</v>
      </c>
      <c r="BV36" s="71">
        <v>0</v>
      </c>
      <c r="BW36" s="71">
        <v>1</v>
      </c>
      <c r="BX36" s="71">
        <v>1</v>
      </c>
      <c r="BY36" s="71">
        <v>0</v>
      </c>
      <c r="BZ36" s="72">
        <v>5</v>
      </c>
      <c r="CA36" s="73">
        <v>8</v>
      </c>
      <c r="CB36" s="70">
        <v>0</v>
      </c>
      <c r="CC36" s="71">
        <v>0</v>
      </c>
      <c r="CD36" s="72">
        <v>0</v>
      </c>
      <c r="CE36" s="244"/>
      <c r="CF36" s="71">
        <v>0</v>
      </c>
      <c r="CG36" s="71">
        <v>0</v>
      </c>
      <c r="CH36" s="71">
        <v>0</v>
      </c>
      <c r="CI36" s="71">
        <v>0</v>
      </c>
      <c r="CJ36" s="71">
        <v>0</v>
      </c>
      <c r="CK36" s="72">
        <v>0</v>
      </c>
      <c r="CL36" s="73">
        <v>0</v>
      </c>
      <c r="CM36" s="70">
        <v>3</v>
      </c>
      <c r="CN36" s="71">
        <v>1</v>
      </c>
      <c r="CO36" s="72">
        <v>4</v>
      </c>
      <c r="CP36" s="244"/>
      <c r="CQ36" s="71">
        <v>8</v>
      </c>
      <c r="CR36" s="71">
        <v>1</v>
      </c>
      <c r="CS36" s="71">
        <v>2</v>
      </c>
      <c r="CT36" s="71">
        <v>3</v>
      </c>
      <c r="CU36" s="71">
        <v>4</v>
      </c>
      <c r="CV36" s="72">
        <v>18</v>
      </c>
      <c r="CW36" s="73">
        <v>22</v>
      </c>
      <c r="CX36" s="123">
        <v>4</v>
      </c>
      <c r="CY36" s="82">
        <v>4</v>
      </c>
      <c r="CZ36" s="83">
        <v>8</v>
      </c>
      <c r="DA36" s="241"/>
      <c r="DB36" s="82">
        <v>2</v>
      </c>
      <c r="DC36" s="82">
        <v>1</v>
      </c>
      <c r="DD36" s="82">
        <v>4</v>
      </c>
      <c r="DE36" s="82">
        <v>3</v>
      </c>
      <c r="DF36" s="82">
        <v>1</v>
      </c>
      <c r="DG36" s="84">
        <v>11</v>
      </c>
      <c r="DH36" s="85">
        <v>19</v>
      </c>
      <c r="DI36" s="70">
        <v>0</v>
      </c>
      <c r="DJ36" s="71">
        <v>0</v>
      </c>
      <c r="DK36" s="72">
        <v>0</v>
      </c>
      <c r="DL36" s="244"/>
      <c r="DM36" s="71">
        <v>0</v>
      </c>
      <c r="DN36" s="71">
        <v>0</v>
      </c>
      <c r="DO36" s="71">
        <v>0</v>
      </c>
      <c r="DP36" s="71">
        <v>0</v>
      </c>
      <c r="DQ36" s="71">
        <v>0</v>
      </c>
      <c r="DR36" s="72">
        <v>0</v>
      </c>
      <c r="DS36" s="73">
        <v>0</v>
      </c>
      <c r="DT36" s="70">
        <v>0</v>
      </c>
      <c r="DU36" s="71">
        <v>0</v>
      </c>
      <c r="DV36" s="72">
        <v>0</v>
      </c>
      <c r="DW36" s="244"/>
      <c r="DX36" s="71">
        <v>0</v>
      </c>
      <c r="DY36" s="71">
        <v>0</v>
      </c>
      <c r="DZ36" s="71">
        <v>1</v>
      </c>
      <c r="EA36" s="71">
        <v>0</v>
      </c>
      <c r="EB36" s="71">
        <v>0</v>
      </c>
      <c r="EC36" s="72">
        <v>1</v>
      </c>
      <c r="ED36" s="73">
        <v>1</v>
      </c>
      <c r="EE36" s="70">
        <v>0</v>
      </c>
      <c r="EF36" s="71">
        <v>2</v>
      </c>
      <c r="EG36" s="72">
        <v>2</v>
      </c>
      <c r="EH36" s="244"/>
      <c r="EI36" s="71">
        <v>0</v>
      </c>
      <c r="EJ36" s="71">
        <v>1</v>
      </c>
      <c r="EK36" s="71">
        <v>1</v>
      </c>
      <c r="EL36" s="71">
        <v>1</v>
      </c>
      <c r="EM36" s="71">
        <v>0</v>
      </c>
      <c r="EN36" s="72">
        <v>3</v>
      </c>
      <c r="EO36" s="73">
        <v>5</v>
      </c>
      <c r="EP36" s="70">
        <v>2</v>
      </c>
      <c r="EQ36" s="71">
        <v>0</v>
      </c>
      <c r="ER36" s="72">
        <v>2</v>
      </c>
      <c r="ES36" s="244"/>
      <c r="ET36" s="71">
        <v>0</v>
      </c>
      <c r="EU36" s="71">
        <v>0</v>
      </c>
      <c r="EV36" s="71">
        <v>0</v>
      </c>
      <c r="EW36" s="71">
        <v>0</v>
      </c>
      <c r="EX36" s="71">
        <v>0</v>
      </c>
      <c r="EY36" s="72">
        <v>0</v>
      </c>
      <c r="EZ36" s="73">
        <v>2</v>
      </c>
      <c r="FA36" s="70">
        <v>1</v>
      </c>
      <c r="FB36" s="71">
        <v>1</v>
      </c>
      <c r="FC36" s="72">
        <v>2</v>
      </c>
      <c r="FD36" s="244"/>
      <c r="FE36" s="71">
        <v>2</v>
      </c>
      <c r="FF36" s="71">
        <v>0</v>
      </c>
      <c r="FG36" s="71">
        <v>0</v>
      </c>
      <c r="FH36" s="71">
        <v>1</v>
      </c>
      <c r="FI36" s="71">
        <v>1</v>
      </c>
      <c r="FJ36" s="72">
        <v>4</v>
      </c>
      <c r="FK36" s="73">
        <v>6</v>
      </c>
      <c r="FL36" s="70">
        <v>1</v>
      </c>
      <c r="FM36" s="71">
        <v>1</v>
      </c>
      <c r="FN36" s="72">
        <v>2</v>
      </c>
      <c r="FO36" s="244"/>
      <c r="FP36" s="71">
        <v>0</v>
      </c>
      <c r="FQ36" s="71">
        <v>0</v>
      </c>
      <c r="FR36" s="71">
        <v>2</v>
      </c>
      <c r="FS36" s="71">
        <v>1</v>
      </c>
      <c r="FT36" s="71">
        <v>0</v>
      </c>
      <c r="FU36" s="72">
        <v>3</v>
      </c>
      <c r="FV36" s="73">
        <v>5</v>
      </c>
      <c r="FW36" s="70">
        <v>0</v>
      </c>
      <c r="FX36" s="71">
        <v>0</v>
      </c>
      <c r="FY36" s="72">
        <v>0</v>
      </c>
      <c r="FZ36" s="244"/>
      <c r="GA36" s="71">
        <v>0</v>
      </c>
      <c r="GB36" s="71">
        <v>0</v>
      </c>
      <c r="GC36" s="71">
        <v>0</v>
      </c>
      <c r="GD36" s="71">
        <v>0</v>
      </c>
      <c r="GE36" s="71">
        <v>0</v>
      </c>
      <c r="GF36" s="72">
        <v>0</v>
      </c>
      <c r="GG36" s="73">
        <v>0</v>
      </c>
      <c r="GH36" s="70">
        <v>4</v>
      </c>
      <c r="GI36" s="71">
        <v>4</v>
      </c>
      <c r="GJ36" s="72">
        <v>8</v>
      </c>
      <c r="GK36" s="244"/>
      <c r="GL36" s="71">
        <v>2</v>
      </c>
      <c r="GM36" s="71">
        <v>1</v>
      </c>
      <c r="GN36" s="71">
        <v>4</v>
      </c>
      <c r="GO36" s="71">
        <v>3</v>
      </c>
      <c r="GP36" s="71">
        <v>1</v>
      </c>
      <c r="GQ36" s="72">
        <v>11</v>
      </c>
      <c r="GR36" s="73">
        <v>19</v>
      </c>
      <c r="GS36" s="123">
        <v>7</v>
      </c>
      <c r="GT36" s="82">
        <v>5</v>
      </c>
      <c r="GU36" s="83">
        <v>12</v>
      </c>
      <c r="GV36" s="241"/>
      <c r="GW36" s="82">
        <v>10</v>
      </c>
      <c r="GX36" s="82">
        <v>2</v>
      </c>
      <c r="GY36" s="82">
        <v>6</v>
      </c>
      <c r="GZ36" s="82">
        <v>6</v>
      </c>
      <c r="HA36" s="82">
        <v>5</v>
      </c>
      <c r="HB36" s="84">
        <v>29</v>
      </c>
      <c r="HC36" s="85">
        <v>41</v>
      </c>
      <c r="HD36" s="70">
        <v>0</v>
      </c>
      <c r="HE36" s="71">
        <v>0</v>
      </c>
      <c r="HF36" s="72">
        <v>0</v>
      </c>
      <c r="HG36" s="244"/>
      <c r="HH36" s="71">
        <v>1</v>
      </c>
      <c r="HI36" s="71">
        <v>0</v>
      </c>
      <c r="HJ36" s="71">
        <v>0</v>
      </c>
      <c r="HK36" s="71">
        <v>0</v>
      </c>
      <c r="HL36" s="71">
        <v>0</v>
      </c>
      <c r="HM36" s="72">
        <v>1</v>
      </c>
      <c r="HN36" s="73">
        <v>1</v>
      </c>
      <c r="HO36" s="70">
        <v>0</v>
      </c>
      <c r="HP36" s="71">
        <v>0</v>
      </c>
      <c r="HQ36" s="72">
        <v>0</v>
      </c>
      <c r="HR36" s="244"/>
      <c r="HS36" s="71">
        <v>1</v>
      </c>
      <c r="HT36" s="71">
        <v>0</v>
      </c>
      <c r="HU36" s="71">
        <v>1</v>
      </c>
      <c r="HV36" s="71">
        <v>1</v>
      </c>
      <c r="HW36" s="71">
        <v>2</v>
      </c>
      <c r="HX36" s="72">
        <v>5</v>
      </c>
      <c r="HY36" s="73">
        <v>5</v>
      </c>
      <c r="HZ36" s="70">
        <v>0</v>
      </c>
      <c r="IA36" s="71">
        <v>2</v>
      </c>
      <c r="IB36" s="72">
        <v>2</v>
      </c>
      <c r="IC36" s="244"/>
      <c r="ID36" s="71">
        <v>2</v>
      </c>
      <c r="IE36" s="71">
        <v>1</v>
      </c>
      <c r="IF36" s="71">
        <v>1</v>
      </c>
      <c r="IG36" s="71">
        <v>1</v>
      </c>
      <c r="IH36" s="71">
        <v>1</v>
      </c>
      <c r="II36" s="72">
        <v>6</v>
      </c>
      <c r="IJ36" s="73">
        <v>8</v>
      </c>
      <c r="IK36" s="70">
        <v>2</v>
      </c>
      <c r="IL36" s="71">
        <v>0</v>
      </c>
      <c r="IM36" s="72">
        <v>2</v>
      </c>
      <c r="IN36" s="244"/>
      <c r="IO36" s="71">
        <v>0</v>
      </c>
      <c r="IP36" s="71">
        <v>1</v>
      </c>
      <c r="IQ36" s="71">
        <v>0</v>
      </c>
      <c r="IR36" s="71">
        <v>1</v>
      </c>
      <c r="IS36" s="71">
        <v>0</v>
      </c>
      <c r="IT36" s="72">
        <v>2</v>
      </c>
      <c r="IU36" s="73">
        <v>4</v>
      </c>
      <c r="IV36" s="70">
        <v>2</v>
      </c>
      <c r="IW36" s="71">
        <v>1</v>
      </c>
      <c r="IX36" s="72">
        <v>3</v>
      </c>
      <c r="IY36" s="244"/>
      <c r="IZ36" s="71">
        <v>3</v>
      </c>
      <c r="JA36" s="71">
        <v>0</v>
      </c>
      <c r="JB36" s="71">
        <v>1</v>
      </c>
      <c r="JC36" s="71">
        <v>1</v>
      </c>
      <c r="JD36" s="71">
        <v>2</v>
      </c>
      <c r="JE36" s="72">
        <v>7</v>
      </c>
      <c r="JF36" s="73">
        <v>10</v>
      </c>
      <c r="JG36" s="70">
        <v>3</v>
      </c>
      <c r="JH36" s="71">
        <v>2</v>
      </c>
      <c r="JI36" s="72">
        <v>5</v>
      </c>
      <c r="JJ36" s="244"/>
      <c r="JK36" s="71">
        <v>3</v>
      </c>
      <c r="JL36" s="71">
        <v>0</v>
      </c>
      <c r="JM36" s="71">
        <v>3</v>
      </c>
      <c r="JN36" s="71">
        <v>2</v>
      </c>
      <c r="JO36" s="71">
        <v>0</v>
      </c>
      <c r="JP36" s="72">
        <v>8</v>
      </c>
      <c r="JQ36" s="73">
        <v>13</v>
      </c>
      <c r="JR36" s="70">
        <v>0</v>
      </c>
      <c r="JS36" s="71">
        <v>0</v>
      </c>
      <c r="JT36" s="72">
        <v>0</v>
      </c>
      <c r="JU36" s="244"/>
      <c r="JV36" s="71">
        <v>0</v>
      </c>
      <c r="JW36" s="71">
        <v>0</v>
      </c>
      <c r="JX36" s="71">
        <v>0</v>
      </c>
      <c r="JY36" s="71">
        <v>0</v>
      </c>
      <c r="JZ36" s="71">
        <v>0</v>
      </c>
      <c r="KA36" s="72">
        <v>0</v>
      </c>
      <c r="KB36" s="73">
        <v>0</v>
      </c>
      <c r="KC36" s="70">
        <v>7</v>
      </c>
      <c r="KD36" s="71">
        <v>5</v>
      </c>
      <c r="KE36" s="72">
        <v>12</v>
      </c>
      <c r="KF36" s="244"/>
      <c r="KG36" s="71">
        <v>10</v>
      </c>
      <c r="KH36" s="71">
        <v>2</v>
      </c>
      <c r="KI36" s="71">
        <v>6</v>
      </c>
      <c r="KJ36" s="71">
        <v>6</v>
      </c>
      <c r="KK36" s="71">
        <v>5</v>
      </c>
      <c r="KL36" s="72">
        <v>29</v>
      </c>
      <c r="KM36" s="73">
        <v>41</v>
      </c>
    </row>
    <row r="37" spans="2:299" ht="21" customHeight="1" x14ac:dyDescent="0.2">
      <c r="B37" s="126" t="s">
        <v>34</v>
      </c>
      <c r="C37" s="315">
        <v>1</v>
      </c>
      <c r="D37" s="82">
        <v>1</v>
      </c>
      <c r="E37" s="83">
        <v>2</v>
      </c>
      <c r="F37" s="241"/>
      <c r="G37" s="82">
        <v>2</v>
      </c>
      <c r="H37" s="82">
        <v>5</v>
      </c>
      <c r="I37" s="82">
        <v>0</v>
      </c>
      <c r="J37" s="82">
        <v>0</v>
      </c>
      <c r="K37" s="82">
        <v>1</v>
      </c>
      <c r="L37" s="84">
        <v>8</v>
      </c>
      <c r="M37" s="85">
        <v>10</v>
      </c>
      <c r="N37" s="70">
        <v>0</v>
      </c>
      <c r="O37" s="71">
        <v>0</v>
      </c>
      <c r="P37" s="72">
        <v>0</v>
      </c>
      <c r="Q37" s="244"/>
      <c r="R37" s="71">
        <v>0</v>
      </c>
      <c r="S37" s="71">
        <v>1</v>
      </c>
      <c r="T37" s="71">
        <v>0</v>
      </c>
      <c r="U37" s="71">
        <v>0</v>
      </c>
      <c r="V37" s="71">
        <v>0</v>
      </c>
      <c r="W37" s="72">
        <v>1</v>
      </c>
      <c r="X37" s="73">
        <v>1</v>
      </c>
      <c r="Y37" s="70">
        <v>0</v>
      </c>
      <c r="Z37" s="71">
        <v>0</v>
      </c>
      <c r="AA37" s="72">
        <v>0</v>
      </c>
      <c r="AB37" s="244"/>
      <c r="AC37" s="71">
        <v>0</v>
      </c>
      <c r="AD37" s="71">
        <v>0</v>
      </c>
      <c r="AE37" s="71">
        <v>0</v>
      </c>
      <c r="AF37" s="71">
        <v>0</v>
      </c>
      <c r="AG37" s="71">
        <v>0</v>
      </c>
      <c r="AH37" s="72">
        <v>0</v>
      </c>
      <c r="AI37" s="73">
        <v>0</v>
      </c>
      <c r="AJ37" s="70">
        <v>0</v>
      </c>
      <c r="AK37" s="71">
        <v>1</v>
      </c>
      <c r="AL37" s="72">
        <v>1</v>
      </c>
      <c r="AM37" s="244"/>
      <c r="AN37" s="71">
        <v>0</v>
      </c>
      <c r="AO37" s="71">
        <v>1</v>
      </c>
      <c r="AP37" s="71">
        <v>0</v>
      </c>
      <c r="AQ37" s="71">
        <v>0</v>
      </c>
      <c r="AR37" s="71">
        <v>0</v>
      </c>
      <c r="AS37" s="72">
        <v>1</v>
      </c>
      <c r="AT37" s="73">
        <v>2</v>
      </c>
      <c r="AU37" s="70">
        <v>1</v>
      </c>
      <c r="AV37" s="71">
        <v>0</v>
      </c>
      <c r="AW37" s="72">
        <v>1</v>
      </c>
      <c r="AX37" s="244"/>
      <c r="AY37" s="71">
        <v>1</v>
      </c>
      <c r="AZ37" s="71">
        <v>0</v>
      </c>
      <c r="BA37" s="71">
        <v>0</v>
      </c>
      <c r="BB37" s="71">
        <v>0</v>
      </c>
      <c r="BC37" s="71">
        <v>0</v>
      </c>
      <c r="BD37" s="72">
        <v>1</v>
      </c>
      <c r="BE37" s="73">
        <v>2</v>
      </c>
      <c r="BF37" s="70">
        <v>0</v>
      </c>
      <c r="BG37" s="71">
        <v>0</v>
      </c>
      <c r="BH37" s="72">
        <v>0</v>
      </c>
      <c r="BI37" s="244"/>
      <c r="BJ37" s="71">
        <v>0</v>
      </c>
      <c r="BK37" s="71">
        <v>1</v>
      </c>
      <c r="BL37" s="71">
        <v>0</v>
      </c>
      <c r="BM37" s="71">
        <v>0</v>
      </c>
      <c r="BN37" s="71">
        <v>0</v>
      </c>
      <c r="BO37" s="72">
        <v>1</v>
      </c>
      <c r="BP37" s="73">
        <v>1</v>
      </c>
      <c r="BQ37" s="70">
        <v>0</v>
      </c>
      <c r="BR37" s="71">
        <v>0</v>
      </c>
      <c r="BS37" s="72">
        <v>0</v>
      </c>
      <c r="BT37" s="244"/>
      <c r="BU37" s="71">
        <v>1</v>
      </c>
      <c r="BV37" s="71">
        <v>2</v>
      </c>
      <c r="BW37" s="71">
        <v>0</v>
      </c>
      <c r="BX37" s="71">
        <v>0</v>
      </c>
      <c r="BY37" s="71">
        <v>1</v>
      </c>
      <c r="BZ37" s="72">
        <v>4</v>
      </c>
      <c r="CA37" s="73">
        <v>4</v>
      </c>
      <c r="CB37" s="70">
        <v>0</v>
      </c>
      <c r="CC37" s="71">
        <v>0</v>
      </c>
      <c r="CD37" s="72">
        <v>0</v>
      </c>
      <c r="CE37" s="244"/>
      <c r="CF37" s="71">
        <v>0</v>
      </c>
      <c r="CG37" s="71">
        <v>0</v>
      </c>
      <c r="CH37" s="71">
        <v>0</v>
      </c>
      <c r="CI37" s="71">
        <v>0</v>
      </c>
      <c r="CJ37" s="71">
        <v>0</v>
      </c>
      <c r="CK37" s="72">
        <v>0</v>
      </c>
      <c r="CL37" s="73">
        <v>0</v>
      </c>
      <c r="CM37" s="70">
        <v>1</v>
      </c>
      <c r="CN37" s="71">
        <v>1</v>
      </c>
      <c r="CO37" s="72">
        <v>2</v>
      </c>
      <c r="CP37" s="244"/>
      <c r="CQ37" s="71">
        <v>2</v>
      </c>
      <c r="CR37" s="71">
        <v>5</v>
      </c>
      <c r="CS37" s="71">
        <v>0</v>
      </c>
      <c r="CT37" s="71">
        <v>0</v>
      </c>
      <c r="CU37" s="71">
        <v>1</v>
      </c>
      <c r="CV37" s="72">
        <v>8</v>
      </c>
      <c r="CW37" s="73">
        <v>10</v>
      </c>
      <c r="CX37" s="123">
        <v>0</v>
      </c>
      <c r="CY37" s="82">
        <v>0</v>
      </c>
      <c r="CZ37" s="83">
        <v>0</v>
      </c>
      <c r="DA37" s="241"/>
      <c r="DB37" s="82">
        <v>1</v>
      </c>
      <c r="DC37" s="82">
        <v>0</v>
      </c>
      <c r="DD37" s="82">
        <v>1</v>
      </c>
      <c r="DE37" s="82">
        <v>0</v>
      </c>
      <c r="DF37" s="82">
        <v>0</v>
      </c>
      <c r="DG37" s="84">
        <v>2</v>
      </c>
      <c r="DH37" s="85">
        <v>2</v>
      </c>
      <c r="DI37" s="70">
        <v>0</v>
      </c>
      <c r="DJ37" s="71">
        <v>0</v>
      </c>
      <c r="DK37" s="72">
        <v>0</v>
      </c>
      <c r="DL37" s="244"/>
      <c r="DM37" s="71">
        <v>0</v>
      </c>
      <c r="DN37" s="71">
        <v>0</v>
      </c>
      <c r="DO37" s="71">
        <v>0</v>
      </c>
      <c r="DP37" s="71">
        <v>0</v>
      </c>
      <c r="DQ37" s="71">
        <v>0</v>
      </c>
      <c r="DR37" s="72">
        <v>0</v>
      </c>
      <c r="DS37" s="73">
        <v>0</v>
      </c>
      <c r="DT37" s="70">
        <v>0</v>
      </c>
      <c r="DU37" s="71">
        <v>0</v>
      </c>
      <c r="DV37" s="72">
        <v>0</v>
      </c>
      <c r="DW37" s="244"/>
      <c r="DX37" s="71">
        <v>0</v>
      </c>
      <c r="DY37" s="71">
        <v>0</v>
      </c>
      <c r="DZ37" s="71">
        <v>0</v>
      </c>
      <c r="EA37" s="71">
        <v>0</v>
      </c>
      <c r="EB37" s="71">
        <v>0</v>
      </c>
      <c r="EC37" s="72">
        <v>0</v>
      </c>
      <c r="ED37" s="73">
        <v>0</v>
      </c>
      <c r="EE37" s="70">
        <v>0</v>
      </c>
      <c r="EF37" s="71">
        <v>0</v>
      </c>
      <c r="EG37" s="72">
        <v>0</v>
      </c>
      <c r="EH37" s="244"/>
      <c r="EI37" s="71">
        <v>0</v>
      </c>
      <c r="EJ37" s="71">
        <v>0</v>
      </c>
      <c r="EK37" s="71">
        <v>1</v>
      </c>
      <c r="EL37" s="71">
        <v>0</v>
      </c>
      <c r="EM37" s="71">
        <v>0</v>
      </c>
      <c r="EN37" s="72">
        <v>1</v>
      </c>
      <c r="EO37" s="73">
        <v>1</v>
      </c>
      <c r="EP37" s="70">
        <v>0</v>
      </c>
      <c r="EQ37" s="71">
        <v>0</v>
      </c>
      <c r="ER37" s="72">
        <v>0</v>
      </c>
      <c r="ES37" s="244"/>
      <c r="ET37" s="71">
        <v>0</v>
      </c>
      <c r="EU37" s="71">
        <v>0</v>
      </c>
      <c r="EV37" s="71">
        <v>0</v>
      </c>
      <c r="EW37" s="71">
        <v>0</v>
      </c>
      <c r="EX37" s="71">
        <v>0</v>
      </c>
      <c r="EY37" s="72">
        <v>0</v>
      </c>
      <c r="EZ37" s="73">
        <v>0</v>
      </c>
      <c r="FA37" s="70">
        <v>0</v>
      </c>
      <c r="FB37" s="71">
        <v>0</v>
      </c>
      <c r="FC37" s="72">
        <v>0</v>
      </c>
      <c r="FD37" s="244"/>
      <c r="FE37" s="71">
        <v>1</v>
      </c>
      <c r="FF37" s="71">
        <v>0</v>
      </c>
      <c r="FG37" s="71">
        <v>0</v>
      </c>
      <c r="FH37" s="71">
        <v>0</v>
      </c>
      <c r="FI37" s="71">
        <v>0</v>
      </c>
      <c r="FJ37" s="72">
        <v>1</v>
      </c>
      <c r="FK37" s="73">
        <v>1</v>
      </c>
      <c r="FL37" s="70">
        <v>0</v>
      </c>
      <c r="FM37" s="71">
        <v>0</v>
      </c>
      <c r="FN37" s="72">
        <v>0</v>
      </c>
      <c r="FO37" s="244"/>
      <c r="FP37" s="71">
        <v>0</v>
      </c>
      <c r="FQ37" s="71">
        <v>0</v>
      </c>
      <c r="FR37" s="71">
        <v>0</v>
      </c>
      <c r="FS37" s="71">
        <v>0</v>
      </c>
      <c r="FT37" s="71">
        <v>0</v>
      </c>
      <c r="FU37" s="72">
        <v>0</v>
      </c>
      <c r="FV37" s="73">
        <v>0</v>
      </c>
      <c r="FW37" s="70">
        <v>0</v>
      </c>
      <c r="FX37" s="71">
        <v>0</v>
      </c>
      <c r="FY37" s="72">
        <v>0</v>
      </c>
      <c r="FZ37" s="244"/>
      <c r="GA37" s="71">
        <v>0</v>
      </c>
      <c r="GB37" s="71">
        <v>0</v>
      </c>
      <c r="GC37" s="71">
        <v>0</v>
      </c>
      <c r="GD37" s="71">
        <v>0</v>
      </c>
      <c r="GE37" s="71">
        <v>0</v>
      </c>
      <c r="GF37" s="72">
        <v>0</v>
      </c>
      <c r="GG37" s="73">
        <v>0</v>
      </c>
      <c r="GH37" s="70">
        <v>0</v>
      </c>
      <c r="GI37" s="71">
        <v>0</v>
      </c>
      <c r="GJ37" s="72">
        <v>0</v>
      </c>
      <c r="GK37" s="244"/>
      <c r="GL37" s="71">
        <v>1</v>
      </c>
      <c r="GM37" s="71">
        <v>0</v>
      </c>
      <c r="GN37" s="71">
        <v>1</v>
      </c>
      <c r="GO37" s="71">
        <v>0</v>
      </c>
      <c r="GP37" s="71">
        <v>0</v>
      </c>
      <c r="GQ37" s="72">
        <v>2</v>
      </c>
      <c r="GR37" s="73">
        <v>2</v>
      </c>
      <c r="GS37" s="123">
        <v>1</v>
      </c>
      <c r="GT37" s="82">
        <v>1</v>
      </c>
      <c r="GU37" s="83">
        <v>2</v>
      </c>
      <c r="GV37" s="241"/>
      <c r="GW37" s="82">
        <v>3</v>
      </c>
      <c r="GX37" s="82">
        <v>5</v>
      </c>
      <c r="GY37" s="82">
        <v>1</v>
      </c>
      <c r="GZ37" s="82">
        <v>0</v>
      </c>
      <c r="HA37" s="82">
        <v>1</v>
      </c>
      <c r="HB37" s="84">
        <v>10</v>
      </c>
      <c r="HC37" s="85">
        <v>12</v>
      </c>
      <c r="HD37" s="70">
        <v>0</v>
      </c>
      <c r="HE37" s="71">
        <v>0</v>
      </c>
      <c r="HF37" s="72">
        <v>0</v>
      </c>
      <c r="HG37" s="244"/>
      <c r="HH37" s="71">
        <v>0</v>
      </c>
      <c r="HI37" s="71">
        <v>1</v>
      </c>
      <c r="HJ37" s="71">
        <v>0</v>
      </c>
      <c r="HK37" s="71">
        <v>0</v>
      </c>
      <c r="HL37" s="71">
        <v>0</v>
      </c>
      <c r="HM37" s="72">
        <v>1</v>
      </c>
      <c r="HN37" s="73">
        <v>1</v>
      </c>
      <c r="HO37" s="70">
        <v>0</v>
      </c>
      <c r="HP37" s="71">
        <v>0</v>
      </c>
      <c r="HQ37" s="72">
        <v>0</v>
      </c>
      <c r="HR37" s="244"/>
      <c r="HS37" s="71">
        <v>0</v>
      </c>
      <c r="HT37" s="71">
        <v>0</v>
      </c>
      <c r="HU37" s="71">
        <v>0</v>
      </c>
      <c r="HV37" s="71">
        <v>0</v>
      </c>
      <c r="HW37" s="71">
        <v>0</v>
      </c>
      <c r="HX37" s="72">
        <v>0</v>
      </c>
      <c r="HY37" s="73">
        <v>0</v>
      </c>
      <c r="HZ37" s="70">
        <v>0</v>
      </c>
      <c r="IA37" s="71">
        <v>1</v>
      </c>
      <c r="IB37" s="72">
        <v>1</v>
      </c>
      <c r="IC37" s="244"/>
      <c r="ID37" s="71">
        <v>0</v>
      </c>
      <c r="IE37" s="71">
        <v>1</v>
      </c>
      <c r="IF37" s="71">
        <v>1</v>
      </c>
      <c r="IG37" s="71">
        <v>0</v>
      </c>
      <c r="IH37" s="71">
        <v>0</v>
      </c>
      <c r="II37" s="72">
        <v>2</v>
      </c>
      <c r="IJ37" s="73">
        <v>3</v>
      </c>
      <c r="IK37" s="70">
        <v>1</v>
      </c>
      <c r="IL37" s="71">
        <v>0</v>
      </c>
      <c r="IM37" s="72">
        <v>1</v>
      </c>
      <c r="IN37" s="244"/>
      <c r="IO37" s="71">
        <v>1</v>
      </c>
      <c r="IP37" s="71">
        <v>0</v>
      </c>
      <c r="IQ37" s="71">
        <v>0</v>
      </c>
      <c r="IR37" s="71">
        <v>0</v>
      </c>
      <c r="IS37" s="71">
        <v>0</v>
      </c>
      <c r="IT37" s="72">
        <v>1</v>
      </c>
      <c r="IU37" s="73">
        <v>2</v>
      </c>
      <c r="IV37" s="70">
        <v>0</v>
      </c>
      <c r="IW37" s="71">
        <v>0</v>
      </c>
      <c r="IX37" s="72">
        <v>0</v>
      </c>
      <c r="IY37" s="244"/>
      <c r="IZ37" s="71">
        <v>1</v>
      </c>
      <c r="JA37" s="71">
        <v>1</v>
      </c>
      <c r="JB37" s="71">
        <v>0</v>
      </c>
      <c r="JC37" s="71">
        <v>0</v>
      </c>
      <c r="JD37" s="71">
        <v>0</v>
      </c>
      <c r="JE37" s="72">
        <v>2</v>
      </c>
      <c r="JF37" s="73">
        <v>2</v>
      </c>
      <c r="JG37" s="70">
        <v>0</v>
      </c>
      <c r="JH37" s="71">
        <v>0</v>
      </c>
      <c r="JI37" s="72">
        <v>0</v>
      </c>
      <c r="JJ37" s="244"/>
      <c r="JK37" s="71">
        <v>1</v>
      </c>
      <c r="JL37" s="71">
        <v>2</v>
      </c>
      <c r="JM37" s="71">
        <v>0</v>
      </c>
      <c r="JN37" s="71">
        <v>0</v>
      </c>
      <c r="JO37" s="71">
        <v>1</v>
      </c>
      <c r="JP37" s="72">
        <v>4</v>
      </c>
      <c r="JQ37" s="73">
        <v>4</v>
      </c>
      <c r="JR37" s="70">
        <v>0</v>
      </c>
      <c r="JS37" s="71">
        <v>0</v>
      </c>
      <c r="JT37" s="72">
        <v>0</v>
      </c>
      <c r="JU37" s="244"/>
      <c r="JV37" s="71">
        <v>0</v>
      </c>
      <c r="JW37" s="71">
        <v>0</v>
      </c>
      <c r="JX37" s="71">
        <v>0</v>
      </c>
      <c r="JY37" s="71">
        <v>0</v>
      </c>
      <c r="JZ37" s="71">
        <v>0</v>
      </c>
      <c r="KA37" s="72">
        <v>0</v>
      </c>
      <c r="KB37" s="73">
        <v>0</v>
      </c>
      <c r="KC37" s="70">
        <v>1</v>
      </c>
      <c r="KD37" s="71">
        <v>1</v>
      </c>
      <c r="KE37" s="72">
        <v>2</v>
      </c>
      <c r="KF37" s="244"/>
      <c r="KG37" s="71">
        <v>3</v>
      </c>
      <c r="KH37" s="71">
        <v>5</v>
      </c>
      <c r="KI37" s="71">
        <v>1</v>
      </c>
      <c r="KJ37" s="71">
        <v>0</v>
      </c>
      <c r="KK37" s="71">
        <v>1</v>
      </c>
      <c r="KL37" s="72">
        <v>10</v>
      </c>
      <c r="KM37" s="73">
        <v>12</v>
      </c>
    </row>
    <row r="38" spans="2:299" ht="21" customHeight="1" x14ac:dyDescent="0.2">
      <c r="B38" s="126" t="s">
        <v>35</v>
      </c>
      <c r="C38" s="315">
        <v>5</v>
      </c>
      <c r="D38" s="82">
        <v>9</v>
      </c>
      <c r="E38" s="83">
        <v>14</v>
      </c>
      <c r="F38" s="241"/>
      <c r="G38" s="82">
        <v>15</v>
      </c>
      <c r="H38" s="82">
        <v>7</v>
      </c>
      <c r="I38" s="82">
        <v>5</v>
      </c>
      <c r="J38" s="82">
        <v>5</v>
      </c>
      <c r="K38" s="82">
        <v>1</v>
      </c>
      <c r="L38" s="84">
        <v>33</v>
      </c>
      <c r="M38" s="85">
        <v>47</v>
      </c>
      <c r="N38" s="70">
        <v>0</v>
      </c>
      <c r="O38" s="71">
        <v>0</v>
      </c>
      <c r="P38" s="72">
        <v>0</v>
      </c>
      <c r="Q38" s="244"/>
      <c r="R38" s="71">
        <v>1</v>
      </c>
      <c r="S38" s="71">
        <v>0</v>
      </c>
      <c r="T38" s="71">
        <v>0</v>
      </c>
      <c r="U38" s="71">
        <v>0</v>
      </c>
      <c r="V38" s="71">
        <v>0</v>
      </c>
      <c r="W38" s="72">
        <v>1</v>
      </c>
      <c r="X38" s="73">
        <v>1</v>
      </c>
      <c r="Y38" s="70">
        <v>0</v>
      </c>
      <c r="Z38" s="71">
        <v>0</v>
      </c>
      <c r="AA38" s="72">
        <v>0</v>
      </c>
      <c r="AB38" s="244"/>
      <c r="AC38" s="71">
        <v>2</v>
      </c>
      <c r="AD38" s="71">
        <v>0</v>
      </c>
      <c r="AE38" s="71">
        <v>0</v>
      </c>
      <c r="AF38" s="71">
        <v>0</v>
      </c>
      <c r="AG38" s="71">
        <v>0</v>
      </c>
      <c r="AH38" s="72">
        <v>2</v>
      </c>
      <c r="AI38" s="73">
        <v>2</v>
      </c>
      <c r="AJ38" s="70">
        <v>0</v>
      </c>
      <c r="AK38" s="71">
        <v>2</v>
      </c>
      <c r="AL38" s="72">
        <v>2</v>
      </c>
      <c r="AM38" s="244"/>
      <c r="AN38" s="71">
        <v>3</v>
      </c>
      <c r="AO38" s="71">
        <v>1</v>
      </c>
      <c r="AP38" s="71">
        <v>2</v>
      </c>
      <c r="AQ38" s="71">
        <v>2</v>
      </c>
      <c r="AR38" s="71">
        <v>0</v>
      </c>
      <c r="AS38" s="72">
        <v>8</v>
      </c>
      <c r="AT38" s="73">
        <v>10</v>
      </c>
      <c r="AU38" s="70">
        <v>1</v>
      </c>
      <c r="AV38" s="71">
        <v>2</v>
      </c>
      <c r="AW38" s="72">
        <v>3</v>
      </c>
      <c r="AX38" s="244"/>
      <c r="AY38" s="71">
        <v>3</v>
      </c>
      <c r="AZ38" s="71">
        <v>2</v>
      </c>
      <c r="BA38" s="71">
        <v>0</v>
      </c>
      <c r="BB38" s="71">
        <v>0</v>
      </c>
      <c r="BC38" s="71">
        <v>0</v>
      </c>
      <c r="BD38" s="72">
        <v>5</v>
      </c>
      <c r="BE38" s="73">
        <v>8</v>
      </c>
      <c r="BF38" s="70">
        <v>0</v>
      </c>
      <c r="BG38" s="71">
        <v>5</v>
      </c>
      <c r="BH38" s="72">
        <v>5</v>
      </c>
      <c r="BI38" s="244"/>
      <c r="BJ38" s="71">
        <v>3</v>
      </c>
      <c r="BK38" s="71">
        <v>1</v>
      </c>
      <c r="BL38" s="71">
        <v>2</v>
      </c>
      <c r="BM38" s="71">
        <v>1</v>
      </c>
      <c r="BN38" s="71">
        <v>1</v>
      </c>
      <c r="BO38" s="72">
        <v>8</v>
      </c>
      <c r="BP38" s="73">
        <v>13</v>
      </c>
      <c r="BQ38" s="70">
        <v>4</v>
      </c>
      <c r="BR38" s="71">
        <v>0</v>
      </c>
      <c r="BS38" s="72">
        <v>4</v>
      </c>
      <c r="BT38" s="244"/>
      <c r="BU38" s="71">
        <v>3</v>
      </c>
      <c r="BV38" s="71">
        <v>3</v>
      </c>
      <c r="BW38" s="71">
        <v>1</v>
      </c>
      <c r="BX38" s="71">
        <v>2</v>
      </c>
      <c r="BY38" s="71">
        <v>0</v>
      </c>
      <c r="BZ38" s="72">
        <v>9</v>
      </c>
      <c r="CA38" s="73">
        <v>13</v>
      </c>
      <c r="CB38" s="70">
        <v>0</v>
      </c>
      <c r="CC38" s="71">
        <v>0</v>
      </c>
      <c r="CD38" s="72">
        <v>0</v>
      </c>
      <c r="CE38" s="244"/>
      <c r="CF38" s="71">
        <v>0</v>
      </c>
      <c r="CG38" s="71">
        <v>0</v>
      </c>
      <c r="CH38" s="71">
        <v>0</v>
      </c>
      <c r="CI38" s="71">
        <v>0</v>
      </c>
      <c r="CJ38" s="71">
        <v>0</v>
      </c>
      <c r="CK38" s="72">
        <v>0</v>
      </c>
      <c r="CL38" s="73">
        <v>0</v>
      </c>
      <c r="CM38" s="70">
        <v>5</v>
      </c>
      <c r="CN38" s="71">
        <v>9</v>
      </c>
      <c r="CO38" s="72">
        <v>14</v>
      </c>
      <c r="CP38" s="244"/>
      <c r="CQ38" s="71">
        <v>15</v>
      </c>
      <c r="CR38" s="71">
        <v>7</v>
      </c>
      <c r="CS38" s="71">
        <v>5</v>
      </c>
      <c r="CT38" s="71">
        <v>5</v>
      </c>
      <c r="CU38" s="71">
        <v>1</v>
      </c>
      <c r="CV38" s="72">
        <v>33</v>
      </c>
      <c r="CW38" s="73">
        <v>47</v>
      </c>
      <c r="CX38" s="123">
        <v>2</v>
      </c>
      <c r="CY38" s="82">
        <v>1</v>
      </c>
      <c r="CZ38" s="83">
        <v>3</v>
      </c>
      <c r="DA38" s="241"/>
      <c r="DB38" s="82">
        <v>5</v>
      </c>
      <c r="DC38" s="82">
        <v>4</v>
      </c>
      <c r="DD38" s="82">
        <v>2</v>
      </c>
      <c r="DE38" s="82">
        <v>8</v>
      </c>
      <c r="DF38" s="82">
        <v>0</v>
      </c>
      <c r="DG38" s="84">
        <v>19</v>
      </c>
      <c r="DH38" s="85">
        <v>22</v>
      </c>
      <c r="DI38" s="70">
        <v>0</v>
      </c>
      <c r="DJ38" s="71">
        <v>0</v>
      </c>
      <c r="DK38" s="72">
        <v>0</v>
      </c>
      <c r="DL38" s="244"/>
      <c r="DM38" s="71">
        <v>0</v>
      </c>
      <c r="DN38" s="71">
        <v>0</v>
      </c>
      <c r="DO38" s="71">
        <v>0</v>
      </c>
      <c r="DP38" s="71">
        <v>0</v>
      </c>
      <c r="DQ38" s="71">
        <v>0</v>
      </c>
      <c r="DR38" s="72">
        <v>0</v>
      </c>
      <c r="DS38" s="73">
        <v>0</v>
      </c>
      <c r="DT38" s="70">
        <v>0</v>
      </c>
      <c r="DU38" s="71">
        <v>0</v>
      </c>
      <c r="DV38" s="72">
        <v>0</v>
      </c>
      <c r="DW38" s="244"/>
      <c r="DX38" s="71">
        <v>0</v>
      </c>
      <c r="DY38" s="71">
        <v>1</v>
      </c>
      <c r="DZ38" s="71">
        <v>1</v>
      </c>
      <c r="EA38" s="71">
        <v>0</v>
      </c>
      <c r="EB38" s="71">
        <v>0</v>
      </c>
      <c r="EC38" s="72">
        <v>2</v>
      </c>
      <c r="ED38" s="73">
        <v>2</v>
      </c>
      <c r="EE38" s="70">
        <v>0</v>
      </c>
      <c r="EF38" s="71">
        <v>0</v>
      </c>
      <c r="EG38" s="72">
        <v>0</v>
      </c>
      <c r="EH38" s="244"/>
      <c r="EI38" s="71">
        <v>1</v>
      </c>
      <c r="EJ38" s="71">
        <v>0</v>
      </c>
      <c r="EK38" s="71">
        <v>0</v>
      </c>
      <c r="EL38" s="71">
        <v>0</v>
      </c>
      <c r="EM38" s="71">
        <v>0</v>
      </c>
      <c r="EN38" s="72">
        <v>1</v>
      </c>
      <c r="EO38" s="73">
        <v>1</v>
      </c>
      <c r="EP38" s="70">
        <v>1</v>
      </c>
      <c r="EQ38" s="71">
        <v>0</v>
      </c>
      <c r="ER38" s="72">
        <v>1</v>
      </c>
      <c r="ES38" s="244"/>
      <c r="ET38" s="71">
        <v>2</v>
      </c>
      <c r="EU38" s="71">
        <v>1</v>
      </c>
      <c r="EV38" s="71">
        <v>0</v>
      </c>
      <c r="EW38" s="71">
        <v>2</v>
      </c>
      <c r="EX38" s="71">
        <v>0</v>
      </c>
      <c r="EY38" s="72">
        <v>5</v>
      </c>
      <c r="EZ38" s="73">
        <v>6</v>
      </c>
      <c r="FA38" s="70">
        <v>1</v>
      </c>
      <c r="FB38" s="71">
        <v>0</v>
      </c>
      <c r="FC38" s="72">
        <v>1</v>
      </c>
      <c r="FD38" s="244"/>
      <c r="FE38" s="71">
        <v>2</v>
      </c>
      <c r="FF38" s="71">
        <v>2</v>
      </c>
      <c r="FG38" s="71">
        <v>0</v>
      </c>
      <c r="FH38" s="71">
        <v>1</v>
      </c>
      <c r="FI38" s="71">
        <v>0</v>
      </c>
      <c r="FJ38" s="72">
        <v>5</v>
      </c>
      <c r="FK38" s="73">
        <v>6</v>
      </c>
      <c r="FL38" s="70">
        <v>0</v>
      </c>
      <c r="FM38" s="71">
        <v>1</v>
      </c>
      <c r="FN38" s="72">
        <v>1</v>
      </c>
      <c r="FO38" s="244"/>
      <c r="FP38" s="71">
        <v>0</v>
      </c>
      <c r="FQ38" s="71">
        <v>0</v>
      </c>
      <c r="FR38" s="71">
        <v>1</v>
      </c>
      <c r="FS38" s="71">
        <v>5</v>
      </c>
      <c r="FT38" s="71">
        <v>0</v>
      </c>
      <c r="FU38" s="72">
        <v>6</v>
      </c>
      <c r="FV38" s="73">
        <v>7</v>
      </c>
      <c r="FW38" s="70">
        <v>0</v>
      </c>
      <c r="FX38" s="71">
        <v>0</v>
      </c>
      <c r="FY38" s="72">
        <v>0</v>
      </c>
      <c r="FZ38" s="244"/>
      <c r="GA38" s="71">
        <v>0</v>
      </c>
      <c r="GB38" s="71">
        <v>0</v>
      </c>
      <c r="GC38" s="71">
        <v>0</v>
      </c>
      <c r="GD38" s="71">
        <v>0</v>
      </c>
      <c r="GE38" s="71">
        <v>0</v>
      </c>
      <c r="GF38" s="72">
        <v>0</v>
      </c>
      <c r="GG38" s="73">
        <v>0</v>
      </c>
      <c r="GH38" s="70">
        <v>2</v>
      </c>
      <c r="GI38" s="71">
        <v>1</v>
      </c>
      <c r="GJ38" s="72">
        <v>3</v>
      </c>
      <c r="GK38" s="244"/>
      <c r="GL38" s="71">
        <v>5</v>
      </c>
      <c r="GM38" s="71">
        <v>4</v>
      </c>
      <c r="GN38" s="71">
        <v>2</v>
      </c>
      <c r="GO38" s="71">
        <v>8</v>
      </c>
      <c r="GP38" s="71">
        <v>0</v>
      </c>
      <c r="GQ38" s="72">
        <v>19</v>
      </c>
      <c r="GR38" s="73">
        <v>22</v>
      </c>
      <c r="GS38" s="123">
        <v>7</v>
      </c>
      <c r="GT38" s="82">
        <v>10</v>
      </c>
      <c r="GU38" s="83">
        <v>17</v>
      </c>
      <c r="GV38" s="241"/>
      <c r="GW38" s="82">
        <v>20</v>
      </c>
      <c r="GX38" s="82">
        <v>11</v>
      </c>
      <c r="GY38" s="82">
        <v>7</v>
      </c>
      <c r="GZ38" s="82">
        <v>13</v>
      </c>
      <c r="HA38" s="82">
        <v>1</v>
      </c>
      <c r="HB38" s="84">
        <v>52</v>
      </c>
      <c r="HC38" s="85">
        <v>69</v>
      </c>
      <c r="HD38" s="70">
        <v>0</v>
      </c>
      <c r="HE38" s="71">
        <v>0</v>
      </c>
      <c r="HF38" s="72">
        <v>0</v>
      </c>
      <c r="HG38" s="244"/>
      <c r="HH38" s="71">
        <v>1</v>
      </c>
      <c r="HI38" s="71">
        <v>0</v>
      </c>
      <c r="HJ38" s="71">
        <v>0</v>
      </c>
      <c r="HK38" s="71">
        <v>0</v>
      </c>
      <c r="HL38" s="71">
        <v>0</v>
      </c>
      <c r="HM38" s="72">
        <v>1</v>
      </c>
      <c r="HN38" s="73">
        <v>1</v>
      </c>
      <c r="HO38" s="70">
        <v>0</v>
      </c>
      <c r="HP38" s="71">
        <v>0</v>
      </c>
      <c r="HQ38" s="72">
        <v>0</v>
      </c>
      <c r="HR38" s="244"/>
      <c r="HS38" s="71">
        <v>2</v>
      </c>
      <c r="HT38" s="71">
        <v>1</v>
      </c>
      <c r="HU38" s="71">
        <v>1</v>
      </c>
      <c r="HV38" s="71">
        <v>0</v>
      </c>
      <c r="HW38" s="71">
        <v>0</v>
      </c>
      <c r="HX38" s="72">
        <v>4</v>
      </c>
      <c r="HY38" s="73">
        <v>4</v>
      </c>
      <c r="HZ38" s="70">
        <v>0</v>
      </c>
      <c r="IA38" s="71">
        <v>2</v>
      </c>
      <c r="IB38" s="72">
        <v>2</v>
      </c>
      <c r="IC38" s="244"/>
      <c r="ID38" s="71">
        <v>4</v>
      </c>
      <c r="IE38" s="71">
        <v>1</v>
      </c>
      <c r="IF38" s="71">
        <v>2</v>
      </c>
      <c r="IG38" s="71">
        <v>2</v>
      </c>
      <c r="IH38" s="71">
        <v>0</v>
      </c>
      <c r="II38" s="72">
        <v>9</v>
      </c>
      <c r="IJ38" s="73">
        <v>11</v>
      </c>
      <c r="IK38" s="70">
        <v>2</v>
      </c>
      <c r="IL38" s="71">
        <v>2</v>
      </c>
      <c r="IM38" s="72">
        <v>4</v>
      </c>
      <c r="IN38" s="244"/>
      <c r="IO38" s="71">
        <v>5</v>
      </c>
      <c r="IP38" s="71">
        <v>3</v>
      </c>
      <c r="IQ38" s="71">
        <v>0</v>
      </c>
      <c r="IR38" s="71">
        <v>2</v>
      </c>
      <c r="IS38" s="71">
        <v>0</v>
      </c>
      <c r="IT38" s="72">
        <v>10</v>
      </c>
      <c r="IU38" s="73">
        <v>14</v>
      </c>
      <c r="IV38" s="70">
        <v>1</v>
      </c>
      <c r="IW38" s="71">
        <v>5</v>
      </c>
      <c r="IX38" s="72">
        <v>6</v>
      </c>
      <c r="IY38" s="244"/>
      <c r="IZ38" s="71">
        <v>5</v>
      </c>
      <c r="JA38" s="71">
        <v>3</v>
      </c>
      <c r="JB38" s="71">
        <v>2</v>
      </c>
      <c r="JC38" s="71">
        <v>2</v>
      </c>
      <c r="JD38" s="71">
        <v>1</v>
      </c>
      <c r="JE38" s="72">
        <v>13</v>
      </c>
      <c r="JF38" s="73">
        <v>19</v>
      </c>
      <c r="JG38" s="70">
        <v>4</v>
      </c>
      <c r="JH38" s="71">
        <v>1</v>
      </c>
      <c r="JI38" s="72">
        <v>5</v>
      </c>
      <c r="JJ38" s="244"/>
      <c r="JK38" s="71">
        <v>3</v>
      </c>
      <c r="JL38" s="71">
        <v>3</v>
      </c>
      <c r="JM38" s="71">
        <v>2</v>
      </c>
      <c r="JN38" s="71">
        <v>7</v>
      </c>
      <c r="JO38" s="71">
        <v>0</v>
      </c>
      <c r="JP38" s="72">
        <v>15</v>
      </c>
      <c r="JQ38" s="73">
        <v>20</v>
      </c>
      <c r="JR38" s="70">
        <v>0</v>
      </c>
      <c r="JS38" s="71">
        <v>0</v>
      </c>
      <c r="JT38" s="72">
        <v>0</v>
      </c>
      <c r="JU38" s="244"/>
      <c r="JV38" s="71">
        <v>0</v>
      </c>
      <c r="JW38" s="71">
        <v>0</v>
      </c>
      <c r="JX38" s="71">
        <v>0</v>
      </c>
      <c r="JY38" s="71">
        <v>0</v>
      </c>
      <c r="JZ38" s="71">
        <v>0</v>
      </c>
      <c r="KA38" s="72">
        <v>0</v>
      </c>
      <c r="KB38" s="73">
        <v>0</v>
      </c>
      <c r="KC38" s="70">
        <v>7</v>
      </c>
      <c r="KD38" s="71">
        <v>10</v>
      </c>
      <c r="KE38" s="72">
        <v>17</v>
      </c>
      <c r="KF38" s="244"/>
      <c r="KG38" s="71">
        <v>20</v>
      </c>
      <c r="KH38" s="71">
        <v>11</v>
      </c>
      <c r="KI38" s="71">
        <v>7</v>
      </c>
      <c r="KJ38" s="71">
        <v>13</v>
      </c>
      <c r="KK38" s="71">
        <v>1</v>
      </c>
      <c r="KL38" s="72">
        <v>52</v>
      </c>
      <c r="KM38" s="73">
        <v>69</v>
      </c>
    </row>
    <row r="39" spans="2:299" ht="21" customHeight="1" x14ac:dyDescent="0.2">
      <c r="B39" s="126" t="s">
        <v>36</v>
      </c>
      <c r="C39" s="315">
        <v>3</v>
      </c>
      <c r="D39" s="82">
        <v>8</v>
      </c>
      <c r="E39" s="83">
        <v>11</v>
      </c>
      <c r="F39" s="241"/>
      <c r="G39" s="82">
        <v>6</v>
      </c>
      <c r="H39" s="82">
        <v>4</v>
      </c>
      <c r="I39" s="82">
        <v>4</v>
      </c>
      <c r="J39" s="82">
        <v>5</v>
      </c>
      <c r="K39" s="82">
        <v>2</v>
      </c>
      <c r="L39" s="84">
        <v>21</v>
      </c>
      <c r="M39" s="85">
        <v>32</v>
      </c>
      <c r="N39" s="70">
        <v>0</v>
      </c>
      <c r="O39" s="71">
        <v>0</v>
      </c>
      <c r="P39" s="72">
        <v>0</v>
      </c>
      <c r="Q39" s="244"/>
      <c r="R39" s="71">
        <v>0</v>
      </c>
      <c r="S39" s="71">
        <v>0</v>
      </c>
      <c r="T39" s="71">
        <v>0</v>
      </c>
      <c r="U39" s="71">
        <v>0</v>
      </c>
      <c r="V39" s="71">
        <v>0</v>
      </c>
      <c r="W39" s="72">
        <v>0</v>
      </c>
      <c r="X39" s="73">
        <v>0</v>
      </c>
      <c r="Y39" s="70">
        <v>0</v>
      </c>
      <c r="Z39" s="71">
        <v>0</v>
      </c>
      <c r="AA39" s="72">
        <v>0</v>
      </c>
      <c r="AB39" s="244"/>
      <c r="AC39" s="71">
        <v>0</v>
      </c>
      <c r="AD39" s="71">
        <v>1</v>
      </c>
      <c r="AE39" s="71">
        <v>0</v>
      </c>
      <c r="AF39" s="71">
        <v>0</v>
      </c>
      <c r="AG39" s="71">
        <v>0</v>
      </c>
      <c r="AH39" s="72">
        <v>1</v>
      </c>
      <c r="AI39" s="73">
        <v>1</v>
      </c>
      <c r="AJ39" s="70">
        <v>2</v>
      </c>
      <c r="AK39" s="71">
        <v>0</v>
      </c>
      <c r="AL39" s="72">
        <v>2</v>
      </c>
      <c r="AM39" s="244"/>
      <c r="AN39" s="71">
        <v>2</v>
      </c>
      <c r="AO39" s="71">
        <v>0</v>
      </c>
      <c r="AP39" s="71">
        <v>0</v>
      </c>
      <c r="AQ39" s="71">
        <v>0</v>
      </c>
      <c r="AR39" s="71">
        <v>1</v>
      </c>
      <c r="AS39" s="72">
        <v>3</v>
      </c>
      <c r="AT39" s="73">
        <v>5</v>
      </c>
      <c r="AU39" s="70">
        <v>0</v>
      </c>
      <c r="AV39" s="71">
        <v>5</v>
      </c>
      <c r="AW39" s="72">
        <v>5</v>
      </c>
      <c r="AX39" s="244"/>
      <c r="AY39" s="71">
        <v>3</v>
      </c>
      <c r="AZ39" s="71">
        <v>2</v>
      </c>
      <c r="BA39" s="71">
        <v>2</v>
      </c>
      <c r="BB39" s="71">
        <v>0</v>
      </c>
      <c r="BC39" s="71">
        <v>1</v>
      </c>
      <c r="BD39" s="72">
        <v>8</v>
      </c>
      <c r="BE39" s="73">
        <v>13</v>
      </c>
      <c r="BF39" s="70">
        <v>0</v>
      </c>
      <c r="BG39" s="71">
        <v>3</v>
      </c>
      <c r="BH39" s="72">
        <v>3</v>
      </c>
      <c r="BI39" s="244"/>
      <c r="BJ39" s="71">
        <v>0</v>
      </c>
      <c r="BK39" s="71">
        <v>0</v>
      </c>
      <c r="BL39" s="71">
        <v>0</v>
      </c>
      <c r="BM39" s="71">
        <v>3</v>
      </c>
      <c r="BN39" s="71">
        <v>0</v>
      </c>
      <c r="BO39" s="72">
        <v>3</v>
      </c>
      <c r="BP39" s="73">
        <v>6</v>
      </c>
      <c r="BQ39" s="70">
        <v>1</v>
      </c>
      <c r="BR39" s="71">
        <v>0</v>
      </c>
      <c r="BS39" s="72">
        <v>1</v>
      </c>
      <c r="BT39" s="244"/>
      <c r="BU39" s="71">
        <v>1</v>
      </c>
      <c r="BV39" s="71">
        <v>1</v>
      </c>
      <c r="BW39" s="71">
        <v>2</v>
      </c>
      <c r="BX39" s="71">
        <v>2</v>
      </c>
      <c r="BY39" s="71">
        <v>0</v>
      </c>
      <c r="BZ39" s="72">
        <v>6</v>
      </c>
      <c r="CA39" s="73">
        <v>7</v>
      </c>
      <c r="CB39" s="70">
        <v>0</v>
      </c>
      <c r="CC39" s="71">
        <v>0</v>
      </c>
      <c r="CD39" s="72">
        <v>0</v>
      </c>
      <c r="CE39" s="244"/>
      <c r="CF39" s="71">
        <v>0</v>
      </c>
      <c r="CG39" s="71">
        <v>0</v>
      </c>
      <c r="CH39" s="71">
        <v>0</v>
      </c>
      <c r="CI39" s="71">
        <v>0</v>
      </c>
      <c r="CJ39" s="71">
        <v>0</v>
      </c>
      <c r="CK39" s="72">
        <v>0</v>
      </c>
      <c r="CL39" s="73">
        <v>0</v>
      </c>
      <c r="CM39" s="70">
        <v>3</v>
      </c>
      <c r="CN39" s="71">
        <v>8</v>
      </c>
      <c r="CO39" s="72">
        <v>11</v>
      </c>
      <c r="CP39" s="244"/>
      <c r="CQ39" s="71">
        <v>6</v>
      </c>
      <c r="CR39" s="71">
        <v>4</v>
      </c>
      <c r="CS39" s="71">
        <v>4</v>
      </c>
      <c r="CT39" s="71">
        <v>5</v>
      </c>
      <c r="CU39" s="71">
        <v>2</v>
      </c>
      <c r="CV39" s="72">
        <v>21</v>
      </c>
      <c r="CW39" s="73">
        <v>32</v>
      </c>
      <c r="CX39" s="123">
        <v>2</v>
      </c>
      <c r="CY39" s="82">
        <v>4</v>
      </c>
      <c r="CZ39" s="83">
        <v>6</v>
      </c>
      <c r="DA39" s="241"/>
      <c r="DB39" s="82">
        <v>7</v>
      </c>
      <c r="DC39" s="82">
        <v>2</v>
      </c>
      <c r="DD39" s="82">
        <v>5</v>
      </c>
      <c r="DE39" s="82">
        <v>4</v>
      </c>
      <c r="DF39" s="82">
        <v>3</v>
      </c>
      <c r="DG39" s="84">
        <v>21</v>
      </c>
      <c r="DH39" s="85">
        <v>27</v>
      </c>
      <c r="DI39" s="70">
        <v>0</v>
      </c>
      <c r="DJ39" s="71">
        <v>0</v>
      </c>
      <c r="DK39" s="72">
        <v>0</v>
      </c>
      <c r="DL39" s="244"/>
      <c r="DM39" s="71">
        <v>0</v>
      </c>
      <c r="DN39" s="71">
        <v>0</v>
      </c>
      <c r="DO39" s="71">
        <v>0</v>
      </c>
      <c r="DP39" s="71">
        <v>0</v>
      </c>
      <c r="DQ39" s="71">
        <v>0</v>
      </c>
      <c r="DR39" s="72">
        <v>0</v>
      </c>
      <c r="DS39" s="73">
        <v>0</v>
      </c>
      <c r="DT39" s="70">
        <v>0</v>
      </c>
      <c r="DU39" s="71">
        <v>0</v>
      </c>
      <c r="DV39" s="72">
        <v>0</v>
      </c>
      <c r="DW39" s="244"/>
      <c r="DX39" s="71">
        <v>0</v>
      </c>
      <c r="DY39" s="71">
        <v>0</v>
      </c>
      <c r="DZ39" s="71">
        <v>0</v>
      </c>
      <c r="EA39" s="71">
        <v>0</v>
      </c>
      <c r="EB39" s="71">
        <v>0</v>
      </c>
      <c r="EC39" s="72">
        <v>0</v>
      </c>
      <c r="ED39" s="73">
        <v>0</v>
      </c>
      <c r="EE39" s="70">
        <v>0</v>
      </c>
      <c r="EF39" s="71">
        <v>2</v>
      </c>
      <c r="EG39" s="72">
        <v>2</v>
      </c>
      <c r="EH39" s="244"/>
      <c r="EI39" s="71">
        <v>1</v>
      </c>
      <c r="EJ39" s="71">
        <v>0</v>
      </c>
      <c r="EK39" s="71">
        <v>0</v>
      </c>
      <c r="EL39" s="71">
        <v>0</v>
      </c>
      <c r="EM39" s="71">
        <v>0</v>
      </c>
      <c r="EN39" s="72">
        <v>1</v>
      </c>
      <c r="EO39" s="73">
        <v>3</v>
      </c>
      <c r="EP39" s="70">
        <v>1</v>
      </c>
      <c r="EQ39" s="71">
        <v>1</v>
      </c>
      <c r="ER39" s="72">
        <v>2</v>
      </c>
      <c r="ES39" s="244"/>
      <c r="ET39" s="71">
        <v>2</v>
      </c>
      <c r="EU39" s="71">
        <v>0</v>
      </c>
      <c r="EV39" s="71">
        <v>1</v>
      </c>
      <c r="EW39" s="71">
        <v>0</v>
      </c>
      <c r="EX39" s="71">
        <v>0</v>
      </c>
      <c r="EY39" s="72">
        <v>3</v>
      </c>
      <c r="EZ39" s="73">
        <v>5</v>
      </c>
      <c r="FA39" s="70">
        <v>0</v>
      </c>
      <c r="FB39" s="71">
        <v>1</v>
      </c>
      <c r="FC39" s="72">
        <v>1</v>
      </c>
      <c r="FD39" s="244"/>
      <c r="FE39" s="71">
        <v>2</v>
      </c>
      <c r="FF39" s="71">
        <v>1</v>
      </c>
      <c r="FG39" s="71">
        <v>1</v>
      </c>
      <c r="FH39" s="71">
        <v>4</v>
      </c>
      <c r="FI39" s="71">
        <v>1</v>
      </c>
      <c r="FJ39" s="72">
        <v>9</v>
      </c>
      <c r="FK39" s="73">
        <v>10</v>
      </c>
      <c r="FL39" s="70">
        <v>1</v>
      </c>
      <c r="FM39" s="71">
        <v>0</v>
      </c>
      <c r="FN39" s="72">
        <v>1</v>
      </c>
      <c r="FO39" s="244"/>
      <c r="FP39" s="71">
        <v>2</v>
      </c>
      <c r="FQ39" s="71">
        <v>1</v>
      </c>
      <c r="FR39" s="71">
        <v>3</v>
      </c>
      <c r="FS39" s="71">
        <v>0</v>
      </c>
      <c r="FT39" s="71">
        <v>2</v>
      </c>
      <c r="FU39" s="72">
        <v>8</v>
      </c>
      <c r="FV39" s="73">
        <v>9</v>
      </c>
      <c r="FW39" s="70">
        <v>0</v>
      </c>
      <c r="FX39" s="71">
        <v>0</v>
      </c>
      <c r="FY39" s="72">
        <v>0</v>
      </c>
      <c r="FZ39" s="244"/>
      <c r="GA39" s="71">
        <v>0</v>
      </c>
      <c r="GB39" s="71">
        <v>0</v>
      </c>
      <c r="GC39" s="71">
        <v>0</v>
      </c>
      <c r="GD39" s="71">
        <v>0</v>
      </c>
      <c r="GE39" s="71">
        <v>0</v>
      </c>
      <c r="GF39" s="72">
        <v>0</v>
      </c>
      <c r="GG39" s="73">
        <v>0</v>
      </c>
      <c r="GH39" s="70">
        <v>2</v>
      </c>
      <c r="GI39" s="71">
        <v>4</v>
      </c>
      <c r="GJ39" s="72">
        <v>6</v>
      </c>
      <c r="GK39" s="244"/>
      <c r="GL39" s="71">
        <v>7</v>
      </c>
      <c r="GM39" s="71">
        <v>2</v>
      </c>
      <c r="GN39" s="71">
        <v>5</v>
      </c>
      <c r="GO39" s="71">
        <v>4</v>
      </c>
      <c r="GP39" s="71">
        <v>3</v>
      </c>
      <c r="GQ39" s="72">
        <v>21</v>
      </c>
      <c r="GR39" s="73">
        <v>27</v>
      </c>
      <c r="GS39" s="123">
        <v>5</v>
      </c>
      <c r="GT39" s="82">
        <v>12</v>
      </c>
      <c r="GU39" s="83">
        <v>17</v>
      </c>
      <c r="GV39" s="241"/>
      <c r="GW39" s="82">
        <v>13</v>
      </c>
      <c r="GX39" s="82">
        <v>6</v>
      </c>
      <c r="GY39" s="82">
        <v>9</v>
      </c>
      <c r="GZ39" s="82">
        <v>9</v>
      </c>
      <c r="HA39" s="82">
        <v>5</v>
      </c>
      <c r="HB39" s="84">
        <v>42</v>
      </c>
      <c r="HC39" s="85">
        <v>59</v>
      </c>
      <c r="HD39" s="70">
        <v>0</v>
      </c>
      <c r="HE39" s="71">
        <v>0</v>
      </c>
      <c r="HF39" s="72">
        <v>0</v>
      </c>
      <c r="HG39" s="244"/>
      <c r="HH39" s="71">
        <v>0</v>
      </c>
      <c r="HI39" s="71">
        <v>0</v>
      </c>
      <c r="HJ39" s="71">
        <v>0</v>
      </c>
      <c r="HK39" s="71">
        <v>0</v>
      </c>
      <c r="HL39" s="71">
        <v>0</v>
      </c>
      <c r="HM39" s="72">
        <v>0</v>
      </c>
      <c r="HN39" s="73">
        <v>0</v>
      </c>
      <c r="HO39" s="70">
        <v>0</v>
      </c>
      <c r="HP39" s="71">
        <v>0</v>
      </c>
      <c r="HQ39" s="72">
        <v>0</v>
      </c>
      <c r="HR39" s="244"/>
      <c r="HS39" s="71">
        <v>0</v>
      </c>
      <c r="HT39" s="71">
        <v>1</v>
      </c>
      <c r="HU39" s="71">
        <v>0</v>
      </c>
      <c r="HV39" s="71">
        <v>0</v>
      </c>
      <c r="HW39" s="71">
        <v>0</v>
      </c>
      <c r="HX39" s="72">
        <v>1</v>
      </c>
      <c r="HY39" s="73">
        <v>1</v>
      </c>
      <c r="HZ39" s="70">
        <v>2</v>
      </c>
      <c r="IA39" s="71">
        <v>2</v>
      </c>
      <c r="IB39" s="72">
        <v>4</v>
      </c>
      <c r="IC39" s="244"/>
      <c r="ID39" s="71">
        <v>3</v>
      </c>
      <c r="IE39" s="71">
        <v>0</v>
      </c>
      <c r="IF39" s="71">
        <v>0</v>
      </c>
      <c r="IG39" s="71">
        <v>0</v>
      </c>
      <c r="IH39" s="71">
        <v>1</v>
      </c>
      <c r="II39" s="72">
        <v>4</v>
      </c>
      <c r="IJ39" s="73">
        <v>8</v>
      </c>
      <c r="IK39" s="70">
        <v>1</v>
      </c>
      <c r="IL39" s="71">
        <v>6</v>
      </c>
      <c r="IM39" s="72">
        <v>7</v>
      </c>
      <c r="IN39" s="244"/>
      <c r="IO39" s="71">
        <v>5</v>
      </c>
      <c r="IP39" s="71">
        <v>2</v>
      </c>
      <c r="IQ39" s="71">
        <v>3</v>
      </c>
      <c r="IR39" s="71">
        <v>0</v>
      </c>
      <c r="IS39" s="71">
        <v>1</v>
      </c>
      <c r="IT39" s="72">
        <v>11</v>
      </c>
      <c r="IU39" s="73">
        <v>18</v>
      </c>
      <c r="IV39" s="70">
        <v>0</v>
      </c>
      <c r="IW39" s="71">
        <v>4</v>
      </c>
      <c r="IX39" s="72">
        <v>4</v>
      </c>
      <c r="IY39" s="244"/>
      <c r="IZ39" s="71">
        <v>2</v>
      </c>
      <c r="JA39" s="71">
        <v>1</v>
      </c>
      <c r="JB39" s="71">
        <v>1</v>
      </c>
      <c r="JC39" s="71">
        <v>7</v>
      </c>
      <c r="JD39" s="71">
        <v>1</v>
      </c>
      <c r="JE39" s="72">
        <v>12</v>
      </c>
      <c r="JF39" s="73">
        <v>16</v>
      </c>
      <c r="JG39" s="70">
        <v>2</v>
      </c>
      <c r="JH39" s="71">
        <v>0</v>
      </c>
      <c r="JI39" s="72">
        <v>2</v>
      </c>
      <c r="JJ39" s="244"/>
      <c r="JK39" s="71">
        <v>3</v>
      </c>
      <c r="JL39" s="71">
        <v>2</v>
      </c>
      <c r="JM39" s="71">
        <v>5</v>
      </c>
      <c r="JN39" s="71">
        <v>2</v>
      </c>
      <c r="JO39" s="71">
        <v>2</v>
      </c>
      <c r="JP39" s="72">
        <v>14</v>
      </c>
      <c r="JQ39" s="73">
        <v>16</v>
      </c>
      <c r="JR39" s="70">
        <v>0</v>
      </c>
      <c r="JS39" s="71">
        <v>0</v>
      </c>
      <c r="JT39" s="72">
        <v>0</v>
      </c>
      <c r="JU39" s="244"/>
      <c r="JV39" s="71">
        <v>0</v>
      </c>
      <c r="JW39" s="71">
        <v>0</v>
      </c>
      <c r="JX39" s="71">
        <v>0</v>
      </c>
      <c r="JY39" s="71">
        <v>0</v>
      </c>
      <c r="JZ39" s="71">
        <v>0</v>
      </c>
      <c r="KA39" s="72">
        <v>0</v>
      </c>
      <c r="KB39" s="73">
        <v>0</v>
      </c>
      <c r="KC39" s="70">
        <v>5</v>
      </c>
      <c r="KD39" s="71">
        <v>12</v>
      </c>
      <c r="KE39" s="72">
        <v>17</v>
      </c>
      <c r="KF39" s="244"/>
      <c r="KG39" s="71">
        <v>13</v>
      </c>
      <c r="KH39" s="71">
        <v>6</v>
      </c>
      <c r="KI39" s="71">
        <v>9</v>
      </c>
      <c r="KJ39" s="71">
        <v>9</v>
      </c>
      <c r="KK39" s="71">
        <v>5</v>
      </c>
      <c r="KL39" s="72">
        <v>42</v>
      </c>
      <c r="KM39" s="73">
        <v>59</v>
      </c>
    </row>
    <row r="40" spans="2:299" ht="21" customHeight="1" thickBot="1" x14ac:dyDescent="0.25">
      <c r="B40" s="127" t="s">
        <v>37</v>
      </c>
      <c r="C40" s="316">
        <v>0</v>
      </c>
      <c r="D40" s="87">
        <v>1</v>
      </c>
      <c r="E40" s="88">
        <v>1</v>
      </c>
      <c r="F40" s="242"/>
      <c r="G40" s="87">
        <v>0</v>
      </c>
      <c r="H40" s="87">
        <v>0</v>
      </c>
      <c r="I40" s="87">
        <v>0</v>
      </c>
      <c r="J40" s="87">
        <v>1</v>
      </c>
      <c r="K40" s="87">
        <v>1</v>
      </c>
      <c r="L40" s="89">
        <v>2</v>
      </c>
      <c r="M40" s="90">
        <v>3</v>
      </c>
      <c r="N40" s="74">
        <v>0</v>
      </c>
      <c r="O40" s="75">
        <v>0</v>
      </c>
      <c r="P40" s="76">
        <v>0</v>
      </c>
      <c r="Q40" s="245"/>
      <c r="R40" s="75">
        <v>0</v>
      </c>
      <c r="S40" s="75">
        <v>0</v>
      </c>
      <c r="T40" s="75">
        <v>0</v>
      </c>
      <c r="U40" s="75">
        <v>0</v>
      </c>
      <c r="V40" s="75">
        <v>0</v>
      </c>
      <c r="W40" s="76">
        <v>0</v>
      </c>
      <c r="X40" s="77">
        <v>0</v>
      </c>
      <c r="Y40" s="74">
        <v>0</v>
      </c>
      <c r="Z40" s="75">
        <v>1</v>
      </c>
      <c r="AA40" s="76">
        <v>1</v>
      </c>
      <c r="AB40" s="245"/>
      <c r="AC40" s="75">
        <v>0</v>
      </c>
      <c r="AD40" s="75">
        <v>0</v>
      </c>
      <c r="AE40" s="75">
        <v>0</v>
      </c>
      <c r="AF40" s="75">
        <v>0</v>
      </c>
      <c r="AG40" s="75">
        <v>0</v>
      </c>
      <c r="AH40" s="76">
        <v>0</v>
      </c>
      <c r="AI40" s="77">
        <v>1</v>
      </c>
      <c r="AJ40" s="74">
        <v>0</v>
      </c>
      <c r="AK40" s="75">
        <v>0</v>
      </c>
      <c r="AL40" s="76">
        <v>0</v>
      </c>
      <c r="AM40" s="245"/>
      <c r="AN40" s="75">
        <v>0</v>
      </c>
      <c r="AO40" s="75">
        <v>0</v>
      </c>
      <c r="AP40" s="75">
        <v>0</v>
      </c>
      <c r="AQ40" s="75">
        <v>0</v>
      </c>
      <c r="AR40" s="75">
        <v>0</v>
      </c>
      <c r="AS40" s="76">
        <v>0</v>
      </c>
      <c r="AT40" s="77">
        <v>0</v>
      </c>
      <c r="AU40" s="74">
        <v>0</v>
      </c>
      <c r="AV40" s="75">
        <v>0</v>
      </c>
      <c r="AW40" s="76">
        <v>0</v>
      </c>
      <c r="AX40" s="245"/>
      <c r="AY40" s="75">
        <v>0</v>
      </c>
      <c r="AZ40" s="75">
        <v>0</v>
      </c>
      <c r="BA40" s="75">
        <v>0</v>
      </c>
      <c r="BB40" s="75">
        <v>1</v>
      </c>
      <c r="BC40" s="75">
        <v>1</v>
      </c>
      <c r="BD40" s="76">
        <v>2</v>
      </c>
      <c r="BE40" s="77">
        <v>2</v>
      </c>
      <c r="BF40" s="74">
        <v>0</v>
      </c>
      <c r="BG40" s="75">
        <v>0</v>
      </c>
      <c r="BH40" s="76">
        <v>0</v>
      </c>
      <c r="BI40" s="245"/>
      <c r="BJ40" s="75">
        <v>0</v>
      </c>
      <c r="BK40" s="75">
        <v>0</v>
      </c>
      <c r="BL40" s="75">
        <v>0</v>
      </c>
      <c r="BM40" s="75">
        <v>0</v>
      </c>
      <c r="BN40" s="75">
        <v>0</v>
      </c>
      <c r="BO40" s="76">
        <v>0</v>
      </c>
      <c r="BP40" s="77">
        <v>0</v>
      </c>
      <c r="BQ40" s="74">
        <v>0</v>
      </c>
      <c r="BR40" s="75">
        <v>0</v>
      </c>
      <c r="BS40" s="76">
        <v>0</v>
      </c>
      <c r="BT40" s="245"/>
      <c r="BU40" s="75">
        <v>0</v>
      </c>
      <c r="BV40" s="75">
        <v>0</v>
      </c>
      <c r="BW40" s="75">
        <v>0</v>
      </c>
      <c r="BX40" s="75">
        <v>0</v>
      </c>
      <c r="BY40" s="75">
        <v>0</v>
      </c>
      <c r="BZ40" s="76">
        <v>0</v>
      </c>
      <c r="CA40" s="77">
        <v>0</v>
      </c>
      <c r="CB40" s="74">
        <v>0</v>
      </c>
      <c r="CC40" s="75">
        <v>0</v>
      </c>
      <c r="CD40" s="76">
        <v>0</v>
      </c>
      <c r="CE40" s="245"/>
      <c r="CF40" s="75">
        <v>0</v>
      </c>
      <c r="CG40" s="75">
        <v>0</v>
      </c>
      <c r="CH40" s="75">
        <v>0</v>
      </c>
      <c r="CI40" s="75">
        <v>0</v>
      </c>
      <c r="CJ40" s="75">
        <v>0</v>
      </c>
      <c r="CK40" s="76">
        <v>0</v>
      </c>
      <c r="CL40" s="77">
        <v>0</v>
      </c>
      <c r="CM40" s="74">
        <v>0</v>
      </c>
      <c r="CN40" s="75">
        <v>1</v>
      </c>
      <c r="CO40" s="76">
        <v>1</v>
      </c>
      <c r="CP40" s="245"/>
      <c r="CQ40" s="75">
        <v>0</v>
      </c>
      <c r="CR40" s="75">
        <v>0</v>
      </c>
      <c r="CS40" s="75">
        <v>0</v>
      </c>
      <c r="CT40" s="75">
        <v>1</v>
      </c>
      <c r="CU40" s="75">
        <v>1</v>
      </c>
      <c r="CV40" s="76">
        <v>2</v>
      </c>
      <c r="CW40" s="77">
        <v>3</v>
      </c>
      <c r="CX40" s="124">
        <v>0</v>
      </c>
      <c r="CY40" s="87">
        <v>0</v>
      </c>
      <c r="CZ40" s="88">
        <v>0</v>
      </c>
      <c r="DA40" s="242"/>
      <c r="DB40" s="87">
        <v>0</v>
      </c>
      <c r="DC40" s="87">
        <v>0</v>
      </c>
      <c r="DD40" s="87">
        <v>0</v>
      </c>
      <c r="DE40" s="87">
        <v>0</v>
      </c>
      <c r="DF40" s="87">
        <v>1</v>
      </c>
      <c r="DG40" s="89">
        <v>1</v>
      </c>
      <c r="DH40" s="90">
        <v>1</v>
      </c>
      <c r="DI40" s="74">
        <v>0</v>
      </c>
      <c r="DJ40" s="75">
        <v>0</v>
      </c>
      <c r="DK40" s="76">
        <v>0</v>
      </c>
      <c r="DL40" s="245"/>
      <c r="DM40" s="75">
        <v>0</v>
      </c>
      <c r="DN40" s="75">
        <v>0</v>
      </c>
      <c r="DO40" s="75">
        <v>0</v>
      </c>
      <c r="DP40" s="75">
        <v>0</v>
      </c>
      <c r="DQ40" s="75">
        <v>0</v>
      </c>
      <c r="DR40" s="76">
        <v>0</v>
      </c>
      <c r="DS40" s="77">
        <v>0</v>
      </c>
      <c r="DT40" s="74">
        <v>0</v>
      </c>
      <c r="DU40" s="75">
        <v>0</v>
      </c>
      <c r="DV40" s="76">
        <v>0</v>
      </c>
      <c r="DW40" s="245"/>
      <c r="DX40" s="75">
        <v>0</v>
      </c>
      <c r="DY40" s="75">
        <v>0</v>
      </c>
      <c r="DZ40" s="75">
        <v>0</v>
      </c>
      <c r="EA40" s="75">
        <v>0</v>
      </c>
      <c r="EB40" s="75">
        <v>0</v>
      </c>
      <c r="EC40" s="76">
        <v>0</v>
      </c>
      <c r="ED40" s="77">
        <v>0</v>
      </c>
      <c r="EE40" s="74">
        <v>0</v>
      </c>
      <c r="EF40" s="75">
        <v>0</v>
      </c>
      <c r="EG40" s="76">
        <v>0</v>
      </c>
      <c r="EH40" s="245"/>
      <c r="EI40" s="75">
        <v>0</v>
      </c>
      <c r="EJ40" s="75">
        <v>0</v>
      </c>
      <c r="EK40" s="75">
        <v>0</v>
      </c>
      <c r="EL40" s="75">
        <v>0</v>
      </c>
      <c r="EM40" s="75">
        <v>0</v>
      </c>
      <c r="EN40" s="76">
        <v>0</v>
      </c>
      <c r="EO40" s="77">
        <v>0</v>
      </c>
      <c r="EP40" s="74">
        <v>0</v>
      </c>
      <c r="EQ40" s="75">
        <v>0</v>
      </c>
      <c r="ER40" s="76">
        <v>0</v>
      </c>
      <c r="ES40" s="245"/>
      <c r="ET40" s="75">
        <v>0</v>
      </c>
      <c r="EU40" s="75">
        <v>0</v>
      </c>
      <c r="EV40" s="75">
        <v>0</v>
      </c>
      <c r="EW40" s="75">
        <v>0</v>
      </c>
      <c r="EX40" s="75">
        <v>0</v>
      </c>
      <c r="EY40" s="76">
        <v>0</v>
      </c>
      <c r="EZ40" s="77">
        <v>0</v>
      </c>
      <c r="FA40" s="74">
        <v>0</v>
      </c>
      <c r="FB40" s="75">
        <v>0</v>
      </c>
      <c r="FC40" s="76">
        <v>0</v>
      </c>
      <c r="FD40" s="245"/>
      <c r="FE40" s="75">
        <v>0</v>
      </c>
      <c r="FF40" s="75">
        <v>0</v>
      </c>
      <c r="FG40" s="75">
        <v>0</v>
      </c>
      <c r="FH40" s="75">
        <v>0</v>
      </c>
      <c r="FI40" s="75">
        <v>0</v>
      </c>
      <c r="FJ40" s="76">
        <v>0</v>
      </c>
      <c r="FK40" s="77">
        <v>0</v>
      </c>
      <c r="FL40" s="74">
        <v>0</v>
      </c>
      <c r="FM40" s="75">
        <v>0</v>
      </c>
      <c r="FN40" s="76">
        <v>0</v>
      </c>
      <c r="FO40" s="245"/>
      <c r="FP40" s="75">
        <v>0</v>
      </c>
      <c r="FQ40" s="75">
        <v>0</v>
      </c>
      <c r="FR40" s="75">
        <v>0</v>
      </c>
      <c r="FS40" s="75">
        <v>0</v>
      </c>
      <c r="FT40" s="75">
        <v>1</v>
      </c>
      <c r="FU40" s="76">
        <v>1</v>
      </c>
      <c r="FV40" s="77">
        <v>1</v>
      </c>
      <c r="FW40" s="74">
        <v>0</v>
      </c>
      <c r="FX40" s="75">
        <v>0</v>
      </c>
      <c r="FY40" s="76">
        <v>0</v>
      </c>
      <c r="FZ40" s="245"/>
      <c r="GA40" s="75">
        <v>0</v>
      </c>
      <c r="GB40" s="75">
        <v>0</v>
      </c>
      <c r="GC40" s="75">
        <v>0</v>
      </c>
      <c r="GD40" s="75">
        <v>0</v>
      </c>
      <c r="GE40" s="75">
        <v>0</v>
      </c>
      <c r="GF40" s="76">
        <v>0</v>
      </c>
      <c r="GG40" s="77">
        <v>0</v>
      </c>
      <c r="GH40" s="74">
        <v>0</v>
      </c>
      <c r="GI40" s="75">
        <v>0</v>
      </c>
      <c r="GJ40" s="76">
        <v>0</v>
      </c>
      <c r="GK40" s="245"/>
      <c r="GL40" s="75">
        <v>0</v>
      </c>
      <c r="GM40" s="75">
        <v>0</v>
      </c>
      <c r="GN40" s="75">
        <v>0</v>
      </c>
      <c r="GO40" s="75">
        <v>0</v>
      </c>
      <c r="GP40" s="75">
        <v>1</v>
      </c>
      <c r="GQ40" s="76">
        <v>1</v>
      </c>
      <c r="GR40" s="77">
        <v>1</v>
      </c>
      <c r="GS40" s="124">
        <v>0</v>
      </c>
      <c r="GT40" s="87">
        <v>1</v>
      </c>
      <c r="GU40" s="88">
        <v>1</v>
      </c>
      <c r="GV40" s="242"/>
      <c r="GW40" s="87">
        <v>0</v>
      </c>
      <c r="GX40" s="87">
        <v>0</v>
      </c>
      <c r="GY40" s="87">
        <v>0</v>
      </c>
      <c r="GZ40" s="87">
        <v>1</v>
      </c>
      <c r="HA40" s="87">
        <v>2</v>
      </c>
      <c r="HB40" s="89">
        <v>3</v>
      </c>
      <c r="HC40" s="90">
        <v>4</v>
      </c>
      <c r="HD40" s="74">
        <v>0</v>
      </c>
      <c r="HE40" s="75">
        <v>0</v>
      </c>
      <c r="HF40" s="76">
        <v>0</v>
      </c>
      <c r="HG40" s="245"/>
      <c r="HH40" s="75">
        <v>0</v>
      </c>
      <c r="HI40" s="75">
        <v>0</v>
      </c>
      <c r="HJ40" s="75">
        <v>0</v>
      </c>
      <c r="HK40" s="75">
        <v>0</v>
      </c>
      <c r="HL40" s="75">
        <v>0</v>
      </c>
      <c r="HM40" s="76">
        <v>0</v>
      </c>
      <c r="HN40" s="77">
        <v>0</v>
      </c>
      <c r="HO40" s="74">
        <v>0</v>
      </c>
      <c r="HP40" s="75">
        <v>1</v>
      </c>
      <c r="HQ40" s="76">
        <v>1</v>
      </c>
      <c r="HR40" s="245"/>
      <c r="HS40" s="75">
        <v>0</v>
      </c>
      <c r="HT40" s="75">
        <v>0</v>
      </c>
      <c r="HU40" s="75">
        <v>0</v>
      </c>
      <c r="HV40" s="75">
        <v>0</v>
      </c>
      <c r="HW40" s="75">
        <v>0</v>
      </c>
      <c r="HX40" s="76">
        <v>0</v>
      </c>
      <c r="HY40" s="77">
        <v>1</v>
      </c>
      <c r="HZ40" s="74">
        <v>0</v>
      </c>
      <c r="IA40" s="75">
        <v>0</v>
      </c>
      <c r="IB40" s="76">
        <v>0</v>
      </c>
      <c r="IC40" s="245"/>
      <c r="ID40" s="75">
        <v>0</v>
      </c>
      <c r="IE40" s="75">
        <v>0</v>
      </c>
      <c r="IF40" s="75">
        <v>0</v>
      </c>
      <c r="IG40" s="75">
        <v>0</v>
      </c>
      <c r="IH40" s="75">
        <v>0</v>
      </c>
      <c r="II40" s="76">
        <v>0</v>
      </c>
      <c r="IJ40" s="77">
        <v>0</v>
      </c>
      <c r="IK40" s="74">
        <v>0</v>
      </c>
      <c r="IL40" s="75">
        <v>0</v>
      </c>
      <c r="IM40" s="76">
        <v>0</v>
      </c>
      <c r="IN40" s="245"/>
      <c r="IO40" s="75">
        <v>0</v>
      </c>
      <c r="IP40" s="75">
        <v>0</v>
      </c>
      <c r="IQ40" s="75">
        <v>0</v>
      </c>
      <c r="IR40" s="75">
        <v>1</v>
      </c>
      <c r="IS40" s="75">
        <v>1</v>
      </c>
      <c r="IT40" s="76">
        <v>2</v>
      </c>
      <c r="IU40" s="77">
        <v>2</v>
      </c>
      <c r="IV40" s="74">
        <v>0</v>
      </c>
      <c r="IW40" s="75">
        <v>0</v>
      </c>
      <c r="IX40" s="76">
        <v>0</v>
      </c>
      <c r="IY40" s="245"/>
      <c r="IZ40" s="75">
        <v>0</v>
      </c>
      <c r="JA40" s="75">
        <v>0</v>
      </c>
      <c r="JB40" s="75">
        <v>0</v>
      </c>
      <c r="JC40" s="75">
        <v>0</v>
      </c>
      <c r="JD40" s="75">
        <v>0</v>
      </c>
      <c r="JE40" s="76">
        <v>0</v>
      </c>
      <c r="JF40" s="77">
        <v>0</v>
      </c>
      <c r="JG40" s="74">
        <v>0</v>
      </c>
      <c r="JH40" s="75">
        <v>0</v>
      </c>
      <c r="JI40" s="76">
        <v>0</v>
      </c>
      <c r="JJ40" s="245"/>
      <c r="JK40" s="75">
        <v>0</v>
      </c>
      <c r="JL40" s="75">
        <v>0</v>
      </c>
      <c r="JM40" s="75">
        <v>0</v>
      </c>
      <c r="JN40" s="75">
        <v>0</v>
      </c>
      <c r="JO40" s="75">
        <v>1</v>
      </c>
      <c r="JP40" s="76">
        <v>1</v>
      </c>
      <c r="JQ40" s="77">
        <v>1</v>
      </c>
      <c r="JR40" s="74">
        <v>0</v>
      </c>
      <c r="JS40" s="75">
        <v>0</v>
      </c>
      <c r="JT40" s="76">
        <v>0</v>
      </c>
      <c r="JU40" s="245"/>
      <c r="JV40" s="75">
        <v>0</v>
      </c>
      <c r="JW40" s="75">
        <v>0</v>
      </c>
      <c r="JX40" s="75">
        <v>0</v>
      </c>
      <c r="JY40" s="75">
        <v>0</v>
      </c>
      <c r="JZ40" s="75">
        <v>0</v>
      </c>
      <c r="KA40" s="76">
        <v>0</v>
      </c>
      <c r="KB40" s="77">
        <v>0</v>
      </c>
      <c r="KC40" s="74">
        <v>0</v>
      </c>
      <c r="KD40" s="75">
        <v>1</v>
      </c>
      <c r="KE40" s="76">
        <v>1</v>
      </c>
      <c r="KF40" s="245"/>
      <c r="KG40" s="75">
        <v>0</v>
      </c>
      <c r="KH40" s="75">
        <v>0</v>
      </c>
      <c r="KI40" s="75">
        <v>0</v>
      </c>
      <c r="KJ40" s="75">
        <v>1</v>
      </c>
      <c r="KK40" s="75">
        <v>2</v>
      </c>
      <c r="KL40" s="76">
        <v>3</v>
      </c>
      <c r="KM40" s="77">
        <v>4</v>
      </c>
    </row>
    <row r="41" spans="2:299" ht="32.25" customHeight="1" x14ac:dyDescent="0.2">
      <c r="C41" s="310" t="s">
        <v>126</v>
      </c>
    </row>
  </sheetData>
  <mergeCells count="36">
    <mergeCell ref="F1:G1"/>
    <mergeCell ref="I1:J1"/>
    <mergeCell ref="GS3:KM3"/>
    <mergeCell ref="CM4:CW5"/>
    <mergeCell ref="CX4:FV4"/>
    <mergeCell ref="KC4:KM5"/>
    <mergeCell ref="GS4:JQ4"/>
    <mergeCell ref="JR4:KB5"/>
    <mergeCell ref="DI5:DS5"/>
    <mergeCell ref="DT5:ED5"/>
    <mergeCell ref="HZ5:IJ5"/>
    <mergeCell ref="IK5:IU5"/>
    <mergeCell ref="BQ5:CA5"/>
    <mergeCell ref="C4:CA4"/>
    <mergeCell ref="CB4:CL5"/>
    <mergeCell ref="FL5:FV5"/>
    <mergeCell ref="IV5:JF5"/>
    <mergeCell ref="GS5:HC5"/>
    <mergeCell ref="HD5:HN5"/>
    <mergeCell ref="HO5:HY5"/>
    <mergeCell ref="JG5:JQ5"/>
    <mergeCell ref="EP5:EZ5"/>
    <mergeCell ref="FA5:FK5"/>
    <mergeCell ref="B3:B5"/>
    <mergeCell ref="C3:CW3"/>
    <mergeCell ref="CX3:GR3"/>
    <mergeCell ref="C5:M5"/>
    <mergeCell ref="N5:X5"/>
    <mergeCell ref="Y5:AI5"/>
    <mergeCell ref="AJ5:AT5"/>
    <mergeCell ref="AU5:BE5"/>
    <mergeCell ref="EE5:EO5"/>
    <mergeCell ref="FW4:GG5"/>
    <mergeCell ref="GH4:GR5"/>
    <mergeCell ref="BF5:BP5"/>
    <mergeCell ref="CX5:DH5"/>
  </mergeCells>
  <phoneticPr fontId="4"/>
  <printOptions horizontalCentered="1"/>
  <pageMargins left="0.59055118110236227" right="0.39370078740157483" top="0.59055118110236227" bottom="0.55118110236220474" header="0.23622047244094491" footer="0.27559055118110237"/>
  <pageSetup paperSize="9" scale="45" orientation="landscape" r:id="rId1"/>
  <headerFooter alignWithMargins="0">
    <oddFooter>&amp;L&amp;20&amp;X&amp;A&amp;C&amp;P/&amp;N</oddFooter>
  </headerFooter>
  <colBreaks count="4" manualBreakCount="4">
    <brk id="35" max="40" man="1"/>
    <brk id="68" max="1048575" man="1"/>
    <brk id="101" max="1048575" man="1"/>
    <brk id="134" max="40" man="1"/>
  </col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6"/>
    <pageSetUpPr fitToPage="1"/>
  </sheetPr>
  <dimension ref="A1:AI39"/>
  <sheetViews>
    <sheetView zoomScaleNormal="100" zoomScaleSheetLayoutView="75" workbookViewId="0">
      <pane xSplit="2" ySplit="5" topLeftCell="C6" activePane="bottomRight" state="frozen"/>
      <selection activeCell="F37" sqref="F37"/>
      <selection pane="topRight" activeCell="F37" sqref="F37"/>
      <selection pane="bottomLeft" activeCell="F37" sqref="F37"/>
      <selection pane="bottomRight" activeCell="B1" sqref="B1"/>
    </sheetView>
  </sheetViews>
  <sheetFormatPr defaultColWidth="9" defaultRowHeight="13.2" x14ac:dyDescent="0.2"/>
  <cols>
    <col min="1" max="1" width="2.77734375" style="44" customWidth="1"/>
    <col min="2" max="2" width="8.77734375" style="23" customWidth="1"/>
    <col min="3" max="6" width="7.77734375" style="21" customWidth="1"/>
    <col min="7" max="7" width="8.109375" style="21" customWidth="1"/>
    <col min="8" max="8" width="7.44140625" style="21" customWidth="1"/>
    <col min="9" max="9" width="9.109375" style="21" customWidth="1"/>
    <col min="10" max="10" width="7.77734375" style="21" customWidth="1"/>
    <col min="11" max="11" width="8.6640625" style="21" customWidth="1"/>
    <col min="12" max="12" width="9.33203125" style="21" customWidth="1"/>
    <col min="13" max="13" width="8.33203125" style="21" customWidth="1"/>
    <col min="14" max="26" width="7.77734375" style="21" customWidth="1"/>
    <col min="27" max="33" width="7.77734375" style="23" customWidth="1"/>
    <col min="34" max="34" width="9" style="23"/>
    <col min="35" max="35" width="8.6640625" style="23" customWidth="1"/>
    <col min="36" max="16384" width="9" style="23"/>
  </cols>
  <sheetData>
    <row r="1" spans="2:35" ht="24" customHeight="1" x14ac:dyDescent="0.2">
      <c r="B1" s="20" t="s">
        <v>134</v>
      </c>
      <c r="F1" s="22"/>
      <c r="G1" s="535">
        <f>第１表!F2</f>
        <v>4</v>
      </c>
      <c r="H1" s="535"/>
      <c r="I1" s="248">
        <f>第１表!G2</f>
        <v>12</v>
      </c>
      <c r="J1" s="539">
        <f>IF(I1&lt;3,I1+12-2,I1-2)</f>
        <v>10</v>
      </c>
      <c r="K1" s="539"/>
    </row>
    <row r="2" spans="2:35" ht="24" customHeight="1" thickBot="1" x14ac:dyDescent="0.25">
      <c r="B2" s="291"/>
      <c r="J2" s="24"/>
      <c r="K2" s="24"/>
      <c r="L2" s="24"/>
      <c r="M2" s="24"/>
      <c r="N2" s="24"/>
      <c r="O2" s="24"/>
      <c r="P2" s="25"/>
      <c r="Q2" s="25"/>
      <c r="R2" s="25"/>
    </row>
    <row r="3" spans="2:35" s="44" customFormat="1" ht="21" customHeight="1" thickBot="1" x14ac:dyDescent="0.25">
      <c r="B3" s="54"/>
      <c r="C3" s="536" t="s">
        <v>53</v>
      </c>
      <c r="D3" s="537"/>
      <c r="E3" s="537"/>
      <c r="F3" s="537"/>
      <c r="G3" s="537"/>
      <c r="H3" s="537"/>
      <c r="I3" s="537"/>
      <c r="J3" s="537"/>
      <c r="K3" s="537"/>
      <c r="L3" s="537"/>
      <c r="M3" s="538"/>
      <c r="N3" s="536" t="s">
        <v>54</v>
      </c>
      <c r="O3" s="537"/>
      <c r="P3" s="537"/>
      <c r="Q3" s="537"/>
      <c r="R3" s="537"/>
      <c r="S3" s="537"/>
      <c r="T3" s="537"/>
      <c r="U3" s="537"/>
      <c r="V3" s="537"/>
      <c r="W3" s="537"/>
      <c r="X3" s="538"/>
      <c r="Y3" s="536" t="s">
        <v>55</v>
      </c>
      <c r="Z3" s="537"/>
      <c r="AA3" s="537"/>
      <c r="AB3" s="537"/>
      <c r="AC3" s="537"/>
      <c r="AD3" s="537"/>
      <c r="AE3" s="537"/>
      <c r="AF3" s="537"/>
      <c r="AG3" s="537"/>
      <c r="AH3" s="537"/>
      <c r="AI3" s="538"/>
    </row>
    <row r="4" spans="2:35" s="44" customFormat="1" ht="30" customHeight="1" thickBot="1" x14ac:dyDescent="0.25">
      <c r="B4" s="54" t="s">
        <v>42</v>
      </c>
      <c r="C4" s="55" t="s">
        <v>43</v>
      </c>
      <c r="D4" s="56" t="s">
        <v>44</v>
      </c>
      <c r="E4" s="57" t="s">
        <v>45</v>
      </c>
      <c r="F4" s="58" t="s">
        <v>46</v>
      </c>
      <c r="G4" s="56" t="s">
        <v>47</v>
      </c>
      <c r="H4" s="56" t="s">
        <v>48</v>
      </c>
      <c r="I4" s="56" t="s">
        <v>49</v>
      </c>
      <c r="J4" s="56" t="s">
        <v>50</v>
      </c>
      <c r="K4" s="56" t="s">
        <v>51</v>
      </c>
      <c r="L4" s="57" t="s">
        <v>45</v>
      </c>
      <c r="M4" s="45" t="s">
        <v>52</v>
      </c>
      <c r="N4" s="55" t="s">
        <v>43</v>
      </c>
      <c r="O4" s="56" t="s">
        <v>44</v>
      </c>
      <c r="P4" s="57" t="s">
        <v>45</v>
      </c>
      <c r="Q4" s="58" t="s">
        <v>46</v>
      </c>
      <c r="R4" s="56" t="s">
        <v>47</v>
      </c>
      <c r="S4" s="56" t="s">
        <v>48</v>
      </c>
      <c r="T4" s="56" t="s">
        <v>49</v>
      </c>
      <c r="U4" s="56" t="s">
        <v>50</v>
      </c>
      <c r="V4" s="56" t="s">
        <v>51</v>
      </c>
      <c r="W4" s="57" t="s">
        <v>45</v>
      </c>
      <c r="X4" s="45" t="s">
        <v>52</v>
      </c>
      <c r="Y4" s="55" t="s">
        <v>43</v>
      </c>
      <c r="Z4" s="56" t="s">
        <v>44</v>
      </c>
      <c r="AA4" s="57" t="s">
        <v>45</v>
      </c>
      <c r="AB4" s="58" t="s">
        <v>46</v>
      </c>
      <c r="AC4" s="56" t="s">
        <v>47</v>
      </c>
      <c r="AD4" s="56" t="s">
        <v>48</v>
      </c>
      <c r="AE4" s="56" t="s">
        <v>49</v>
      </c>
      <c r="AF4" s="56" t="s">
        <v>50</v>
      </c>
      <c r="AG4" s="56" t="s">
        <v>51</v>
      </c>
      <c r="AH4" s="57" t="s">
        <v>45</v>
      </c>
      <c r="AI4" s="45" t="s">
        <v>52</v>
      </c>
    </row>
    <row r="5" spans="2:35" ht="21" customHeight="1" x14ac:dyDescent="0.2">
      <c r="B5" s="46" t="s">
        <v>4</v>
      </c>
      <c r="C5" s="215">
        <v>16304</v>
      </c>
      <c r="D5" s="216">
        <v>28678</v>
      </c>
      <c r="E5" s="217">
        <v>44982</v>
      </c>
      <c r="F5" s="212">
        <v>0</v>
      </c>
      <c r="G5" s="216">
        <v>60064</v>
      </c>
      <c r="H5" s="216">
        <v>60110</v>
      </c>
      <c r="I5" s="216">
        <v>35142</v>
      </c>
      <c r="J5" s="216">
        <v>27553</v>
      </c>
      <c r="K5" s="216">
        <v>16524</v>
      </c>
      <c r="L5" s="217">
        <v>199393</v>
      </c>
      <c r="M5" s="218">
        <v>244375</v>
      </c>
      <c r="N5" s="219">
        <v>279</v>
      </c>
      <c r="O5" s="216">
        <v>823</v>
      </c>
      <c r="P5" s="217">
        <v>1102</v>
      </c>
      <c r="Q5" s="212">
        <v>0</v>
      </c>
      <c r="R5" s="216">
        <v>1066</v>
      </c>
      <c r="S5" s="216">
        <v>1878</v>
      </c>
      <c r="T5" s="216">
        <v>993</v>
      </c>
      <c r="U5" s="216">
        <v>825</v>
      </c>
      <c r="V5" s="216">
        <v>735</v>
      </c>
      <c r="W5" s="217">
        <v>5497</v>
      </c>
      <c r="X5" s="218">
        <v>6599</v>
      </c>
      <c r="Y5" s="215">
        <v>16583</v>
      </c>
      <c r="Z5" s="216">
        <v>29501</v>
      </c>
      <c r="AA5" s="217">
        <v>46084</v>
      </c>
      <c r="AB5" s="212">
        <v>0</v>
      </c>
      <c r="AC5" s="216">
        <v>61130</v>
      </c>
      <c r="AD5" s="216">
        <v>61988</v>
      </c>
      <c r="AE5" s="216">
        <v>36135</v>
      </c>
      <c r="AF5" s="216">
        <v>28378</v>
      </c>
      <c r="AG5" s="216">
        <v>17259</v>
      </c>
      <c r="AH5" s="217">
        <v>204890</v>
      </c>
      <c r="AI5" s="218">
        <v>250974</v>
      </c>
    </row>
    <row r="6" spans="2:35" ht="21" customHeight="1" x14ac:dyDescent="0.2">
      <c r="B6" s="49" t="s">
        <v>5</v>
      </c>
      <c r="C6" s="220">
        <v>6072</v>
      </c>
      <c r="D6" s="221">
        <v>12742</v>
      </c>
      <c r="E6" s="222">
        <v>18814</v>
      </c>
      <c r="F6" s="213">
        <v>0</v>
      </c>
      <c r="G6" s="221">
        <v>16085</v>
      </c>
      <c r="H6" s="221">
        <v>22555</v>
      </c>
      <c r="I6" s="221">
        <v>11475</v>
      </c>
      <c r="J6" s="221">
        <v>9214</v>
      </c>
      <c r="K6" s="221">
        <v>5501</v>
      </c>
      <c r="L6" s="222">
        <v>64830</v>
      </c>
      <c r="M6" s="223">
        <v>83644</v>
      </c>
      <c r="N6" s="224">
        <v>107</v>
      </c>
      <c r="O6" s="221">
        <v>342</v>
      </c>
      <c r="P6" s="222">
        <v>449</v>
      </c>
      <c r="Q6" s="213">
        <v>0</v>
      </c>
      <c r="R6" s="221">
        <v>251</v>
      </c>
      <c r="S6" s="221">
        <v>760</v>
      </c>
      <c r="T6" s="221">
        <v>362</v>
      </c>
      <c r="U6" s="221">
        <v>309</v>
      </c>
      <c r="V6" s="221">
        <v>281</v>
      </c>
      <c r="W6" s="222">
        <v>1963</v>
      </c>
      <c r="X6" s="223">
        <v>2412</v>
      </c>
      <c r="Y6" s="220">
        <v>6179</v>
      </c>
      <c r="Z6" s="221">
        <v>13084</v>
      </c>
      <c r="AA6" s="222">
        <v>19263</v>
      </c>
      <c r="AB6" s="213">
        <v>0</v>
      </c>
      <c r="AC6" s="221">
        <v>16336</v>
      </c>
      <c r="AD6" s="221">
        <v>23315</v>
      </c>
      <c r="AE6" s="221">
        <v>11837</v>
      </c>
      <c r="AF6" s="221">
        <v>9523</v>
      </c>
      <c r="AG6" s="221">
        <v>5782</v>
      </c>
      <c r="AH6" s="222">
        <v>66793</v>
      </c>
      <c r="AI6" s="223">
        <v>86056</v>
      </c>
    </row>
    <row r="7" spans="2:35" ht="21" customHeight="1" x14ac:dyDescent="0.2">
      <c r="B7" s="49" t="s">
        <v>6</v>
      </c>
      <c r="C7" s="220">
        <v>2250</v>
      </c>
      <c r="D7" s="221">
        <v>3455</v>
      </c>
      <c r="E7" s="222">
        <v>5705</v>
      </c>
      <c r="F7" s="213">
        <v>0</v>
      </c>
      <c r="G7" s="221">
        <v>11004</v>
      </c>
      <c r="H7" s="221">
        <v>8594</v>
      </c>
      <c r="I7" s="221">
        <v>5818</v>
      </c>
      <c r="J7" s="221">
        <v>4735</v>
      </c>
      <c r="K7" s="221">
        <v>2917</v>
      </c>
      <c r="L7" s="222">
        <v>33068</v>
      </c>
      <c r="M7" s="223">
        <v>38773</v>
      </c>
      <c r="N7" s="224">
        <v>46</v>
      </c>
      <c r="O7" s="221">
        <v>111</v>
      </c>
      <c r="P7" s="222">
        <v>157</v>
      </c>
      <c r="Q7" s="213">
        <v>0</v>
      </c>
      <c r="R7" s="221">
        <v>239</v>
      </c>
      <c r="S7" s="221">
        <v>275</v>
      </c>
      <c r="T7" s="221">
        <v>171</v>
      </c>
      <c r="U7" s="221">
        <v>153</v>
      </c>
      <c r="V7" s="221">
        <v>132</v>
      </c>
      <c r="W7" s="222">
        <v>970</v>
      </c>
      <c r="X7" s="223">
        <v>1127</v>
      </c>
      <c r="Y7" s="220">
        <v>2296</v>
      </c>
      <c r="Z7" s="221">
        <v>3566</v>
      </c>
      <c r="AA7" s="222">
        <v>5862</v>
      </c>
      <c r="AB7" s="213">
        <v>0</v>
      </c>
      <c r="AC7" s="221">
        <v>11243</v>
      </c>
      <c r="AD7" s="221">
        <v>8869</v>
      </c>
      <c r="AE7" s="221">
        <v>5989</v>
      </c>
      <c r="AF7" s="221">
        <v>4888</v>
      </c>
      <c r="AG7" s="221">
        <v>3049</v>
      </c>
      <c r="AH7" s="222">
        <v>34038</v>
      </c>
      <c r="AI7" s="223">
        <v>39900</v>
      </c>
    </row>
    <row r="8" spans="2:35" ht="21" customHeight="1" x14ac:dyDescent="0.2">
      <c r="B8" s="49" t="s">
        <v>14</v>
      </c>
      <c r="C8" s="220">
        <v>1132</v>
      </c>
      <c r="D8" s="221">
        <v>2661</v>
      </c>
      <c r="E8" s="222">
        <v>3793</v>
      </c>
      <c r="F8" s="213">
        <v>0</v>
      </c>
      <c r="G8" s="221">
        <v>4497</v>
      </c>
      <c r="H8" s="221">
        <v>5445</v>
      </c>
      <c r="I8" s="221">
        <v>3360</v>
      </c>
      <c r="J8" s="221">
        <v>2378</v>
      </c>
      <c r="K8" s="221">
        <v>1354</v>
      </c>
      <c r="L8" s="222">
        <v>17034</v>
      </c>
      <c r="M8" s="223">
        <v>20827</v>
      </c>
      <c r="N8" s="224">
        <v>18</v>
      </c>
      <c r="O8" s="221">
        <v>99</v>
      </c>
      <c r="P8" s="222">
        <v>117</v>
      </c>
      <c r="Q8" s="213">
        <v>0</v>
      </c>
      <c r="R8" s="221">
        <v>66</v>
      </c>
      <c r="S8" s="221">
        <v>165</v>
      </c>
      <c r="T8" s="221">
        <v>85</v>
      </c>
      <c r="U8" s="221">
        <v>75</v>
      </c>
      <c r="V8" s="221">
        <v>64</v>
      </c>
      <c r="W8" s="222">
        <v>455</v>
      </c>
      <c r="X8" s="223">
        <v>572</v>
      </c>
      <c r="Y8" s="220">
        <v>1150</v>
      </c>
      <c r="Z8" s="221">
        <v>2760</v>
      </c>
      <c r="AA8" s="222">
        <v>3910</v>
      </c>
      <c r="AB8" s="213">
        <v>0</v>
      </c>
      <c r="AC8" s="221">
        <v>4563</v>
      </c>
      <c r="AD8" s="221">
        <v>5610</v>
      </c>
      <c r="AE8" s="221">
        <v>3445</v>
      </c>
      <c r="AF8" s="221">
        <v>2453</v>
      </c>
      <c r="AG8" s="221">
        <v>1418</v>
      </c>
      <c r="AH8" s="222">
        <v>17489</v>
      </c>
      <c r="AI8" s="223">
        <v>21399</v>
      </c>
    </row>
    <row r="9" spans="2:35" ht="21" customHeight="1" x14ac:dyDescent="0.2">
      <c r="B9" s="49" t="s">
        <v>7</v>
      </c>
      <c r="C9" s="220">
        <v>525</v>
      </c>
      <c r="D9" s="221">
        <v>819</v>
      </c>
      <c r="E9" s="222">
        <v>1344</v>
      </c>
      <c r="F9" s="213">
        <v>0</v>
      </c>
      <c r="G9" s="221">
        <v>4992</v>
      </c>
      <c r="H9" s="221">
        <v>3463</v>
      </c>
      <c r="I9" s="221">
        <v>1974</v>
      </c>
      <c r="J9" s="221">
        <v>1563</v>
      </c>
      <c r="K9" s="221">
        <v>855</v>
      </c>
      <c r="L9" s="222">
        <v>12847</v>
      </c>
      <c r="M9" s="223">
        <v>14191</v>
      </c>
      <c r="N9" s="224">
        <v>10</v>
      </c>
      <c r="O9" s="221">
        <v>12</v>
      </c>
      <c r="P9" s="222">
        <v>22</v>
      </c>
      <c r="Q9" s="213">
        <v>0</v>
      </c>
      <c r="R9" s="221">
        <v>95</v>
      </c>
      <c r="S9" s="221">
        <v>99</v>
      </c>
      <c r="T9" s="221">
        <v>52</v>
      </c>
      <c r="U9" s="221">
        <v>31</v>
      </c>
      <c r="V9" s="221">
        <v>29</v>
      </c>
      <c r="W9" s="222">
        <v>306</v>
      </c>
      <c r="X9" s="223">
        <v>328</v>
      </c>
      <c r="Y9" s="220">
        <v>535</v>
      </c>
      <c r="Z9" s="221">
        <v>831</v>
      </c>
      <c r="AA9" s="222">
        <v>1366</v>
      </c>
      <c r="AB9" s="213">
        <v>0</v>
      </c>
      <c r="AC9" s="221">
        <v>5087</v>
      </c>
      <c r="AD9" s="221">
        <v>3562</v>
      </c>
      <c r="AE9" s="221">
        <v>2026</v>
      </c>
      <c r="AF9" s="221">
        <v>1594</v>
      </c>
      <c r="AG9" s="221">
        <v>884</v>
      </c>
      <c r="AH9" s="222">
        <v>13153</v>
      </c>
      <c r="AI9" s="223">
        <v>14519</v>
      </c>
    </row>
    <row r="10" spans="2:35" ht="21" customHeight="1" x14ac:dyDescent="0.2">
      <c r="B10" s="49" t="s">
        <v>8</v>
      </c>
      <c r="C10" s="220">
        <v>571</v>
      </c>
      <c r="D10" s="221">
        <v>630</v>
      </c>
      <c r="E10" s="222">
        <v>1201</v>
      </c>
      <c r="F10" s="213">
        <v>0</v>
      </c>
      <c r="G10" s="221">
        <v>2033</v>
      </c>
      <c r="H10" s="221">
        <v>2077</v>
      </c>
      <c r="I10" s="221">
        <v>1245</v>
      </c>
      <c r="J10" s="221">
        <v>860</v>
      </c>
      <c r="K10" s="221">
        <v>533</v>
      </c>
      <c r="L10" s="222">
        <v>6748</v>
      </c>
      <c r="M10" s="223">
        <v>7949</v>
      </c>
      <c r="N10" s="224">
        <v>3</v>
      </c>
      <c r="O10" s="221">
        <v>24</v>
      </c>
      <c r="P10" s="222">
        <v>27</v>
      </c>
      <c r="Q10" s="213">
        <v>0</v>
      </c>
      <c r="R10" s="221">
        <v>27</v>
      </c>
      <c r="S10" s="221">
        <v>76</v>
      </c>
      <c r="T10" s="221">
        <v>33</v>
      </c>
      <c r="U10" s="221">
        <v>26</v>
      </c>
      <c r="V10" s="221">
        <v>21</v>
      </c>
      <c r="W10" s="222">
        <v>183</v>
      </c>
      <c r="X10" s="223">
        <v>210</v>
      </c>
      <c r="Y10" s="220">
        <v>574</v>
      </c>
      <c r="Z10" s="221">
        <v>654</v>
      </c>
      <c r="AA10" s="222">
        <v>1228</v>
      </c>
      <c r="AB10" s="213">
        <v>0</v>
      </c>
      <c r="AC10" s="221">
        <v>2060</v>
      </c>
      <c r="AD10" s="221">
        <v>2153</v>
      </c>
      <c r="AE10" s="221">
        <v>1278</v>
      </c>
      <c r="AF10" s="221">
        <v>886</v>
      </c>
      <c r="AG10" s="221">
        <v>554</v>
      </c>
      <c r="AH10" s="222">
        <v>6931</v>
      </c>
      <c r="AI10" s="223">
        <v>8159</v>
      </c>
    </row>
    <row r="11" spans="2:35" ht="21" customHeight="1" x14ac:dyDescent="0.2">
      <c r="B11" s="49" t="s">
        <v>9</v>
      </c>
      <c r="C11" s="220">
        <v>485</v>
      </c>
      <c r="D11" s="221">
        <v>564</v>
      </c>
      <c r="E11" s="222">
        <v>1049</v>
      </c>
      <c r="F11" s="213">
        <v>0</v>
      </c>
      <c r="G11" s="221">
        <v>1988</v>
      </c>
      <c r="H11" s="221">
        <v>1496</v>
      </c>
      <c r="I11" s="221">
        <v>979</v>
      </c>
      <c r="J11" s="221">
        <v>831</v>
      </c>
      <c r="K11" s="221">
        <v>542</v>
      </c>
      <c r="L11" s="222">
        <v>5836</v>
      </c>
      <c r="M11" s="223">
        <v>6885</v>
      </c>
      <c r="N11" s="224">
        <v>2</v>
      </c>
      <c r="O11" s="221">
        <v>13</v>
      </c>
      <c r="P11" s="222">
        <v>15</v>
      </c>
      <c r="Q11" s="213">
        <v>0</v>
      </c>
      <c r="R11" s="221">
        <v>30</v>
      </c>
      <c r="S11" s="221">
        <v>30</v>
      </c>
      <c r="T11" s="221">
        <v>19</v>
      </c>
      <c r="U11" s="221">
        <v>16</v>
      </c>
      <c r="V11" s="221">
        <v>13</v>
      </c>
      <c r="W11" s="222">
        <v>108</v>
      </c>
      <c r="X11" s="223">
        <v>123</v>
      </c>
      <c r="Y11" s="220">
        <v>487</v>
      </c>
      <c r="Z11" s="221">
        <v>577</v>
      </c>
      <c r="AA11" s="222">
        <v>1064</v>
      </c>
      <c r="AB11" s="213">
        <v>0</v>
      </c>
      <c r="AC11" s="221">
        <v>2018</v>
      </c>
      <c r="AD11" s="221">
        <v>1526</v>
      </c>
      <c r="AE11" s="221">
        <v>998</v>
      </c>
      <c r="AF11" s="221">
        <v>847</v>
      </c>
      <c r="AG11" s="221">
        <v>555</v>
      </c>
      <c r="AH11" s="222">
        <v>5944</v>
      </c>
      <c r="AI11" s="223">
        <v>7008</v>
      </c>
    </row>
    <row r="12" spans="2:35" ht="21" customHeight="1" x14ac:dyDescent="0.2">
      <c r="B12" s="49" t="s">
        <v>10</v>
      </c>
      <c r="C12" s="220">
        <v>1269</v>
      </c>
      <c r="D12" s="221">
        <v>1559</v>
      </c>
      <c r="E12" s="222">
        <v>2828</v>
      </c>
      <c r="F12" s="213">
        <v>0</v>
      </c>
      <c r="G12" s="221">
        <v>3994</v>
      </c>
      <c r="H12" s="221">
        <v>2376</v>
      </c>
      <c r="I12" s="221">
        <v>1542</v>
      </c>
      <c r="J12" s="221">
        <v>1305</v>
      </c>
      <c r="K12" s="221">
        <v>883</v>
      </c>
      <c r="L12" s="222">
        <v>10100</v>
      </c>
      <c r="M12" s="223">
        <v>12928</v>
      </c>
      <c r="N12" s="224">
        <v>27</v>
      </c>
      <c r="O12" s="221">
        <v>41</v>
      </c>
      <c r="P12" s="222">
        <v>68</v>
      </c>
      <c r="Q12" s="213">
        <v>0</v>
      </c>
      <c r="R12" s="221">
        <v>90</v>
      </c>
      <c r="S12" s="221">
        <v>69</v>
      </c>
      <c r="T12" s="221">
        <v>41</v>
      </c>
      <c r="U12" s="221">
        <v>32</v>
      </c>
      <c r="V12" s="221">
        <v>43</v>
      </c>
      <c r="W12" s="222">
        <v>275</v>
      </c>
      <c r="X12" s="223">
        <v>343</v>
      </c>
      <c r="Y12" s="220">
        <v>1296</v>
      </c>
      <c r="Z12" s="221">
        <v>1600</v>
      </c>
      <c r="AA12" s="222">
        <v>2896</v>
      </c>
      <c r="AB12" s="213">
        <v>0</v>
      </c>
      <c r="AC12" s="221">
        <v>4084</v>
      </c>
      <c r="AD12" s="221">
        <v>2445</v>
      </c>
      <c r="AE12" s="221">
        <v>1583</v>
      </c>
      <c r="AF12" s="221">
        <v>1337</v>
      </c>
      <c r="AG12" s="221">
        <v>926</v>
      </c>
      <c r="AH12" s="222">
        <v>10375</v>
      </c>
      <c r="AI12" s="223">
        <v>13271</v>
      </c>
    </row>
    <row r="13" spans="2:35" ht="21" customHeight="1" x14ac:dyDescent="0.2">
      <c r="B13" s="49" t="s">
        <v>11</v>
      </c>
      <c r="C13" s="220">
        <v>533</v>
      </c>
      <c r="D13" s="221">
        <v>577</v>
      </c>
      <c r="E13" s="222">
        <v>1110</v>
      </c>
      <c r="F13" s="213">
        <v>0</v>
      </c>
      <c r="G13" s="221">
        <v>2177</v>
      </c>
      <c r="H13" s="221">
        <v>1295</v>
      </c>
      <c r="I13" s="221">
        <v>929</v>
      </c>
      <c r="J13" s="221">
        <v>742</v>
      </c>
      <c r="K13" s="221">
        <v>388</v>
      </c>
      <c r="L13" s="222">
        <v>5531</v>
      </c>
      <c r="M13" s="223">
        <v>6641</v>
      </c>
      <c r="N13" s="224">
        <v>9</v>
      </c>
      <c r="O13" s="221">
        <v>9</v>
      </c>
      <c r="P13" s="222">
        <v>18</v>
      </c>
      <c r="Q13" s="213">
        <v>0</v>
      </c>
      <c r="R13" s="221">
        <v>38</v>
      </c>
      <c r="S13" s="221">
        <v>32</v>
      </c>
      <c r="T13" s="221">
        <v>20</v>
      </c>
      <c r="U13" s="221">
        <v>14</v>
      </c>
      <c r="V13" s="221">
        <v>16</v>
      </c>
      <c r="W13" s="222">
        <v>120</v>
      </c>
      <c r="X13" s="223">
        <v>138</v>
      </c>
      <c r="Y13" s="220">
        <v>542</v>
      </c>
      <c r="Z13" s="221">
        <v>586</v>
      </c>
      <c r="AA13" s="222">
        <v>1128</v>
      </c>
      <c r="AB13" s="213">
        <v>0</v>
      </c>
      <c r="AC13" s="221">
        <v>2215</v>
      </c>
      <c r="AD13" s="221">
        <v>1327</v>
      </c>
      <c r="AE13" s="221">
        <v>949</v>
      </c>
      <c r="AF13" s="221">
        <v>756</v>
      </c>
      <c r="AG13" s="221">
        <v>404</v>
      </c>
      <c r="AH13" s="222">
        <v>5651</v>
      </c>
      <c r="AI13" s="223">
        <v>6779</v>
      </c>
    </row>
    <row r="14" spans="2:35" ht="21" customHeight="1" x14ac:dyDescent="0.2">
      <c r="B14" s="49" t="s">
        <v>12</v>
      </c>
      <c r="C14" s="220">
        <v>753</v>
      </c>
      <c r="D14" s="221">
        <v>985</v>
      </c>
      <c r="E14" s="222">
        <v>1738</v>
      </c>
      <c r="F14" s="213">
        <v>0</v>
      </c>
      <c r="G14" s="221">
        <v>1630</v>
      </c>
      <c r="H14" s="221">
        <v>1413</v>
      </c>
      <c r="I14" s="221">
        <v>991</v>
      </c>
      <c r="J14" s="221">
        <v>874</v>
      </c>
      <c r="K14" s="221">
        <v>508</v>
      </c>
      <c r="L14" s="222">
        <v>5416</v>
      </c>
      <c r="M14" s="223">
        <v>7154</v>
      </c>
      <c r="N14" s="224">
        <v>14</v>
      </c>
      <c r="O14" s="221">
        <v>27</v>
      </c>
      <c r="P14" s="222">
        <v>41</v>
      </c>
      <c r="Q14" s="213">
        <v>0</v>
      </c>
      <c r="R14" s="221">
        <v>14</v>
      </c>
      <c r="S14" s="221">
        <v>27</v>
      </c>
      <c r="T14" s="221">
        <v>14</v>
      </c>
      <c r="U14" s="221">
        <v>29</v>
      </c>
      <c r="V14" s="221">
        <v>13</v>
      </c>
      <c r="W14" s="222">
        <v>97</v>
      </c>
      <c r="X14" s="223">
        <v>138</v>
      </c>
      <c r="Y14" s="220">
        <v>767</v>
      </c>
      <c r="Z14" s="221">
        <v>1012</v>
      </c>
      <c r="AA14" s="222">
        <v>1779</v>
      </c>
      <c r="AB14" s="213">
        <v>0</v>
      </c>
      <c r="AC14" s="221">
        <v>1644</v>
      </c>
      <c r="AD14" s="221">
        <v>1440</v>
      </c>
      <c r="AE14" s="221">
        <v>1005</v>
      </c>
      <c r="AF14" s="221">
        <v>903</v>
      </c>
      <c r="AG14" s="221">
        <v>521</v>
      </c>
      <c r="AH14" s="222">
        <v>5513</v>
      </c>
      <c r="AI14" s="223">
        <v>7292</v>
      </c>
    </row>
    <row r="15" spans="2:35" ht="21" customHeight="1" x14ac:dyDescent="0.2">
      <c r="B15" s="49" t="s">
        <v>13</v>
      </c>
      <c r="C15" s="220">
        <v>129</v>
      </c>
      <c r="D15" s="221">
        <v>227</v>
      </c>
      <c r="E15" s="222">
        <v>356</v>
      </c>
      <c r="F15" s="213">
        <v>0</v>
      </c>
      <c r="G15" s="221">
        <v>655</v>
      </c>
      <c r="H15" s="221">
        <v>606</v>
      </c>
      <c r="I15" s="221">
        <v>388</v>
      </c>
      <c r="J15" s="221">
        <v>323</v>
      </c>
      <c r="K15" s="221">
        <v>212</v>
      </c>
      <c r="L15" s="222">
        <v>2184</v>
      </c>
      <c r="M15" s="223">
        <v>2540</v>
      </c>
      <c r="N15" s="224">
        <v>0</v>
      </c>
      <c r="O15" s="221">
        <v>1</v>
      </c>
      <c r="P15" s="222">
        <v>1</v>
      </c>
      <c r="Q15" s="213">
        <v>0</v>
      </c>
      <c r="R15" s="221">
        <v>12</v>
      </c>
      <c r="S15" s="221">
        <v>11</v>
      </c>
      <c r="T15" s="221">
        <v>13</v>
      </c>
      <c r="U15" s="221">
        <v>5</v>
      </c>
      <c r="V15" s="221">
        <v>7</v>
      </c>
      <c r="W15" s="222">
        <v>48</v>
      </c>
      <c r="X15" s="223">
        <v>49</v>
      </c>
      <c r="Y15" s="220">
        <v>129</v>
      </c>
      <c r="Z15" s="221">
        <v>228</v>
      </c>
      <c r="AA15" s="222">
        <v>357</v>
      </c>
      <c r="AB15" s="213">
        <v>0</v>
      </c>
      <c r="AC15" s="221">
        <v>667</v>
      </c>
      <c r="AD15" s="221">
        <v>617</v>
      </c>
      <c r="AE15" s="221">
        <v>401</v>
      </c>
      <c r="AF15" s="221">
        <v>328</v>
      </c>
      <c r="AG15" s="221">
        <v>219</v>
      </c>
      <c r="AH15" s="222">
        <v>2232</v>
      </c>
      <c r="AI15" s="223">
        <v>2589</v>
      </c>
    </row>
    <row r="16" spans="2:35" ht="21" customHeight="1" x14ac:dyDescent="0.2">
      <c r="B16" s="49" t="s">
        <v>15</v>
      </c>
      <c r="C16" s="220">
        <v>81</v>
      </c>
      <c r="D16" s="221">
        <v>181</v>
      </c>
      <c r="E16" s="222">
        <v>262</v>
      </c>
      <c r="F16" s="213">
        <v>0</v>
      </c>
      <c r="G16" s="221">
        <v>479</v>
      </c>
      <c r="H16" s="221">
        <v>551</v>
      </c>
      <c r="I16" s="221">
        <v>307</v>
      </c>
      <c r="J16" s="221">
        <v>237</v>
      </c>
      <c r="K16" s="221">
        <v>136</v>
      </c>
      <c r="L16" s="222">
        <v>1710</v>
      </c>
      <c r="M16" s="223">
        <v>1972</v>
      </c>
      <c r="N16" s="224">
        <v>0</v>
      </c>
      <c r="O16" s="221">
        <v>6</v>
      </c>
      <c r="P16" s="222">
        <v>6</v>
      </c>
      <c r="Q16" s="213">
        <v>0</v>
      </c>
      <c r="R16" s="221">
        <v>7</v>
      </c>
      <c r="S16" s="221">
        <v>15</v>
      </c>
      <c r="T16" s="221">
        <v>1</v>
      </c>
      <c r="U16" s="221">
        <v>3</v>
      </c>
      <c r="V16" s="221">
        <v>6</v>
      </c>
      <c r="W16" s="222">
        <v>32</v>
      </c>
      <c r="X16" s="223">
        <v>38</v>
      </c>
      <c r="Y16" s="220">
        <v>81</v>
      </c>
      <c r="Z16" s="221">
        <v>187</v>
      </c>
      <c r="AA16" s="222">
        <v>268</v>
      </c>
      <c r="AB16" s="213">
        <v>0</v>
      </c>
      <c r="AC16" s="221">
        <v>486</v>
      </c>
      <c r="AD16" s="221">
        <v>566</v>
      </c>
      <c r="AE16" s="221">
        <v>308</v>
      </c>
      <c r="AF16" s="221">
        <v>240</v>
      </c>
      <c r="AG16" s="221">
        <v>142</v>
      </c>
      <c r="AH16" s="222">
        <v>1742</v>
      </c>
      <c r="AI16" s="223">
        <v>2010</v>
      </c>
    </row>
    <row r="17" spans="2:35" ht="21" customHeight="1" x14ac:dyDescent="0.2">
      <c r="B17" s="49" t="s">
        <v>16</v>
      </c>
      <c r="C17" s="220">
        <v>225</v>
      </c>
      <c r="D17" s="221">
        <v>402</v>
      </c>
      <c r="E17" s="222">
        <v>627</v>
      </c>
      <c r="F17" s="213">
        <v>0</v>
      </c>
      <c r="G17" s="221">
        <v>984</v>
      </c>
      <c r="H17" s="221">
        <v>1296</v>
      </c>
      <c r="I17" s="221">
        <v>723</v>
      </c>
      <c r="J17" s="221">
        <v>558</v>
      </c>
      <c r="K17" s="221">
        <v>327</v>
      </c>
      <c r="L17" s="222">
        <v>3888</v>
      </c>
      <c r="M17" s="223">
        <v>4515</v>
      </c>
      <c r="N17" s="224">
        <v>10</v>
      </c>
      <c r="O17" s="221">
        <v>9</v>
      </c>
      <c r="P17" s="222">
        <v>19</v>
      </c>
      <c r="Q17" s="213">
        <v>0</v>
      </c>
      <c r="R17" s="221">
        <v>14</v>
      </c>
      <c r="S17" s="221">
        <v>40</v>
      </c>
      <c r="T17" s="221">
        <v>27</v>
      </c>
      <c r="U17" s="221">
        <v>13</v>
      </c>
      <c r="V17" s="221">
        <v>12</v>
      </c>
      <c r="W17" s="222">
        <v>106</v>
      </c>
      <c r="X17" s="223">
        <v>125</v>
      </c>
      <c r="Y17" s="220">
        <v>235</v>
      </c>
      <c r="Z17" s="221">
        <v>411</v>
      </c>
      <c r="AA17" s="222">
        <v>646</v>
      </c>
      <c r="AB17" s="213">
        <v>0</v>
      </c>
      <c r="AC17" s="221">
        <v>998</v>
      </c>
      <c r="AD17" s="221">
        <v>1336</v>
      </c>
      <c r="AE17" s="221">
        <v>750</v>
      </c>
      <c r="AF17" s="221">
        <v>571</v>
      </c>
      <c r="AG17" s="221">
        <v>339</v>
      </c>
      <c r="AH17" s="222">
        <v>3994</v>
      </c>
      <c r="AI17" s="223">
        <v>4640</v>
      </c>
    </row>
    <row r="18" spans="2:35" ht="21" customHeight="1" x14ac:dyDescent="0.2">
      <c r="B18" s="49" t="s">
        <v>17</v>
      </c>
      <c r="C18" s="220">
        <v>306</v>
      </c>
      <c r="D18" s="221">
        <v>595</v>
      </c>
      <c r="E18" s="222">
        <v>901</v>
      </c>
      <c r="F18" s="213">
        <v>0</v>
      </c>
      <c r="G18" s="221">
        <v>1103</v>
      </c>
      <c r="H18" s="221">
        <v>1651</v>
      </c>
      <c r="I18" s="221">
        <v>937</v>
      </c>
      <c r="J18" s="221">
        <v>695</v>
      </c>
      <c r="K18" s="221">
        <v>465</v>
      </c>
      <c r="L18" s="222">
        <v>4851</v>
      </c>
      <c r="M18" s="223">
        <v>5752</v>
      </c>
      <c r="N18" s="224">
        <v>3</v>
      </c>
      <c r="O18" s="221">
        <v>26</v>
      </c>
      <c r="P18" s="222">
        <v>29</v>
      </c>
      <c r="Q18" s="213">
        <v>0</v>
      </c>
      <c r="R18" s="221">
        <v>19</v>
      </c>
      <c r="S18" s="221">
        <v>64</v>
      </c>
      <c r="T18" s="221">
        <v>34</v>
      </c>
      <c r="U18" s="221">
        <v>22</v>
      </c>
      <c r="V18" s="221">
        <v>21</v>
      </c>
      <c r="W18" s="222">
        <v>160</v>
      </c>
      <c r="X18" s="223">
        <v>189</v>
      </c>
      <c r="Y18" s="220">
        <v>309</v>
      </c>
      <c r="Z18" s="221">
        <v>621</v>
      </c>
      <c r="AA18" s="222">
        <v>930</v>
      </c>
      <c r="AB18" s="213">
        <v>0</v>
      </c>
      <c r="AC18" s="221">
        <v>1122</v>
      </c>
      <c r="AD18" s="221">
        <v>1715</v>
      </c>
      <c r="AE18" s="221">
        <v>971</v>
      </c>
      <c r="AF18" s="221">
        <v>717</v>
      </c>
      <c r="AG18" s="221">
        <v>486</v>
      </c>
      <c r="AH18" s="222">
        <v>5011</v>
      </c>
      <c r="AI18" s="223">
        <v>5941</v>
      </c>
    </row>
    <row r="19" spans="2:35" ht="21" customHeight="1" x14ac:dyDescent="0.2">
      <c r="B19" s="49" t="s">
        <v>18</v>
      </c>
      <c r="C19" s="220">
        <v>342</v>
      </c>
      <c r="D19" s="221">
        <v>641</v>
      </c>
      <c r="E19" s="222">
        <v>983</v>
      </c>
      <c r="F19" s="213">
        <v>0</v>
      </c>
      <c r="G19" s="221">
        <v>1792</v>
      </c>
      <c r="H19" s="221">
        <v>1647</v>
      </c>
      <c r="I19" s="221">
        <v>1059</v>
      </c>
      <c r="J19" s="221">
        <v>753</v>
      </c>
      <c r="K19" s="221">
        <v>450</v>
      </c>
      <c r="L19" s="222">
        <v>5701</v>
      </c>
      <c r="M19" s="223">
        <v>6684</v>
      </c>
      <c r="N19" s="224">
        <v>8</v>
      </c>
      <c r="O19" s="221">
        <v>22</v>
      </c>
      <c r="P19" s="222">
        <v>30</v>
      </c>
      <c r="Q19" s="213">
        <v>0</v>
      </c>
      <c r="R19" s="221">
        <v>45</v>
      </c>
      <c r="S19" s="221">
        <v>60</v>
      </c>
      <c r="T19" s="221">
        <v>39</v>
      </c>
      <c r="U19" s="221">
        <v>28</v>
      </c>
      <c r="V19" s="221">
        <v>21</v>
      </c>
      <c r="W19" s="222">
        <v>193</v>
      </c>
      <c r="X19" s="223">
        <v>223</v>
      </c>
      <c r="Y19" s="220">
        <v>350</v>
      </c>
      <c r="Z19" s="221">
        <v>663</v>
      </c>
      <c r="AA19" s="222">
        <v>1013</v>
      </c>
      <c r="AB19" s="213">
        <v>0</v>
      </c>
      <c r="AC19" s="221">
        <v>1837</v>
      </c>
      <c r="AD19" s="221">
        <v>1707</v>
      </c>
      <c r="AE19" s="221">
        <v>1098</v>
      </c>
      <c r="AF19" s="221">
        <v>781</v>
      </c>
      <c r="AG19" s="221">
        <v>471</v>
      </c>
      <c r="AH19" s="222">
        <v>5894</v>
      </c>
      <c r="AI19" s="223">
        <v>6907</v>
      </c>
    </row>
    <row r="20" spans="2:35" ht="21" customHeight="1" x14ac:dyDescent="0.2">
      <c r="B20" s="49" t="s">
        <v>19</v>
      </c>
      <c r="C20" s="220">
        <v>195</v>
      </c>
      <c r="D20" s="221">
        <v>304</v>
      </c>
      <c r="E20" s="222">
        <v>499</v>
      </c>
      <c r="F20" s="213">
        <v>0</v>
      </c>
      <c r="G20" s="221">
        <v>827</v>
      </c>
      <c r="H20" s="221">
        <v>677</v>
      </c>
      <c r="I20" s="221">
        <v>425</v>
      </c>
      <c r="J20" s="221">
        <v>286</v>
      </c>
      <c r="K20" s="221">
        <v>208</v>
      </c>
      <c r="L20" s="222">
        <v>2423</v>
      </c>
      <c r="M20" s="223">
        <v>2922</v>
      </c>
      <c r="N20" s="224">
        <v>4</v>
      </c>
      <c r="O20" s="221">
        <v>7</v>
      </c>
      <c r="P20" s="222">
        <v>11</v>
      </c>
      <c r="Q20" s="213">
        <v>0</v>
      </c>
      <c r="R20" s="221">
        <v>12</v>
      </c>
      <c r="S20" s="221">
        <v>21</v>
      </c>
      <c r="T20" s="221">
        <v>13</v>
      </c>
      <c r="U20" s="221">
        <v>8</v>
      </c>
      <c r="V20" s="221">
        <v>9</v>
      </c>
      <c r="W20" s="222">
        <v>63</v>
      </c>
      <c r="X20" s="223">
        <v>74</v>
      </c>
      <c r="Y20" s="220">
        <v>199</v>
      </c>
      <c r="Z20" s="221">
        <v>311</v>
      </c>
      <c r="AA20" s="222">
        <v>510</v>
      </c>
      <c r="AB20" s="213">
        <v>0</v>
      </c>
      <c r="AC20" s="221">
        <v>839</v>
      </c>
      <c r="AD20" s="221">
        <v>698</v>
      </c>
      <c r="AE20" s="221">
        <v>438</v>
      </c>
      <c r="AF20" s="221">
        <v>294</v>
      </c>
      <c r="AG20" s="221">
        <v>217</v>
      </c>
      <c r="AH20" s="222">
        <v>2486</v>
      </c>
      <c r="AI20" s="223">
        <v>2996</v>
      </c>
    </row>
    <row r="21" spans="2:35" ht="21" customHeight="1" x14ac:dyDescent="0.2">
      <c r="B21" s="49" t="s">
        <v>20</v>
      </c>
      <c r="C21" s="220">
        <v>207</v>
      </c>
      <c r="D21" s="221">
        <v>435</v>
      </c>
      <c r="E21" s="222">
        <v>642</v>
      </c>
      <c r="F21" s="213">
        <v>0</v>
      </c>
      <c r="G21" s="221">
        <v>1099</v>
      </c>
      <c r="H21" s="221">
        <v>707</v>
      </c>
      <c r="I21" s="221">
        <v>482</v>
      </c>
      <c r="J21" s="221">
        <v>318</v>
      </c>
      <c r="K21" s="221">
        <v>156</v>
      </c>
      <c r="L21" s="222">
        <v>2762</v>
      </c>
      <c r="M21" s="223">
        <v>3404</v>
      </c>
      <c r="N21" s="224">
        <v>3</v>
      </c>
      <c r="O21" s="221">
        <v>23</v>
      </c>
      <c r="P21" s="222">
        <v>26</v>
      </c>
      <c r="Q21" s="213">
        <v>0</v>
      </c>
      <c r="R21" s="221">
        <v>27</v>
      </c>
      <c r="S21" s="221">
        <v>20</v>
      </c>
      <c r="T21" s="221">
        <v>14</v>
      </c>
      <c r="U21" s="221">
        <v>17</v>
      </c>
      <c r="V21" s="221">
        <v>5</v>
      </c>
      <c r="W21" s="222">
        <v>83</v>
      </c>
      <c r="X21" s="223">
        <v>109</v>
      </c>
      <c r="Y21" s="220">
        <v>210</v>
      </c>
      <c r="Z21" s="221">
        <v>458</v>
      </c>
      <c r="AA21" s="222">
        <v>668</v>
      </c>
      <c r="AB21" s="213">
        <v>0</v>
      </c>
      <c r="AC21" s="221">
        <v>1126</v>
      </c>
      <c r="AD21" s="221">
        <v>727</v>
      </c>
      <c r="AE21" s="221">
        <v>496</v>
      </c>
      <c r="AF21" s="221">
        <v>335</v>
      </c>
      <c r="AG21" s="221">
        <v>161</v>
      </c>
      <c r="AH21" s="222">
        <v>2845</v>
      </c>
      <c r="AI21" s="223">
        <v>3513</v>
      </c>
    </row>
    <row r="22" spans="2:35" ht="21" customHeight="1" x14ac:dyDescent="0.2">
      <c r="B22" s="49" t="s">
        <v>21</v>
      </c>
      <c r="C22" s="220">
        <v>279</v>
      </c>
      <c r="D22" s="221">
        <v>448</v>
      </c>
      <c r="E22" s="222">
        <v>727</v>
      </c>
      <c r="F22" s="213">
        <v>0</v>
      </c>
      <c r="G22" s="221">
        <v>957</v>
      </c>
      <c r="H22" s="221">
        <v>1121</v>
      </c>
      <c r="I22" s="221">
        <v>656</v>
      </c>
      <c r="J22" s="221">
        <v>459</v>
      </c>
      <c r="K22" s="221">
        <v>287</v>
      </c>
      <c r="L22" s="222">
        <v>3480</v>
      </c>
      <c r="M22" s="223">
        <v>4207</v>
      </c>
      <c r="N22" s="224">
        <v>6</v>
      </c>
      <c r="O22" s="221">
        <v>15</v>
      </c>
      <c r="P22" s="222">
        <v>21</v>
      </c>
      <c r="Q22" s="213">
        <v>0</v>
      </c>
      <c r="R22" s="221">
        <v>8</v>
      </c>
      <c r="S22" s="221">
        <v>37</v>
      </c>
      <c r="T22" s="221">
        <v>17</v>
      </c>
      <c r="U22" s="221">
        <v>9</v>
      </c>
      <c r="V22" s="221">
        <v>13</v>
      </c>
      <c r="W22" s="222">
        <v>84</v>
      </c>
      <c r="X22" s="223">
        <v>105</v>
      </c>
      <c r="Y22" s="220">
        <v>285</v>
      </c>
      <c r="Z22" s="221">
        <v>463</v>
      </c>
      <c r="AA22" s="222">
        <v>748</v>
      </c>
      <c r="AB22" s="213">
        <v>0</v>
      </c>
      <c r="AC22" s="221">
        <v>965</v>
      </c>
      <c r="AD22" s="221">
        <v>1158</v>
      </c>
      <c r="AE22" s="221">
        <v>673</v>
      </c>
      <c r="AF22" s="221">
        <v>468</v>
      </c>
      <c r="AG22" s="221">
        <v>300</v>
      </c>
      <c r="AH22" s="222">
        <v>3564</v>
      </c>
      <c r="AI22" s="223">
        <v>4312</v>
      </c>
    </row>
    <row r="23" spans="2:35" ht="21" customHeight="1" x14ac:dyDescent="0.2">
      <c r="B23" s="49" t="s">
        <v>22</v>
      </c>
      <c r="C23" s="220">
        <v>64</v>
      </c>
      <c r="D23" s="221">
        <v>161</v>
      </c>
      <c r="E23" s="222">
        <v>225</v>
      </c>
      <c r="F23" s="213">
        <v>0</v>
      </c>
      <c r="G23" s="221">
        <v>417</v>
      </c>
      <c r="H23" s="221">
        <v>387</v>
      </c>
      <c r="I23" s="221">
        <v>205</v>
      </c>
      <c r="J23" s="221">
        <v>140</v>
      </c>
      <c r="K23" s="221">
        <v>84</v>
      </c>
      <c r="L23" s="222">
        <v>1233</v>
      </c>
      <c r="M23" s="223">
        <v>1458</v>
      </c>
      <c r="N23" s="224">
        <v>0</v>
      </c>
      <c r="O23" s="221">
        <v>6</v>
      </c>
      <c r="P23" s="222">
        <v>6</v>
      </c>
      <c r="Q23" s="213">
        <v>0</v>
      </c>
      <c r="R23" s="221">
        <v>12</v>
      </c>
      <c r="S23" s="221">
        <v>5</v>
      </c>
      <c r="T23" s="221">
        <v>6</v>
      </c>
      <c r="U23" s="221">
        <v>6</v>
      </c>
      <c r="V23" s="221">
        <v>2</v>
      </c>
      <c r="W23" s="222">
        <v>31</v>
      </c>
      <c r="X23" s="223">
        <v>37</v>
      </c>
      <c r="Y23" s="220">
        <v>64</v>
      </c>
      <c r="Z23" s="221">
        <v>167</v>
      </c>
      <c r="AA23" s="222">
        <v>231</v>
      </c>
      <c r="AB23" s="213">
        <v>0</v>
      </c>
      <c r="AC23" s="221">
        <v>429</v>
      </c>
      <c r="AD23" s="221">
        <v>392</v>
      </c>
      <c r="AE23" s="221">
        <v>211</v>
      </c>
      <c r="AF23" s="221">
        <v>146</v>
      </c>
      <c r="AG23" s="221">
        <v>86</v>
      </c>
      <c r="AH23" s="222">
        <v>1264</v>
      </c>
      <c r="AI23" s="223">
        <v>1495</v>
      </c>
    </row>
    <row r="24" spans="2:35" ht="21" customHeight="1" x14ac:dyDescent="0.2">
      <c r="B24" s="49" t="s">
        <v>23</v>
      </c>
      <c r="C24" s="220">
        <v>131</v>
      </c>
      <c r="D24" s="221">
        <v>261</v>
      </c>
      <c r="E24" s="222">
        <v>392</v>
      </c>
      <c r="F24" s="213">
        <v>0</v>
      </c>
      <c r="G24" s="221">
        <v>630</v>
      </c>
      <c r="H24" s="221">
        <v>559</v>
      </c>
      <c r="I24" s="221">
        <v>313</v>
      </c>
      <c r="J24" s="221">
        <v>266</v>
      </c>
      <c r="K24" s="221">
        <v>139</v>
      </c>
      <c r="L24" s="222">
        <v>1907</v>
      </c>
      <c r="M24" s="223">
        <v>2299</v>
      </c>
      <c r="N24" s="224">
        <v>4</v>
      </c>
      <c r="O24" s="221">
        <v>8</v>
      </c>
      <c r="P24" s="222">
        <v>12</v>
      </c>
      <c r="Q24" s="213">
        <v>0</v>
      </c>
      <c r="R24" s="221">
        <v>4</v>
      </c>
      <c r="S24" s="221">
        <v>17</v>
      </c>
      <c r="T24" s="221">
        <v>6</v>
      </c>
      <c r="U24" s="221">
        <v>9</v>
      </c>
      <c r="V24" s="221">
        <v>6</v>
      </c>
      <c r="W24" s="222">
        <v>42</v>
      </c>
      <c r="X24" s="223">
        <v>54</v>
      </c>
      <c r="Y24" s="220">
        <v>135</v>
      </c>
      <c r="Z24" s="221">
        <v>269</v>
      </c>
      <c r="AA24" s="222">
        <v>404</v>
      </c>
      <c r="AB24" s="213">
        <v>0</v>
      </c>
      <c r="AC24" s="221">
        <v>634</v>
      </c>
      <c r="AD24" s="221">
        <v>576</v>
      </c>
      <c r="AE24" s="221">
        <v>319</v>
      </c>
      <c r="AF24" s="221">
        <v>275</v>
      </c>
      <c r="AG24" s="221">
        <v>145</v>
      </c>
      <c r="AH24" s="222">
        <v>1949</v>
      </c>
      <c r="AI24" s="223">
        <v>2353</v>
      </c>
    </row>
    <row r="25" spans="2:35" ht="21" customHeight="1" x14ac:dyDescent="0.2">
      <c r="B25" s="49" t="s">
        <v>24</v>
      </c>
      <c r="C25" s="220">
        <v>118</v>
      </c>
      <c r="D25" s="221">
        <v>112</v>
      </c>
      <c r="E25" s="222">
        <v>230</v>
      </c>
      <c r="F25" s="213">
        <v>0</v>
      </c>
      <c r="G25" s="221">
        <v>322</v>
      </c>
      <c r="H25" s="221">
        <v>239</v>
      </c>
      <c r="I25" s="221">
        <v>163</v>
      </c>
      <c r="J25" s="221">
        <v>127</v>
      </c>
      <c r="K25" s="221">
        <v>94</v>
      </c>
      <c r="L25" s="222">
        <v>945</v>
      </c>
      <c r="M25" s="223">
        <v>1175</v>
      </c>
      <c r="N25" s="224">
        <v>1</v>
      </c>
      <c r="O25" s="221">
        <v>1</v>
      </c>
      <c r="P25" s="222">
        <v>2</v>
      </c>
      <c r="Q25" s="213">
        <v>0</v>
      </c>
      <c r="R25" s="221">
        <v>4</v>
      </c>
      <c r="S25" s="221">
        <v>8</v>
      </c>
      <c r="T25" s="221">
        <v>3</v>
      </c>
      <c r="U25" s="221">
        <v>1</v>
      </c>
      <c r="V25" s="221">
        <v>1</v>
      </c>
      <c r="W25" s="222">
        <v>17</v>
      </c>
      <c r="X25" s="223">
        <v>19</v>
      </c>
      <c r="Y25" s="220">
        <v>119</v>
      </c>
      <c r="Z25" s="221">
        <v>113</v>
      </c>
      <c r="AA25" s="222">
        <v>232</v>
      </c>
      <c r="AB25" s="213">
        <v>0</v>
      </c>
      <c r="AC25" s="221">
        <v>326</v>
      </c>
      <c r="AD25" s="221">
        <v>247</v>
      </c>
      <c r="AE25" s="221">
        <v>166</v>
      </c>
      <c r="AF25" s="221">
        <v>128</v>
      </c>
      <c r="AG25" s="221">
        <v>95</v>
      </c>
      <c r="AH25" s="222">
        <v>962</v>
      </c>
      <c r="AI25" s="223">
        <v>1194</v>
      </c>
    </row>
    <row r="26" spans="2:35" ht="21" customHeight="1" x14ac:dyDescent="0.2">
      <c r="B26" s="49" t="s">
        <v>25</v>
      </c>
      <c r="C26" s="220">
        <v>98</v>
      </c>
      <c r="D26" s="221">
        <v>155</v>
      </c>
      <c r="E26" s="222">
        <v>253</v>
      </c>
      <c r="F26" s="213">
        <v>0</v>
      </c>
      <c r="G26" s="221">
        <v>390</v>
      </c>
      <c r="H26" s="221">
        <v>287</v>
      </c>
      <c r="I26" s="221">
        <v>152</v>
      </c>
      <c r="J26" s="221">
        <v>129</v>
      </c>
      <c r="K26" s="221">
        <v>67</v>
      </c>
      <c r="L26" s="222">
        <v>1025</v>
      </c>
      <c r="M26" s="223">
        <v>1278</v>
      </c>
      <c r="N26" s="224">
        <v>0</v>
      </c>
      <c r="O26" s="221">
        <v>6</v>
      </c>
      <c r="P26" s="222">
        <v>6</v>
      </c>
      <c r="Q26" s="213">
        <v>0</v>
      </c>
      <c r="R26" s="221">
        <v>7</v>
      </c>
      <c r="S26" s="221">
        <v>11</v>
      </c>
      <c r="T26" s="221">
        <v>3</v>
      </c>
      <c r="U26" s="221">
        <v>3</v>
      </c>
      <c r="V26" s="221">
        <v>3</v>
      </c>
      <c r="W26" s="222">
        <v>27</v>
      </c>
      <c r="X26" s="223">
        <v>33</v>
      </c>
      <c r="Y26" s="220">
        <v>98</v>
      </c>
      <c r="Z26" s="221">
        <v>161</v>
      </c>
      <c r="AA26" s="222">
        <v>259</v>
      </c>
      <c r="AB26" s="213">
        <v>0</v>
      </c>
      <c r="AC26" s="221">
        <v>397</v>
      </c>
      <c r="AD26" s="221">
        <v>298</v>
      </c>
      <c r="AE26" s="221">
        <v>155</v>
      </c>
      <c r="AF26" s="221">
        <v>132</v>
      </c>
      <c r="AG26" s="221">
        <v>70</v>
      </c>
      <c r="AH26" s="222">
        <v>1052</v>
      </c>
      <c r="AI26" s="223">
        <v>1311</v>
      </c>
    </row>
    <row r="27" spans="2:35" ht="21" customHeight="1" x14ac:dyDescent="0.2">
      <c r="B27" s="49" t="s">
        <v>26</v>
      </c>
      <c r="C27" s="220">
        <v>80</v>
      </c>
      <c r="D27" s="221">
        <v>101</v>
      </c>
      <c r="E27" s="222">
        <v>181</v>
      </c>
      <c r="F27" s="213">
        <v>0</v>
      </c>
      <c r="G27" s="221">
        <v>312</v>
      </c>
      <c r="H27" s="221">
        <v>267</v>
      </c>
      <c r="I27" s="221">
        <v>164</v>
      </c>
      <c r="J27" s="221">
        <v>112</v>
      </c>
      <c r="K27" s="221">
        <v>90</v>
      </c>
      <c r="L27" s="222">
        <v>945</v>
      </c>
      <c r="M27" s="223">
        <v>1126</v>
      </c>
      <c r="N27" s="224">
        <v>0</v>
      </c>
      <c r="O27" s="221">
        <v>1</v>
      </c>
      <c r="P27" s="222">
        <v>1</v>
      </c>
      <c r="Q27" s="213">
        <v>0</v>
      </c>
      <c r="R27" s="221">
        <v>10</v>
      </c>
      <c r="S27" s="221">
        <v>4</v>
      </c>
      <c r="T27" s="221">
        <v>1</v>
      </c>
      <c r="U27" s="221">
        <v>3</v>
      </c>
      <c r="V27" s="221">
        <v>2</v>
      </c>
      <c r="W27" s="222">
        <v>20</v>
      </c>
      <c r="X27" s="223">
        <v>21</v>
      </c>
      <c r="Y27" s="220">
        <v>80</v>
      </c>
      <c r="Z27" s="221">
        <v>102</v>
      </c>
      <c r="AA27" s="222">
        <v>182</v>
      </c>
      <c r="AB27" s="213">
        <v>0</v>
      </c>
      <c r="AC27" s="221">
        <v>322</v>
      </c>
      <c r="AD27" s="221">
        <v>271</v>
      </c>
      <c r="AE27" s="221">
        <v>165</v>
      </c>
      <c r="AF27" s="221">
        <v>115</v>
      </c>
      <c r="AG27" s="221">
        <v>92</v>
      </c>
      <c r="AH27" s="222">
        <v>965</v>
      </c>
      <c r="AI27" s="223">
        <v>1147</v>
      </c>
    </row>
    <row r="28" spans="2:35" ht="21" customHeight="1" x14ac:dyDescent="0.2">
      <c r="B28" s="49" t="s">
        <v>27</v>
      </c>
      <c r="C28" s="220">
        <v>122</v>
      </c>
      <c r="D28" s="221">
        <v>170</v>
      </c>
      <c r="E28" s="222">
        <v>292</v>
      </c>
      <c r="F28" s="213">
        <v>0</v>
      </c>
      <c r="G28" s="221">
        <v>254</v>
      </c>
      <c r="H28" s="221">
        <v>201</v>
      </c>
      <c r="I28" s="221">
        <v>160</v>
      </c>
      <c r="J28" s="221">
        <v>119</v>
      </c>
      <c r="K28" s="221">
        <v>55</v>
      </c>
      <c r="L28" s="222">
        <v>789</v>
      </c>
      <c r="M28" s="223">
        <v>1081</v>
      </c>
      <c r="N28" s="224">
        <v>1</v>
      </c>
      <c r="O28" s="221">
        <v>4</v>
      </c>
      <c r="P28" s="222">
        <v>5</v>
      </c>
      <c r="Q28" s="213">
        <v>0</v>
      </c>
      <c r="R28" s="221">
        <v>7</v>
      </c>
      <c r="S28" s="221">
        <v>4</v>
      </c>
      <c r="T28" s="221">
        <v>2</v>
      </c>
      <c r="U28" s="221">
        <v>3</v>
      </c>
      <c r="V28" s="221">
        <v>3</v>
      </c>
      <c r="W28" s="222">
        <v>19</v>
      </c>
      <c r="X28" s="223">
        <v>24</v>
      </c>
      <c r="Y28" s="220">
        <v>123</v>
      </c>
      <c r="Z28" s="221">
        <v>174</v>
      </c>
      <c r="AA28" s="222">
        <v>297</v>
      </c>
      <c r="AB28" s="213">
        <v>0</v>
      </c>
      <c r="AC28" s="221">
        <v>261</v>
      </c>
      <c r="AD28" s="221">
        <v>205</v>
      </c>
      <c r="AE28" s="221">
        <v>162</v>
      </c>
      <c r="AF28" s="221">
        <v>122</v>
      </c>
      <c r="AG28" s="221">
        <v>58</v>
      </c>
      <c r="AH28" s="222">
        <v>808</v>
      </c>
      <c r="AI28" s="223">
        <v>1105</v>
      </c>
    </row>
    <row r="29" spans="2:35" ht="21" customHeight="1" x14ac:dyDescent="0.2">
      <c r="B29" s="49" t="s">
        <v>28</v>
      </c>
      <c r="C29" s="220">
        <v>11</v>
      </c>
      <c r="D29" s="221">
        <v>20</v>
      </c>
      <c r="E29" s="222">
        <v>31</v>
      </c>
      <c r="F29" s="213">
        <v>0</v>
      </c>
      <c r="G29" s="221">
        <v>76</v>
      </c>
      <c r="H29" s="221">
        <v>97</v>
      </c>
      <c r="I29" s="221">
        <v>44</v>
      </c>
      <c r="J29" s="221">
        <v>42</v>
      </c>
      <c r="K29" s="221">
        <v>23</v>
      </c>
      <c r="L29" s="222">
        <v>282</v>
      </c>
      <c r="M29" s="223">
        <v>313</v>
      </c>
      <c r="N29" s="224">
        <v>0</v>
      </c>
      <c r="O29" s="221">
        <v>1</v>
      </c>
      <c r="P29" s="222">
        <v>1</v>
      </c>
      <c r="Q29" s="213">
        <v>0</v>
      </c>
      <c r="R29" s="221">
        <v>0</v>
      </c>
      <c r="S29" s="221">
        <v>2</v>
      </c>
      <c r="T29" s="221">
        <v>0</v>
      </c>
      <c r="U29" s="221">
        <v>0</v>
      </c>
      <c r="V29" s="221">
        <v>4</v>
      </c>
      <c r="W29" s="222">
        <v>6</v>
      </c>
      <c r="X29" s="223">
        <v>7</v>
      </c>
      <c r="Y29" s="220">
        <v>11</v>
      </c>
      <c r="Z29" s="221">
        <v>21</v>
      </c>
      <c r="AA29" s="222">
        <v>32</v>
      </c>
      <c r="AB29" s="213">
        <v>0</v>
      </c>
      <c r="AC29" s="221">
        <v>76</v>
      </c>
      <c r="AD29" s="221">
        <v>99</v>
      </c>
      <c r="AE29" s="221">
        <v>44</v>
      </c>
      <c r="AF29" s="221">
        <v>42</v>
      </c>
      <c r="AG29" s="221">
        <v>27</v>
      </c>
      <c r="AH29" s="222">
        <v>288</v>
      </c>
      <c r="AI29" s="223">
        <v>320</v>
      </c>
    </row>
    <row r="30" spans="2:35" ht="21" customHeight="1" x14ac:dyDescent="0.2">
      <c r="B30" s="49" t="s">
        <v>29</v>
      </c>
      <c r="C30" s="220">
        <v>30</v>
      </c>
      <c r="D30" s="221">
        <v>31</v>
      </c>
      <c r="E30" s="222">
        <v>61</v>
      </c>
      <c r="F30" s="213">
        <v>0</v>
      </c>
      <c r="G30" s="221">
        <v>91</v>
      </c>
      <c r="H30" s="221">
        <v>111</v>
      </c>
      <c r="I30" s="221">
        <v>60</v>
      </c>
      <c r="J30" s="221">
        <v>54</v>
      </c>
      <c r="K30" s="221">
        <v>29</v>
      </c>
      <c r="L30" s="222">
        <v>345</v>
      </c>
      <c r="M30" s="223">
        <v>406</v>
      </c>
      <c r="N30" s="224">
        <v>1</v>
      </c>
      <c r="O30" s="221">
        <v>2</v>
      </c>
      <c r="P30" s="222">
        <v>3</v>
      </c>
      <c r="Q30" s="213">
        <v>0</v>
      </c>
      <c r="R30" s="221">
        <v>2</v>
      </c>
      <c r="S30" s="221">
        <v>2</v>
      </c>
      <c r="T30" s="221">
        <v>3</v>
      </c>
      <c r="U30" s="221">
        <v>1</v>
      </c>
      <c r="V30" s="221">
        <v>0</v>
      </c>
      <c r="W30" s="222">
        <v>8</v>
      </c>
      <c r="X30" s="223">
        <v>11</v>
      </c>
      <c r="Y30" s="220">
        <v>31</v>
      </c>
      <c r="Z30" s="221">
        <v>33</v>
      </c>
      <c r="AA30" s="222">
        <v>64</v>
      </c>
      <c r="AB30" s="213">
        <v>0</v>
      </c>
      <c r="AC30" s="221">
        <v>93</v>
      </c>
      <c r="AD30" s="221">
        <v>113</v>
      </c>
      <c r="AE30" s="221">
        <v>63</v>
      </c>
      <c r="AF30" s="221">
        <v>55</v>
      </c>
      <c r="AG30" s="221">
        <v>29</v>
      </c>
      <c r="AH30" s="222">
        <v>353</v>
      </c>
      <c r="AI30" s="223">
        <v>417</v>
      </c>
    </row>
    <row r="31" spans="2:35" ht="21" customHeight="1" x14ac:dyDescent="0.2">
      <c r="B31" s="49" t="s">
        <v>30</v>
      </c>
      <c r="C31" s="220">
        <v>37</v>
      </c>
      <c r="D31" s="221">
        <v>31</v>
      </c>
      <c r="E31" s="222">
        <v>68</v>
      </c>
      <c r="F31" s="213">
        <v>0</v>
      </c>
      <c r="G31" s="221">
        <v>103</v>
      </c>
      <c r="H31" s="221">
        <v>86</v>
      </c>
      <c r="I31" s="221">
        <v>59</v>
      </c>
      <c r="J31" s="221">
        <v>49</v>
      </c>
      <c r="K31" s="221">
        <v>18</v>
      </c>
      <c r="L31" s="222">
        <v>315</v>
      </c>
      <c r="M31" s="223">
        <v>383</v>
      </c>
      <c r="N31" s="224">
        <v>1</v>
      </c>
      <c r="O31" s="221">
        <v>0</v>
      </c>
      <c r="P31" s="222">
        <v>1</v>
      </c>
      <c r="Q31" s="213">
        <v>0</v>
      </c>
      <c r="R31" s="221">
        <v>1</v>
      </c>
      <c r="S31" s="221">
        <v>0</v>
      </c>
      <c r="T31" s="221">
        <v>2</v>
      </c>
      <c r="U31" s="221">
        <v>1</v>
      </c>
      <c r="V31" s="221">
        <v>0</v>
      </c>
      <c r="W31" s="222">
        <v>4</v>
      </c>
      <c r="X31" s="223">
        <v>5</v>
      </c>
      <c r="Y31" s="220">
        <v>38</v>
      </c>
      <c r="Z31" s="221">
        <v>31</v>
      </c>
      <c r="AA31" s="222">
        <v>69</v>
      </c>
      <c r="AB31" s="213">
        <v>0</v>
      </c>
      <c r="AC31" s="221">
        <v>104</v>
      </c>
      <c r="AD31" s="221">
        <v>86</v>
      </c>
      <c r="AE31" s="221">
        <v>61</v>
      </c>
      <c r="AF31" s="221">
        <v>50</v>
      </c>
      <c r="AG31" s="221">
        <v>18</v>
      </c>
      <c r="AH31" s="222">
        <v>319</v>
      </c>
      <c r="AI31" s="223">
        <v>388</v>
      </c>
    </row>
    <row r="32" spans="2:35" ht="21" customHeight="1" x14ac:dyDescent="0.2">
      <c r="B32" s="49" t="s">
        <v>31</v>
      </c>
      <c r="C32" s="220">
        <v>26</v>
      </c>
      <c r="D32" s="221">
        <v>49</v>
      </c>
      <c r="E32" s="222">
        <v>75</v>
      </c>
      <c r="F32" s="213">
        <v>0</v>
      </c>
      <c r="G32" s="221">
        <v>111</v>
      </c>
      <c r="H32" s="221">
        <v>105</v>
      </c>
      <c r="I32" s="221">
        <v>58</v>
      </c>
      <c r="J32" s="221">
        <v>31</v>
      </c>
      <c r="K32" s="221">
        <v>17</v>
      </c>
      <c r="L32" s="222">
        <v>322</v>
      </c>
      <c r="M32" s="223">
        <v>397</v>
      </c>
      <c r="N32" s="224">
        <v>0</v>
      </c>
      <c r="O32" s="221">
        <v>1</v>
      </c>
      <c r="P32" s="222">
        <v>1</v>
      </c>
      <c r="Q32" s="213">
        <v>0</v>
      </c>
      <c r="R32" s="221">
        <v>4</v>
      </c>
      <c r="S32" s="221">
        <v>1</v>
      </c>
      <c r="T32" s="221">
        <v>0</v>
      </c>
      <c r="U32" s="221">
        <v>2</v>
      </c>
      <c r="V32" s="221">
        <v>2</v>
      </c>
      <c r="W32" s="222">
        <v>9</v>
      </c>
      <c r="X32" s="223">
        <v>10</v>
      </c>
      <c r="Y32" s="220">
        <v>26</v>
      </c>
      <c r="Z32" s="221">
        <v>50</v>
      </c>
      <c r="AA32" s="222">
        <v>76</v>
      </c>
      <c r="AB32" s="213">
        <v>0</v>
      </c>
      <c r="AC32" s="221">
        <v>115</v>
      </c>
      <c r="AD32" s="221">
        <v>106</v>
      </c>
      <c r="AE32" s="221">
        <v>58</v>
      </c>
      <c r="AF32" s="221">
        <v>33</v>
      </c>
      <c r="AG32" s="221">
        <v>19</v>
      </c>
      <c r="AH32" s="222">
        <v>331</v>
      </c>
      <c r="AI32" s="223">
        <v>407</v>
      </c>
    </row>
    <row r="33" spans="2:35" ht="21" customHeight="1" x14ac:dyDescent="0.2">
      <c r="B33" s="49" t="s">
        <v>32</v>
      </c>
      <c r="C33" s="220">
        <v>34</v>
      </c>
      <c r="D33" s="221">
        <v>45</v>
      </c>
      <c r="E33" s="222">
        <v>79</v>
      </c>
      <c r="F33" s="213">
        <v>0</v>
      </c>
      <c r="G33" s="221">
        <v>146</v>
      </c>
      <c r="H33" s="221">
        <v>115</v>
      </c>
      <c r="I33" s="221">
        <v>61</v>
      </c>
      <c r="J33" s="221">
        <v>55</v>
      </c>
      <c r="K33" s="221">
        <v>30</v>
      </c>
      <c r="L33" s="222">
        <v>407</v>
      </c>
      <c r="M33" s="223">
        <v>486</v>
      </c>
      <c r="N33" s="224">
        <v>0</v>
      </c>
      <c r="O33" s="221">
        <v>1</v>
      </c>
      <c r="P33" s="222">
        <v>1</v>
      </c>
      <c r="Q33" s="213">
        <v>0</v>
      </c>
      <c r="R33" s="221">
        <v>8</v>
      </c>
      <c r="S33" s="221">
        <v>6</v>
      </c>
      <c r="T33" s="221">
        <v>1</v>
      </c>
      <c r="U33" s="221">
        <v>2</v>
      </c>
      <c r="V33" s="221">
        <v>2</v>
      </c>
      <c r="W33" s="222">
        <v>19</v>
      </c>
      <c r="X33" s="223">
        <v>20</v>
      </c>
      <c r="Y33" s="220">
        <v>34</v>
      </c>
      <c r="Z33" s="221">
        <v>46</v>
      </c>
      <c r="AA33" s="222">
        <v>80</v>
      </c>
      <c r="AB33" s="213">
        <v>0</v>
      </c>
      <c r="AC33" s="221">
        <v>154</v>
      </c>
      <c r="AD33" s="221">
        <v>121</v>
      </c>
      <c r="AE33" s="221">
        <v>62</v>
      </c>
      <c r="AF33" s="221">
        <v>57</v>
      </c>
      <c r="AG33" s="221">
        <v>32</v>
      </c>
      <c r="AH33" s="222">
        <v>426</v>
      </c>
      <c r="AI33" s="223">
        <v>506</v>
      </c>
    </row>
    <row r="34" spans="2:35" ht="21" customHeight="1" x14ac:dyDescent="0.2">
      <c r="B34" s="49" t="s">
        <v>33</v>
      </c>
      <c r="C34" s="220">
        <v>41</v>
      </c>
      <c r="D34" s="221">
        <v>60</v>
      </c>
      <c r="E34" s="222">
        <v>101</v>
      </c>
      <c r="F34" s="213">
        <v>0</v>
      </c>
      <c r="G34" s="221">
        <v>133</v>
      </c>
      <c r="H34" s="221">
        <v>86</v>
      </c>
      <c r="I34" s="221">
        <v>51</v>
      </c>
      <c r="J34" s="221">
        <v>34</v>
      </c>
      <c r="K34" s="221">
        <v>26</v>
      </c>
      <c r="L34" s="222">
        <v>330</v>
      </c>
      <c r="M34" s="223">
        <v>431</v>
      </c>
      <c r="N34" s="224">
        <v>0</v>
      </c>
      <c r="O34" s="221">
        <v>0</v>
      </c>
      <c r="P34" s="222">
        <v>0</v>
      </c>
      <c r="Q34" s="213">
        <v>0</v>
      </c>
      <c r="R34" s="221">
        <v>3</v>
      </c>
      <c r="S34" s="221">
        <v>1</v>
      </c>
      <c r="T34" s="221">
        <v>0</v>
      </c>
      <c r="U34" s="221">
        <v>1</v>
      </c>
      <c r="V34" s="221">
        <v>1</v>
      </c>
      <c r="W34" s="222">
        <v>6</v>
      </c>
      <c r="X34" s="223">
        <v>6</v>
      </c>
      <c r="Y34" s="220">
        <v>41</v>
      </c>
      <c r="Z34" s="221">
        <v>60</v>
      </c>
      <c r="AA34" s="222">
        <v>101</v>
      </c>
      <c r="AB34" s="213">
        <v>0</v>
      </c>
      <c r="AC34" s="221">
        <v>136</v>
      </c>
      <c r="AD34" s="221">
        <v>87</v>
      </c>
      <c r="AE34" s="221">
        <v>51</v>
      </c>
      <c r="AF34" s="221">
        <v>35</v>
      </c>
      <c r="AG34" s="221">
        <v>27</v>
      </c>
      <c r="AH34" s="222">
        <v>336</v>
      </c>
      <c r="AI34" s="223">
        <v>437</v>
      </c>
    </row>
    <row r="35" spans="2:35" ht="21" customHeight="1" x14ac:dyDescent="0.2">
      <c r="B35" s="49" t="s">
        <v>34</v>
      </c>
      <c r="C35" s="220">
        <v>19</v>
      </c>
      <c r="D35" s="221">
        <v>26</v>
      </c>
      <c r="E35" s="222">
        <v>45</v>
      </c>
      <c r="F35" s="213">
        <v>0</v>
      </c>
      <c r="G35" s="221">
        <v>95</v>
      </c>
      <c r="H35" s="221">
        <v>73</v>
      </c>
      <c r="I35" s="221">
        <v>40</v>
      </c>
      <c r="J35" s="221">
        <v>35</v>
      </c>
      <c r="K35" s="221">
        <v>16</v>
      </c>
      <c r="L35" s="222">
        <v>259</v>
      </c>
      <c r="M35" s="223">
        <v>304</v>
      </c>
      <c r="N35" s="224">
        <v>0</v>
      </c>
      <c r="O35" s="221">
        <v>0</v>
      </c>
      <c r="P35" s="222">
        <v>0</v>
      </c>
      <c r="Q35" s="213">
        <v>0</v>
      </c>
      <c r="R35" s="221">
        <v>4</v>
      </c>
      <c r="S35" s="221">
        <v>2</v>
      </c>
      <c r="T35" s="221">
        <v>2</v>
      </c>
      <c r="U35" s="221">
        <v>1</v>
      </c>
      <c r="V35" s="221">
        <v>1</v>
      </c>
      <c r="W35" s="222">
        <v>10</v>
      </c>
      <c r="X35" s="223">
        <v>10</v>
      </c>
      <c r="Y35" s="220">
        <v>19</v>
      </c>
      <c r="Z35" s="221">
        <v>26</v>
      </c>
      <c r="AA35" s="222">
        <v>45</v>
      </c>
      <c r="AB35" s="213">
        <v>0</v>
      </c>
      <c r="AC35" s="221">
        <v>99</v>
      </c>
      <c r="AD35" s="221">
        <v>75</v>
      </c>
      <c r="AE35" s="221">
        <v>42</v>
      </c>
      <c r="AF35" s="221">
        <v>36</v>
      </c>
      <c r="AG35" s="221">
        <v>17</v>
      </c>
      <c r="AH35" s="222">
        <v>269</v>
      </c>
      <c r="AI35" s="223">
        <v>314</v>
      </c>
    </row>
    <row r="36" spans="2:35" ht="21" customHeight="1" x14ac:dyDescent="0.2">
      <c r="B36" s="49" t="s">
        <v>35</v>
      </c>
      <c r="C36" s="220">
        <v>71</v>
      </c>
      <c r="D36" s="221">
        <v>103</v>
      </c>
      <c r="E36" s="222">
        <v>174</v>
      </c>
      <c r="F36" s="213">
        <v>0</v>
      </c>
      <c r="G36" s="221">
        <v>378</v>
      </c>
      <c r="H36" s="221">
        <v>246</v>
      </c>
      <c r="I36" s="221">
        <v>137</v>
      </c>
      <c r="J36" s="221">
        <v>120</v>
      </c>
      <c r="K36" s="221">
        <v>43</v>
      </c>
      <c r="L36" s="222">
        <v>924</v>
      </c>
      <c r="M36" s="223">
        <v>1098</v>
      </c>
      <c r="N36" s="224">
        <v>0</v>
      </c>
      <c r="O36" s="221">
        <v>1</v>
      </c>
      <c r="P36" s="222">
        <v>1</v>
      </c>
      <c r="Q36" s="213">
        <v>0</v>
      </c>
      <c r="R36" s="221">
        <v>2</v>
      </c>
      <c r="S36" s="221">
        <v>6</v>
      </c>
      <c r="T36" s="221">
        <v>1</v>
      </c>
      <c r="U36" s="221">
        <v>1</v>
      </c>
      <c r="V36" s="221">
        <v>2</v>
      </c>
      <c r="W36" s="222">
        <v>12</v>
      </c>
      <c r="X36" s="223">
        <v>13</v>
      </c>
      <c r="Y36" s="220">
        <v>71</v>
      </c>
      <c r="Z36" s="221">
        <v>104</v>
      </c>
      <c r="AA36" s="222">
        <v>175</v>
      </c>
      <c r="AB36" s="213">
        <v>0</v>
      </c>
      <c r="AC36" s="221">
        <v>380</v>
      </c>
      <c r="AD36" s="221">
        <v>252</v>
      </c>
      <c r="AE36" s="221">
        <v>138</v>
      </c>
      <c r="AF36" s="221">
        <v>121</v>
      </c>
      <c r="AG36" s="221">
        <v>45</v>
      </c>
      <c r="AH36" s="222">
        <v>936</v>
      </c>
      <c r="AI36" s="223">
        <v>1111</v>
      </c>
    </row>
    <row r="37" spans="2:35" ht="21" customHeight="1" x14ac:dyDescent="0.2">
      <c r="B37" s="49" t="s">
        <v>36</v>
      </c>
      <c r="C37" s="220">
        <v>56</v>
      </c>
      <c r="D37" s="221">
        <v>121</v>
      </c>
      <c r="E37" s="222">
        <v>177</v>
      </c>
      <c r="F37" s="213">
        <v>0</v>
      </c>
      <c r="G37" s="221">
        <v>280</v>
      </c>
      <c r="H37" s="221">
        <v>262</v>
      </c>
      <c r="I37" s="221">
        <v>163</v>
      </c>
      <c r="J37" s="221">
        <v>103</v>
      </c>
      <c r="K37" s="221">
        <v>66</v>
      </c>
      <c r="L37" s="222">
        <v>874</v>
      </c>
      <c r="M37" s="223">
        <v>1051</v>
      </c>
      <c r="N37" s="224">
        <v>1</v>
      </c>
      <c r="O37" s="221">
        <v>4</v>
      </c>
      <c r="P37" s="222">
        <v>5</v>
      </c>
      <c r="Q37" s="213">
        <v>0</v>
      </c>
      <c r="R37" s="221">
        <v>3</v>
      </c>
      <c r="S37" s="221">
        <v>7</v>
      </c>
      <c r="T37" s="221">
        <v>6</v>
      </c>
      <c r="U37" s="221">
        <v>0</v>
      </c>
      <c r="V37" s="221">
        <v>0</v>
      </c>
      <c r="W37" s="222">
        <v>16</v>
      </c>
      <c r="X37" s="223">
        <v>21</v>
      </c>
      <c r="Y37" s="220">
        <v>57</v>
      </c>
      <c r="Z37" s="221">
        <v>125</v>
      </c>
      <c r="AA37" s="222">
        <v>182</v>
      </c>
      <c r="AB37" s="213">
        <v>0</v>
      </c>
      <c r="AC37" s="221">
        <v>283</v>
      </c>
      <c r="AD37" s="221">
        <v>269</v>
      </c>
      <c r="AE37" s="221">
        <v>169</v>
      </c>
      <c r="AF37" s="221">
        <v>103</v>
      </c>
      <c r="AG37" s="221">
        <v>66</v>
      </c>
      <c r="AH37" s="222">
        <v>890</v>
      </c>
      <c r="AI37" s="223">
        <v>1072</v>
      </c>
    </row>
    <row r="38" spans="2:35" ht="21" customHeight="1" thickBot="1" x14ac:dyDescent="0.25">
      <c r="B38" s="50" t="s">
        <v>37</v>
      </c>
      <c r="C38" s="225">
        <v>12</v>
      </c>
      <c r="D38" s="226">
        <v>7</v>
      </c>
      <c r="E38" s="227">
        <v>19</v>
      </c>
      <c r="F38" s="214">
        <v>0</v>
      </c>
      <c r="G38" s="226">
        <v>30</v>
      </c>
      <c r="H38" s="226">
        <v>19</v>
      </c>
      <c r="I38" s="226">
        <v>22</v>
      </c>
      <c r="J38" s="226">
        <v>6</v>
      </c>
      <c r="K38" s="226">
        <v>5</v>
      </c>
      <c r="L38" s="227">
        <v>82</v>
      </c>
      <c r="M38" s="228">
        <v>101</v>
      </c>
      <c r="N38" s="229">
        <v>0</v>
      </c>
      <c r="O38" s="226">
        <v>0</v>
      </c>
      <c r="P38" s="227">
        <v>0</v>
      </c>
      <c r="Q38" s="214">
        <v>0</v>
      </c>
      <c r="R38" s="226">
        <v>1</v>
      </c>
      <c r="S38" s="226">
        <v>1</v>
      </c>
      <c r="T38" s="226">
        <v>2</v>
      </c>
      <c r="U38" s="226">
        <v>1</v>
      </c>
      <c r="V38" s="226">
        <v>0</v>
      </c>
      <c r="W38" s="227">
        <v>5</v>
      </c>
      <c r="X38" s="228">
        <v>5</v>
      </c>
      <c r="Y38" s="225">
        <v>12</v>
      </c>
      <c r="Z38" s="226">
        <v>7</v>
      </c>
      <c r="AA38" s="227">
        <v>19</v>
      </c>
      <c r="AB38" s="214">
        <v>0</v>
      </c>
      <c r="AC38" s="226">
        <v>31</v>
      </c>
      <c r="AD38" s="226">
        <v>20</v>
      </c>
      <c r="AE38" s="226">
        <v>24</v>
      </c>
      <c r="AF38" s="226">
        <v>7</v>
      </c>
      <c r="AG38" s="226">
        <v>5</v>
      </c>
      <c r="AH38" s="227">
        <v>87</v>
      </c>
      <c r="AI38" s="228">
        <v>106</v>
      </c>
    </row>
    <row r="39" spans="2:35" x14ac:dyDescent="0.2">
      <c r="AA39" s="21"/>
      <c r="AB39" s="21"/>
      <c r="AC39" s="21"/>
      <c r="AD39" s="21"/>
      <c r="AE39" s="21"/>
      <c r="AF39" s="21"/>
      <c r="AG39" s="21"/>
      <c r="AH39" s="21"/>
      <c r="AI39" s="21"/>
    </row>
  </sheetData>
  <mergeCells count="5">
    <mergeCell ref="C3:M3"/>
    <mergeCell ref="N3:X3"/>
    <mergeCell ref="Y3:AI3"/>
    <mergeCell ref="G1:H1"/>
    <mergeCell ref="J1:K1"/>
  </mergeCells>
  <phoneticPr fontId="4"/>
  <pageMargins left="0.43307086614173229" right="0.27559055118110237" top="0.35433070866141736" bottom="0.39370078740157483" header="0.19685039370078741" footer="0.19685039370078741"/>
  <pageSetup paperSize="9" scale="50" orientation="landscape" r:id="rId1"/>
  <headerFooter alignWithMargins="0">
    <oddFooter>&amp;L&amp;20&amp;A&amp;C&amp;P/&amp;N</oddFooter>
  </headerFooter>
  <colBreaks count="1" manualBreakCount="1">
    <brk id="24" max="1048575" man="1"/>
  </col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35">
        <v>4</v>
      </c>
      <c r="J1" s="535"/>
      <c r="K1" s="248">
        <f>第１表!G2</f>
        <v>12</v>
      </c>
      <c r="L1" s="539">
        <f>IF(K1&lt;3,K1+12-2,K1-2)</f>
        <v>10</v>
      </c>
      <c r="M1" s="539"/>
    </row>
    <row r="2" spans="2:156" ht="24" customHeight="1" thickBot="1" x14ac:dyDescent="0.25">
      <c r="B2" s="290" t="s">
        <v>138</v>
      </c>
      <c r="G2" s="247"/>
      <c r="H2" s="248"/>
      <c r="J2" s="254"/>
      <c r="K2" s="254"/>
    </row>
    <row r="3" spans="2:156" ht="21" customHeight="1" thickBot="1" x14ac:dyDescent="0.25">
      <c r="B3" s="552"/>
      <c r="C3" s="543" t="s">
        <v>70</v>
      </c>
      <c r="D3" s="544"/>
      <c r="E3" s="544"/>
      <c r="F3" s="544"/>
      <c r="G3" s="544"/>
      <c r="H3" s="544"/>
      <c r="I3" s="544"/>
      <c r="J3" s="544"/>
      <c r="K3" s="544"/>
      <c r="L3" s="544"/>
      <c r="M3" s="545"/>
      <c r="N3" s="543" t="s">
        <v>71</v>
      </c>
      <c r="O3" s="544"/>
      <c r="P3" s="544"/>
      <c r="Q3" s="544"/>
      <c r="R3" s="544"/>
      <c r="S3" s="544"/>
      <c r="T3" s="544"/>
      <c r="U3" s="544"/>
      <c r="V3" s="544"/>
      <c r="W3" s="544"/>
      <c r="X3" s="545"/>
      <c r="Y3" s="543" t="s">
        <v>72</v>
      </c>
      <c r="Z3" s="544"/>
      <c r="AA3" s="544"/>
      <c r="AB3" s="544"/>
      <c r="AC3" s="544"/>
      <c r="AD3" s="544"/>
      <c r="AE3" s="544"/>
      <c r="AF3" s="544"/>
      <c r="AG3" s="544"/>
      <c r="AH3" s="544"/>
      <c r="AI3" s="545"/>
      <c r="AJ3" s="543" t="s">
        <v>73</v>
      </c>
      <c r="AK3" s="544"/>
      <c r="AL3" s="544"/>
      <c r="AM3" s="544"/>
      <c r="AN3" s="544"/>
      <c r="AO3" s="544"/>
      <c r="AP3" s="544"/>
      <c r="AQ3" s="544"/>
      <c r="AR3" s="544"/>
      <c r="AS3" s="544"/>
      <c r="AT3" s="545"/>
      <c r="AU3" s="543" t="s">
        <v>74</v>
      </c>
      <c r="AV3" s="544"/>
      <c r="AW3" s="544"/>
      <c r="AX3" s="544"/>
      <c r="AY3" s="544"/>
      <c r="AZ3" s="544"/>
      <c r="BA3" s="544"/>
      <c r="BB3" s="544"/>
      <c r="BC3" s="544"/>
      <c r="BD3" s="544"/>
      <c r="BE3" s="545"/>
      <c r="BF3" s="543" t="s">
        <v>75</v>
      </c>
      <c r="BG3" s="544"/>
      <c r="BH3" s="544"/>
      <c r="BI3" s="544"/>
      <c r="BJ3" s="544"/>
      <c r="BK3" s="544"/>
      <c r="BL3" s="544"/>
      <c r="BM3" s="544"/>
      <c r="BN3" s="544"/>
      <c r="BO3" s="544"/>
      <c r="BP3" s="545"/>
      <c r="BQ3" s="543" t="s">
        <v>76</v>
      </c>
      <c r="BR3" s="544"/>
      <c r="BS3" s="544"/>
      <c r="BT3" s="544"/>
      <c r="BU3" s="544"/>
      <c r="BV3" s="544"/>
      <c r="BW3" s="544"/>
      <c r="BX3" s="544"/>
      <c r="BY3" s="544"/>
      <c r="BZ3" s="544"/>
      <c r="CA3" s="545"/>
      <c r="CB3" s="543" t="s">
        <v>77</v>
      </c>
      <c r="CC3" s="544"/>
      <c r="CD3" s="544"/>
      <c r="CE3" s="544"/>
      <c r="CF3" s="544"/>
      <c r="CG3" s="544"/>
      <c r="CH3" s="544"/>
      <c r="CI3" s="544"/>
      <c r="CJ3" s="544"/>
      <c r="CK3" s="544"/>
      <c r="CL3" s="545"/>
      <c r="CM3" s="543" t="s">
        <v>78</v>
      </c>
      <c r="CN3" s="544"/>
      <c r="CO3" s="544"/>
      <c r="CP3" s="544"/>
      <c r="CQ3" s="544"/>
      <c r="CR3" s="544"/>
      <c r="CS3" s="544"/>
      <c r="CT3" s="544"/>
      <c r="CU3" s="544"/>
      <c r="CV3" s="544"/>
      <c r="CW3" s="545"/>
      <c r="CX3" s="543" t="s">
        <v>79</v>
      </c>
      <c r="CY3" s="544"/>
      <c r="CZ3" s="544"/>
      <c r="DA3" s="544"/>
      <c r="DB3" s="544"/>
      <c r="DC3" s="544"/>
      <c r="DD3" s="544"/>
      <c r="DE3" s="544"/>
      <c r="DF3" s="544"/>
      <c r="DG3" s="544"/>
      <c r="DH3" s="545"/>
      <c r="DI3" s="543" t="s">
        <v>152</v>
      </c>
      <c r="DJ3" s="544"/>
      <c r="DK3" s="544"/>
      <c r="DL3" s="544"/>
      <c r="DM3" s="544"/>
      <c r="DN3" s="544"/>
      <c r="DO3" s="544"/>
      <c r="DP3" s="544"/>
      <c r="DQ3" s="544"/>
      <c r="DR3" s="544"/>
      <c r="DS3" s="545"/>
      <c r="DT3" s="543" t="s">
        <v>80</v>
      </c>
      <c r="DU3" s="544"/>
      <c r="DV3" s="544"/>
      <c r="DW3" s="544"/>
      <c r="DX3" s="544"/>
      <c r="DY3" s="544"/>
      <c r="DZ3" s="544"/>
      <c r="EA3" s="544"/>
      <c r="EB3" s="544"/>
      <c r="EC3" s="544"/>
      <c r="ED3" s="545"/>
      <c r="EE3" s="543" t="s">
        <v>68</v>
      </c>
      <c r="EF3" s="544"/>
      <c r="EG3" s="544"/>
      <c r="EH3" s="544"/>
      <c r="EI3" s="544"/>
      <c r="EJ3" s="544"/>
      <c r="EK3" s="544"/>
      <c r="EL3" s="544"/>
      <c r="EM3" s="544"/>
      <c r="EN3" s="544"/>
      <c r="EO3" s="545"/>
      <c r="EP3" s="540" t="s">
        <v>69</v>
      </c>
      <c r="EQ3" s="541"/>
      <c r="ER3" s="541"/>
      <c r="ES3" s="541"/>
      <c r="ET3" s="541"/>
      <c r="EU3" s="541"/>
      <c r="EV3" s="541"/>
      <c r="EW3" s="541"/>
      <c r="EX3" s="541"/>
      <c r="EY3" s="541"/>
      <c r="EZ3" s="542"/>
    </row>
    <row r="4" spans="2:156" ht="21" customHeight="1" x14ac:dyDescent="0.2">
      <c r="B4" s="553"/>
      <c r="C4" s="551" t="s">
        <v>61</v>
      </c>
      <c r="D4" s="547"/>
      <c r="E4" s="548"/>
      <c r="F4" s="546" t="s">
        <v>62</v>
      </c>
      <c r="G4" s="547"/>
      <c r="H4" s="547"/>
      <c r="I4" s="547"/>
      <c r="J4" s="547"/>
      <c r="K4" s="547"/>
      <c r="L4" s="555"/>
      <c r="M4" s="549" t="s">
        <v>52</v>
      </c>
      <c r="N4" s="551" t="s">
        <v>61</v>
      </c>
      <c r="O4" s="547"/>
      <c r="P4" s="548"/>
      <c r="Q4" s="546" t="s">
        <v>62</v>
      </c>
      <c r="R4" s="547"/>
      <c r="S4" s="547"/>
      <c r="T4" s="547"/>
      <c r="U4" s="547"/>
      <c r="V4" s="547"/>
      <c r="W4" s="548"/>
      <c r="X4" s="549" t="s">
        <v>52</v>
      </c>
      <c r="Y4" s="551" t="s">
        <v>61</v>
      </c>
      <c r="Z4" s="547"/>
      <c r="AA4" s="548"/>
      <c r="AB4" s="546" t="s">
        <v>62</v>
      </c>
      <c r="AC4" s="547"/>
      <c r="AD4" s="547"/>
      <c r="AE4" s="547"/>
      <c r="AF4" s="547"/>
      <c r="AG4" s="547"/>
      <c r="AH4" s="548"/>
      <c r="AI4" s="549" t="s">
        <v>52</v>
      </c>
      <c r="AJ4" s="551" t="s">
        <v>61</v>
      </c>
      <c r="AK4" s="547"/>
      <c r="AL4" s="548"/>
      <c r="AM4" s="546" t="s">
        <v>62</v>
      </c>
      <c r="AN4" s="547"/>
      <c r="AO4" s="547"/>
      <c r="AP4" s="547"/>
      <c r="AQ4" s="547"/>
      <c r="AR4" s="547"/>
      <c r="AS4" s="548"/>
      <c r="AT4" s="549" t="s">
        <v>52</v>
      </c>
      <c r="AU4" s="551" t="s">
        <v>61</v>
      </c>
      <c r="AV4" s="547"/>
      <c r="AW4" s="548"/>
      <c r="AX4" s="546" t="s">
        <v>62</v>
      </c>
      <c r="AY4" s="547"/>
      <c r="AZ4" s="547"/>
      <c r="BA4" s="547"/>
      <c r="BB4" s="547"/>
      <c r="BC4" s="547"/>
      <c r="BD4" s="555"/>
      <c r="BE4" s="549" t="s">
        <v>52</v>
      </c>
      <c r="BF4" s="551" t="s">
        <v>61</v>
      </c>
      <c r="BG4" s="547"/>
      <c r="BH4" s="548"/>
      <c r="BI4" s="546" t="s">
        <v>62</v>
      </c>
      <c r="BJ4" s="547"/>
      <c r="BK4" s="547"/>
      <c r="BL4" s="547"/>
      <c r="BM4" s="547"/>
      <c r="BN4" s="547"/>
      <c r="BO4" s="548"/>
      <c r="BP4" s="549" t="s">
        <v>52</v>
      </c>
      <c r="BQ4" s="551" t="s">
        <v>61</v>
      </c>
      <c r="BR4" s="547"/>
      <c r="BS4" s="548"/>
      <c r="BT4" s="546" t="s">
        <v>62</v>
      </c>
      <c r="BU4" s="547"/>
      <c r="BV4" s="547"/>
      <c r="BW4" s="547"/>
      <c r="BX4" s="547"/>
      <c r="BY4" s="547"/>
      <c r="BZ4" s="548"/>
      <c r="CA4" s="549" t="s">
        <v>52</v>
      </c>
      <c r="CB4" s="551" t="s">
        <v>61</v>
      </c>
      <c r="CC4" s="547"/>
      <c r="CD4" s="548"/>
      <c r="CE4" s="546" t="s">
        <v>62</v>
      </c>
      <c r="CF4" s="547"/>
      <c r="CG4" s="547"/>
      <c r="CH4" s="547"/>
      <c r="CI4" s="547"/>
      <c r="CJ4" s="547"/>
      <c r="CK4" s="548"/>
      <c r="CL4" s="549" t="s">
        <v>52</v>
      </c>
      <c r="CM4" s="551" t="s">
        <v>61</v>
      </c>
      <c r="CN4" s="547"/>
      <c r="CO4" s="548"/>
      <c r="CP4" s="546" t="s">
        <v>62</v>
      </c>
      <c r="CQ4" s="547"/>
      <c r="CR4" s="547"/>
      <c r="CS4" s="547"/>
      <c r="CT4" s="547"/>
      <c r="CU4" s="547"/>
      <c r="CV4" s="548"/>
      <c r="CW4" s="549" t="s">
        <v>52</v>
      </c>
      <c r="CX4" s="551" t="s">
        <v>61</v>
      </c>
      <c r="CY4" s="547"/>
      <c r="CZ4" s="548"/>
      <c r="DA4" s="546" t="s">
        <v>62</v>
      </c>
      <c r="DB4" s="547"/>
      <c r="DC4" s="547"/>
      <c r="DD4" s="547"/>
      <c r="DE4" s="547"/>
      <c r="DF4" s="547"/>
      <c r="DG4" s="548"/>
      <c r="DH4" s="549" t="s">
        <v>52</v>
      </c>
      <c r="DI4" s="551" t="s">
        <v>61</v>
      </c>
      <c r="DJ4" s="547"/>
      <c r="DK4" s="548"/>
      <c r="DL4" s="546" t="s">
        <v>62</v>
      </c>
      <c r="DM4" s="547"/>
      <c r="DN4" s="547"/>
      <c r="DO4" s="547"/>
      <c r="DP4" s="547"/>
      <c r="DQ4" s="547"/>
      <c r="DR4" s="548"/>
      <c r="DS4" s="549" t="s">
        <v>52</v>
      </c>
      <c r="DT4" s="551" t="s">
        <v>61</v>
      </c>
      <c r="DU4" s="547"/>
      <c r="DV4" s="548"/>
      <c r="DW4" s="546" t="s">
        <v>62</v>
      </c>
      <c r="DX4" s="547"/>
      <c r="DY4" s="547"/>
      <c r="DZ4" s="547"/>
      <c r="EA4" s="547"/>
      <c r="EB4" s="547"/>
      <c r="EC4" s="548"/>
      <c r="ED4" s="549" t="s">
        <v>52</v>
      </c>
      <c r="EE4" s="551" t="s">
        <v>61</v>
      </c>
      <c r="EF4" s="547"/>
      <c r="EG4" s="548"/>
      <c r="EH4" s="546" t="s">
        <v>62</v>
      </c>
      <c r="EI4" s="547"/>
      <c r="EJ4" s="547"/>
      <c r="EK4" s="547"/>
      <c r="EL4" s="547"/>
      <c r="EM4" s="547"/>
      <c r="EN4" s="548"/>
      <c r="EO4" s="549" t="s">
        <v>52</v>
      </c>
      <c r="EP4" s="551" t="s">
        <v>61</v>
      </c>
      <c r="EQ4" s="547"/>
      <c r="ER4" s="548"/>
      <c r="ES4" s="546" t="s">
        <v>62</v>
      </c>
      <c r="ET4" s="547"/>
      <c r="EU4" s="547"/>
      <c r="EV4" s="547"/>
      <c r="EW4" s="547"/>
      <c r="EX4" s="547"/>
      <c r="EY4" s="548"/>
      <c r="EZ4" s="549" t="s">
        <v>52</v>
      </c>
    </row>
    <row r="5" spans="2:156" ht="30" customHeight="1" thickBot="1" x14ac:dyDescent="0.25">
      <c r="B5" s="554"/>
      <c r="C5" s="263" t="s">
        <v>43</v>
      </c>
      <c r="D5" s="259" t="s">
        <v>44</v>
      </c>
      <c r="E5" s="382" t="s">
        <v>45</v>
      </c>
      <c r="F5" s="267" t="s">
        <v>83</v>
      </c>
      <c r="G5" s="259" t="s">
        <v>47</v>
      </c>
      <c r="H5" s="259" t="s">
        <v>48</v>
      </c>
      <c r="I5" s="259" t="s">
        <v>49</v>
      </c>
      <c r="J5" s="259" t="s">
        <v>50</v>
      </c>
      <c r="K5" s="259" t="s">
        <v>51</v>
      </c>
      <c r="L5" s="268" t="s">
        <v>45</v>
      </c>
      <c r="M5" s="550"/>
      <c r="N5" s="263" t="s">
        <v>43</v>
      </c>
      <c r="O5" s="259" t="s">
        <v>44</v>
      </c>
      <c r="P5" s="265" t="s">
        <v>45</v>
      </c>
      <c r="Q5" s="267" t="s">
        <v>83</v>
      </c>
      <c r="R5" s="259" t="s">
        <v>47</v>
      </c>
      <c r="S5" s="259" t="s">
        <v>48</v>
      </c>
      <c r="T5" s="259" t="s">
        <v>49</v>
      </c>
      <c r="U5" s="259" t="s">
        <v>50</v>
      </c>
      <c r="V5" s="259" t="s">
        <v>51</v>
      </c>
      <c r="W5" s="265" t="s">
        <v>45</v>
      </c>
      <c r="X5" s="550"/>
      <c r="Y5" s="263" t="s">
        <v>43</v>
      </c>
      <c r="Z5" s="259" t="s">
        <v>44</v>
      </c>
      <c r="AA5" s="265" t="s">
        <v>45</v>
      </c>
      <c r="AB5" s="267" t="s">
        <v>83</v>
      </c>
      <c r="AC5" s="259" t="s">
        <v>47</v>
      </c>
      <c r="AD5" s="259" t="s">
        <v>48</v>
      </c>
      <c r="AE5" s="259" t="s">
        <v>49</v>
      </c>
      <c r="AF5" s="259" t="s">
        <v>50</v>
      </c>
      <c r="AG5" s="259" t="s">
        <v>51</v>
      </c>
      <c r="AH5" s="265" t="s">
        <v>45</v>
      </c>
      <c r="AI5" s="550"/>
      <c r="AJ5" s="263" t="s">
        <v>43</v>
      </c>
      <c r="AK5" s="259" t="s">
        <v>44</v>
      </c>
      <c r="AL5" s="265" t="s">
        <v>45</v>
      </c>
      <c r="AM5" s="267" t="s">
        <v>83</v>
      </c>
      <c r="AN5" s="259" t="s">
        <v>47</v>
      </c>
      <c r="AO5" s="259" t="s">
        <v>48</v>
      </c>
      <c r="AP5" s="259" t="s">
        <v>49</v>
      </c>
      <c r="AQ5" s="259" t="s">
        <v>50</v>
      </c>
      <c r="AR5" s="259" t="s">
        <v>51</v>
      </c>
      <c r="AS5" s="265" t="s">
        <v>45</v>
      </c>
      <c r="AT5" s="550"/>
      <c r="AU5" s="263" t="s">
        <v>43</v>
      </c>
      <c r="AV5" s="259" t="s">
        <v>44</v>
      </c>
      <c r="AW5" s="265" t="s">
        <v>45</v>
      </c>
      <c r="AX5" s="267" t="s">
        <v>83</v>
      </c>
      <c r="AY5" s="259" t="s">
        <v>47</v>
      </c>
      <c r="AZ5" s="259" t="s">
        <v>48</v>
      </c>
      <c r="BA5" s="259" t="s">
        <v>49</v>
      </c>
      <c r="BB5" s="259" t="s">
        <v>50</v>
      </c>
      <c r="BC5" s="259" t="s">
        <v>51</v>
      </c>
      <c r="BD5" s="268" t="s">
        <v>45</v>
      </c>
      <c r="BE5" s="550"/>
      <c r="BF5" s="263" t="s">
        <v>43</v>
      </c>
      <c r="BG5" s="259" t="s">
        <v>44</v>
      </c>
      <c r="BH5" s="265" t="s">
        <v>45</v>
      </c>
      <c r="BI5" s="267" t="s">
        <v>83</v>
      </c>
      <c r="BJ5" s="259" t="s">
        <v>47</v>
      </c>
      <c r="BK5" s="259" t="s">
        <v>48</v>
      </c>
      <c r="BL5" s="259" t="s">
        <v>49</v>
      </c>
      <c r="BM5" s="259" t="s">
        <v>50</v>
      </c>
      <c r="BN5" s="259" t="s">
        <v>51</v>
      </c>
      <c r="BO5" s="265" t="s">
        <v>45</v>
      </c>
      <c r="BP5" s="550"/>
      <c r="BQ5" s="263" t="s">
        <v>43</v>
      </c>
      <c r="BR5" s="259" t="s">
        <v>44</v>
      </c>
      <c r="BS5" s="265" t="s">
        <v>45</v>
      </c>
      <c r="BT5" s="267" t="s">
        <v>83</v>
      </c>
      <c r="BU5" s="259" t="s">
        <v>47</v>
      </c>
      <c r="BV5" s="259" t="s">
        <v>48</v>
      </c>
      <c r="BW5" s="259" t="s">
        <v>49</v>
      </c>
      <c r="BX5" s="259" t="s">
        <v>50</v>
      </c>
      <c r="BY5" s="259" t="s">
        <v>51</v>
      </c>
      <c r="BZ5" s="265" t="s">
        <v>45</v>
      </c>
      <c r="CA5" s="550"/>
      <c r="CB5" s="263" t="s">
        <v>43</v>
      </c>
      <c r="CC5" s="259" t="s">
        <v>44</v>
      </c>
      <c r="CD5" s="265" t="s">
        <v>45</v>
      </c>
      <c r="CE5" s="267" t="s">
        <v>83</v>
      </c>
      <c r="CF5" s="259" t="s">
        <v>47</v>
      </c>
      <c r="CG5" s="259" t="s">
        <v>48</v>
      </c>
      <c r="CH5" s="259" t="s">
        <v>49</v>
      </c>
      <c r="CI5" s="259" t="s">
        <v>50</v>
      </c>
      <c r="CJ5" s="259" t="s">
        <v>51</v>
      </c>
      <c r="CK5" s="265" t="s">
        <v>45</v>
      </c>
      <c r="CL5" s="550"/>
      <c r="CM5" s="263" t="s">
        <v>43</v>
      </c>
      <c r="CN5" s="259" t="s">
        <v>44</v>
      </c>
      <c r="CO5" s="265" t="s">
        <v>45</v>
      </c>
      <c r="CP5" s="267" t="s">
        <v>83</v>
      </c>
      <c r="CQ5" s="259" t="s">
        <v>47</v>
      </c>
      <c r="CR5" s="259" t="s">
        <v>48</v>
      </c>
      <c r="CS5" s="259" t="s">
        <v>49</v>
      </c>
      <c r="CT5" s="259" t="s">
        <v>50</v>
      </c>
      <c r="CU5" s="259" t="s">
        <v>51</v>
      </c>
      <c r="CV5" s="265" t="s">
        <v>45</v>
      </c>
      <c r="CW5" s="550"/>
      <c r="CX5" s="263" t="s">
        <v>43</v>
      </c>
      <c r="CY5" s="259" t="s">
        <v>44</v>
      </c>
      <c r="CZ5" s="265" t="s">
        <v>45</v>
      </c>
      <c r="DA5" s="267" t="s">
        <v>83</v>
      </c>
      <c r="DB5" s="259" t="s">
        <v>47</v>
      </c>
      <c r="DC5" s="259" t="s">
        <v>48</v>
      </c>
      <c r="DD5" s="259" t="s">
        <v>49</v>
      </c>
      <c r="DE5" s="259" t="s">
        <v>50</v>
      </c>
      <c r="DF5" s="259" t="s">
        <v>51</v>
      </c>
      <c r="DG5" s="265" t="s">
        <v>45</v>
      </c>
      <c r="DH5" s="550"/>
      <c r="DI5" s="344" t="s">
        <v>43</v>
      </c>
      <c r="DJ5" s="259" t="s">
        <v>44</v>
      </c>
      <c r="DK5" s="265" t="s">
        <v>45</v>
      </c>
      <c r="DL5" s="267" t="s">
        <v>83</v>
      </c>
      <c r="DM5" s="259" t="s">
        <v>47</v>
      </c>
      <c r="DN5" s="259" t="s">
        <v>48</v>
      </c>
      <c r="DO5" s="259" t="s">
        <v>49</v>
      </c>
      <c r="DP5" s="259" t="s">
        <v>50</v>
      </c>
      <c r="DQ5" s="259" t="s">
        <v>51</v>
      </c>
      <c r="DR5" s="265" t="s">
        <v>45</v>
      </c>
      <c r="DS5" s="550"/>
      <c r="DT5" s="263" t="s">
        <v>43</v>
      </c>
      <c r="DU5" s="259" t="s">
        <v>44</v>
      </c>
      <c r="DV5" s="265" t="s">
        <v>45</v>
      </c>
      <c r="DW5" s="267" t="s">
        <v>83</v>
      </c>
      <c r="DX5" s="259" t="s">
        <v>47</v>
      </c>
      <c r="DY5" s="259" t="s">
        <v>48</v>
      </c>
      <c r="DZ5" s="259" t="s">
        <v>49</v>
      </c>
      <c r="EA5" s="259" t="s">
        <v>50</v>
      </c>
      <c r="EB5" s="259" t="s">
        <v>51</v>
      </c>
      <c r="EC5" s="265" t="s">
        <v>45</v>
      </c>
      <c r="ED5" s="550"/>
      <c r="EE5" s="263" t="s">
        <v>43</v>
      </c>
      <c r="EF5" s="259" t="s">
        <v>44</v>
      </c>
      <c r="EG5" s="265" t="s">
        <v>45</v>
      </c>
      <c r="EH5" s="267" t="s">
        <v>83</v>
      </c>
      <c r="EI5" s="259" t="s">
        <v>47</v>
      </c>
      <c r="EJ5" s="259" t="s">
        <v>48</v>
      </c>
      <c r="EK5" s="259" t="s">
        <v>49</v>
      </c>
      <c r="EL5" s="259" t="s">
        <v>50</v>
      </c>
      <c r="EM5" s="259" t="s">
        <v>51</v>
      </c>
      <c r="EN5" s="265" t="s">
        <v>45</v>
      </c>
      <c r="EO5" s="550"/>
      <c r="EP5" s="263" t="s">
        <v>43</v>
      </c>
      <c r="EQ5" s="259" t="s">
        <v>44</v>
      </c>
      <c r="ER5" s="265" t="s">
        <v>45</v>
      </c>
      <c r="ES5" s="267" t="s">
        <v>83</v>
      </c>
      <c r="ET5" s="259" t="s">
        <v>47</v>
      </c>
      <c r="EU5" s="259" t="s">
        <v>48</v>
      </c>
      <c r="EV5" s="259" t="s">
        <v>49</v>
      </c>
      <c r="EW5" s="259" t="s">
        <v>50</v>
      </c>
      <c r="EX5" s="259" t="s">
        <v>51</v>
      </c>
      <c r="EY5" s="265" t="s">
        <v>45</v>
      </c>
      <c r="EZ5" s="550"/>
    </row>
    <row r="6" spans="2:156" ht="21" customHeight="1" x14ac:dyDescent="0.2">
      <c r="B6" s="260" t="s">
        <v>4</v>
      </c>
      <c r="C6" s="269">
        <v>0</v>
      </c>
      <c r="D6" s="273">
        <v>1</v>
      </c>
      <c r="E6" s="383">
        <v>1</v>
      </c>
      <c r="F6" s="272">
        <v>0</v>
      </c>
      <c r="G6" s="273">
        <v>19216</v>
      </c>
      <c r="H6" s="273">
        <v>22368</v>
      </c>
      <c r="I6" s="273">
        <v>12307</v>
      </c>
      <c r="J6" s="273">
        <v>10076</v>
      </c>
      <c r="K6" s="273">
        <v>7559</v>
      </c>
      <c r="L6" s="274">
        <v>71526</v>
      </c>
      <c r="M6" s="275">
        <v>71527</v>
      </c>
      <c r="N6" s="269">
        <v>3</v>
      </c>
      <c r="O6" s="273">
        <v>22</v>
      </c>
      <c r="P6" s="270">
        <v>25</v>
      </c>
      <c r="Q6" s="272">
        <v>0</v>
      </c>
      <c r="R6" s="273">
        <v>105</v>
      </c>
      <c r="S6" s="273">
        <v>448</v>
      </c>
      <c r="T6" s="273">
        <v>821</v>
      </c>
      <c r="U6" s="273">
        <v>1951</v>
      </c>
      <c r="V6" s="273">
        <v>3399</v>
      </c>
      <c r="W6" s="270">
        <v>6724</v>
      </c>
      <c r="X6" s="275">
        <v>6749</v>
      </c>
      <c r="Y6" s="269">
        <v>2181</v>
      </c>
      <c r="Z6" s="273">
        <v>5267</v>
      </c>
      <c r="AA6" s="270">
        <v>7448</v>
      </c>
      <c r="AB6" s="272">
        <v>0</v>
      </c>
      <c r="AC6" s="273">
        <v>11370</v>
      </c>
      <c r="AD6" s="273">
        <v>15951</v>
      </c>
      <c r="AE6" s="273">
        <v>9634</v>
      </c>
      <c r="AF6" s="273">
        <v>8685</v>
      </c>
      <c r="AG6" s="273">
        <v>6598</v>
      </c>
      <c r="AH6" s="270">
        <v>52238</v>
      </c>
      <c r="AI6" s="275">
        <v>59686</v>
      </c>
      <c r="AJ6" s="269">
        <v>245</v>
      </c>
      <c r="AK6" s="273">
        <v>724</v>
      </c>
      <c r="AL6" s="270">
        <v>969</v>
      </c>
      <c r="AM6" s="272">
        <v>0</v>
      </c>
      <c r="AN6" s="273">
        <v>1074</v>
      </c>
      <c r="AO6" s="273">
        <v>1710</v>
      </c>
      <c r="AP6" s="273">
        <v>1117</v>
      </c>
      <c r="AQ6" s="273">
        <v>987</v>
      </c>
      <c r="AR6" s="273">
        <v>599</v>
      </c>
      <c r="AS6" s="270">
        <v>5487</v>
      </c>
      <c r="AT6" s="275">
        <v>6456</v>
      </c>
      <c r="AU6" s="269">
        <v>2831</v>
      </c>
      <c r="AV6" s="273">
        <v>3814</v>
      </c>
      <c r="AW6" s="270">
        <v>6645</v>
      </c>
      <c r="AX6" s="272">
        <v>0</v>
      </c>
      <c r="AY6" s="273">
        <v>17818</v>
      </c>
      <c r="AZ6" s="273">
        <v>21953</v>
      </c>
      <c r="BA6" s="273">
        <v>19115</v>
      </c>
      <c r="BB6" s="273">
        <v>18907</v>
      </c>
      <c r="BC6" s="273">
        <v>14401</v>
      </c>
      <c r="BD6" s="274">
        <v>92194</v>
      </c>
      <c r="BE6" s="275">
        <v>98839</v>
      </c>
      <c r="BF6" s="269">
        <v>0</v>
      </c>
      <c r="BG6" s="273">
        <v>1</v>
      </c>
      <c r="BH6" s="270">
        <v>1</v>
      </c>
      <c r="BI6" s="272">
        <v>0</v>
      </c>
      <c r="BJ6" s="273">
        <v>21674</v>
      </c>
      <c r="BK6" s="273">
        <v>19972</v>
      </c>
      <c r="BL6" s="273">
        <v>10899</v>
      </c>
      <c r="BM6" s="273">
        <v>6543</v>
      </c>
      <c r="BN6" s="273">
        <v>3137</v>
      </c>
      <c r="BO6" s="270">
        <v>62225</v>
      </c>
      <c r="BP6" s="275">
        <v>62226</v>
      </c>
      <c r="BQ6" s="269">
        <v>1583</v>
      </c>
      <c r="BR6" s="273">
        <v>2539</v>
      </c>
      <c r="BS6" s="270">
        <v>4122</v>
      </c>
      <c r="BT6" s="272">
        <v>0</v>
      </c>
      <c r="BU6" s="273">
        <v>4394</v>
      </c>
      <c r="BV6" s="273">
        <v>6337</v>
      </c>
      <c r="BW6" s="273">
        <v>3713</v>
      </c>
      <c r="BX6" s="273">
        <v>2384</v>
      </c>
      <c r="BY6" s="273">
        <v>874</v>
      </c>
      <c r="BZ6" s="270">
        <v>17702</v>
      </c>
      <c r="CA6" s="275">
        <v>21824</v>
      </c>
      <c r="CB6" s="269">
        <v>72</v>
      </c>
      <c r="CC6" s="273">
        <v>251</v>
      </c>
      <c r="CD6" s="270">
        <v>323</v>
      </c>
      <c r="CE6" s="272">
        <v>0</v>
      </c>
      <c r="CF6" s="273">
        <v>2150</v>
      </c>
      <c r="CG6" s="273">
        <v>3572</v>
      </c>
      <c r="CH6" s="273">
        <v>4429</v>
      </c>
      <c r="CI6" s="273">
        <v>3260</v>
      </c>
      <c r="CJ6" s="273">
        <v>1761</v>
      </c>
      <c r="CK6" s="270">
        <v>15172</v>
      </c>
      <c r="CL6" s="275">
        <v>15495</v>
      </c>
      <c r="CM6" s="269">
        <v>3</v>
      </c>
      <c r="CN6" s="273">
        <v>20</v>
      </c>
      <c r="CO6" s="270">
        <v>23</v>
      </c>
      <c r="CP6" s="272">
        <v>0</v>
      </c>
      <c r="CQ6" s="273">
        <v>208</v>
      </c>
      <c r="CR6" s="273">
        <v>420</v>
      </c>
      <c r="CS6" s="273">
        <v>573</v>
      </c>
      <c r="CT6" s="273">
        <v>520</v>
      </c>
      <c r="CU6" s="273">
        <v>318</v>
      </c>
      <c r="CV6" s="270">
        <v>2039</v>
      </c>
      <c r="CW6" s="275">
        <v>2062</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10642</v>
      </c>
      <c r="DU6" s="273">
        <v>22334</v>
      </c>
      <c r="DV6" s="270">
        <v>32976</v>
      </c>
      <c r="DW6" s="272">
        <v>0</v>
      </c>
      <c r="DX6" s="273">
        <v>26602</v>
      </c>
      <c r="DY6" s="273">
        <v>44613</v>
      </c>
      <c r="DZ6" s="273">
        <v>26427</v>
      </c>
      <c r="EA6" s="273">
        <v>20847</v>
      </c>
      <c r="EB6" s="273">
        <v>13088</v>
      </c>
      <c r="EC6" s="270">
        <v>131577</v>
      </c>
      <c r="ED6" s="275">
        <v>164553</v>
      </c>
      <c r="EE6" s="269">
        <v>1647</v>
      </c>
      <c r="EF6" s="273">
        <v>1300</v>
      </c>
      <c r="EG6" s="270">
        <v>2947</v>
      </c>
      <c r="EH6" s="272">
        <v>0</v>
      </c>
      <c r="EI6" s="273">
        <v>5999</v>
      </c>
      <c r="EJ6" s="273">
        <v>5390</v>
      </c>
      <c r="EK6" s="273">
        <v>4638</v>
      </c>
      <c r="EL6" s="273">
        <v>5402</v>
      </c>
      <c r="EM6" s="273">
        <v>3132</v>
      </c>
      <c r="EN6" s="270">
        <v>24561</v>
      </c>
      <c r="EO6" s="275">
        <v>27508</v>
      </c>
      <c r="EP6" s="269">
        <v>13620</v>
      </c>
      <c r="EQ6" s="273">
        <v>26625</v>
      </c>
      <c r="ER6" s="270">
        <v>40245</v>
      </c>
      <c r="ES6" s="272">
        <v>0</v>
      </c>
      <c r="ET6" s="273">
        <v>57072</v>
      </c>
      <c r="EU6" s="273">
        <v>59550</v>
      </c>
      <c r="EV6" s="273">
        <v>31599</v>
      </c>
      <c r="EW6" s="273">
        <v>22321</v>
      </c>
      <c r="EX6" s="273">
        <v>13515</v>
      </c>
      <c r="EY6" s="270">
        <v>184057</v>
      </c>
      <c r="EZ6" s="275">
        <v>224302</v>
      </c>
    </row>
    <row r="7" spans="2:156" ht="21" customHeight="1" x14ac:dyDescent="0.2">
      <c r="B7" s="261" t="s">
        <v>5</v>
      </c>
      <c r="C7" s="276">
        <v>0</v>
      </c>
      <c r="D7" s="280">
        <v>1</v>
      </c>
      <c r="E7" s="384">
        <v>1</v>
      </c>
      <c r="F7" s="279">
        <v>0</v>
      </c>
      <c r="G7" s="280">
        <v>6822</v>
      </c>
      <c r="H7" s="280">
        <v>11045</v>
      </c>
      <c r="I7" s="280">
        <v>5388</v>
      </c>
      <c r="J7" s="280">
        <v>4114</v>
      </c>
      <c r="K7" s="280">
        <v>3118</v>
      </c>
      <c r="L7" s="281">
        <v>30487</v>
      </c>
      <c r="M7" s="282">
        <v>30488</v>
      </c>
      <c r="N7" s="276">
        <v>1</v>
      </c>
      <c r="O7" s="280">
        <v>9</v>
      </c>
      <c r="P7" s="277">
        <v>10</v>
      </c>
      <c r="Q7" s="279">
        <v>0</v>
      </c>
      <c r="R7" s="280">
        <v>27</v>
      </c>
      <c r="S7" s="280">
        <v>173</v>
      </c>
      <c r="T7" s="280">
        <v>312</v>
      </c>
      <c r="U7" s="280">
        <v>782</v>
      </c>
      <c r="V7" s="280">
        <v>1454</v>
      </c>
      <c r="W7" s="277">
        <v>2748</v>
      </c>
      <c r="X7" s="282">
        <v>2758</v>
      </c>
      <c r="Y7" s="276">
        <v>958</v>
      </c>
      <c r="Z7" s="280">
        <v>2704</v>
      </c>
      <c r="AA7" s="277">
        <v>3662</v>
      </c>
      <c r="AB7" s="279">
        <v>0</v>
      </c>
      <c r="AC7" s="280">
        <v>4135</v>
      </c>
      <c r="AD7" s="280">
        <v>8104</v>
      </c>
      <c r="AE7" s="280">
        <v>4467</v>
      </c>
      <c r="AF7" s="280">
        <v>3821</v>
      </c>
      <c r="AG7" s="280">
        <v>2891</v>
      </c>
      <c r="AH7" s="277">
        <v>23418</v>
      </c>
      <c r="AI7" s="282">
        <v>27080</v>
      </c>
      <c r="AJ7" s="276">
        <v>107</v>
      </c>
      <c r="AK7" s="280">
        <v>371</v>
      </c>
      <c r="AL7" s="277">
        <v>478</v>
      </c>
      <c r="AM7" s="279">
        <v>0</v>
      </c>
      <c r="AN7" s="280">
        <v>271</v>
      </c>
      <c r="AO7" s="280">
        <v>698</v>
      </c>
      <c r="AP7" s="280">
        <v>441</v>
      </c>
      <c r="AQ7" s="280">
        <v>388</v>
      </c>
      <c r="AR7" s="280">
        <v>217</v>
      </c>
      <c r="AS7" s="277">
        <v>2015</v>
      </c>
      <c r="AT7" s="282">
        <v>2493</v>
      </c>
      <c r="AU7" s="276">
        <v>1145</v>
      </c>
      <c r="AV7" s="280">
        <v>1867</v>
      </c>
      <c r="AW7" s="277">
        <v>3012</v>
      </c>
      <c r="AX7" s="279">
        <v>0</v>
      </c>
      <c r="AY7" s="280">
        <v>6527</v>
      </c>
      <c r="AZ7" s="280">
        <v>9574</v>
      </c>
      <c r="BA7" s="280">
        <v>7816</v>
      </c>
      <c r="BB7" s="280">
        <v>7600</v>
      </c>
      <c r="BC7" s="280">
        <v>5880</v>
      </c>
      <c r="BD7" s="281">
        <v>37397</v>
      </c>
      <c r="BE7" s="282">
        <v>40409</v>
      </c>
      <c r="BF7" s="276">
        <v>0</v>
      </c>
      <c r="BG7" s="280">
        <v>1</v>
      </c>
      <c r="BH7" s="277">
        <v>1</v>
      </c>
      <c r="BI7" s="279">
        <v>0</v>
      </c>
      <c r="BJ7" s="280">
        <v>6839</v>
      </c>
      <c r="BK7" s="280">
        <v>8210</v>
      </c>
      <c r="BL7" s="280">
        <v>4048</v>
      </c>
      <c r="BM7" s="280">
        <v>2306</v>
      </c>
      <c r="BN7" s="280">
        <v>1139</v>
      </c>
      <c r="BO7" s="277">
        <v>22542</v>
      </c>
      <c r="BP7" s="282">
        <v>22543</v>
      </c>
      <c r="BQ7" s="276">
        <v>688</v>
      </c>
      <c r="BR7" s="280">
        <v>1148</v>
      </c>
      <c r="BS7" s="277">
        <v>1836</v>
      </c>
      <c r="BT7" s="279">
        <v>0</v>
      </c>
      <c r="BU7" s="280">
        <v>1321</v>
      </c>
      <c r="BV7" s="280">
        <v>2921</v>
      </c>
      <c r="BW7" s="280">
        <v>1636</v>
      </c>
      <c r="BX7" s="280">
        <v>1053</v>
      </c>
      <c r="BY7" s="280">
        <v>399</v>
      </c>
      <c r="BZ7" s="277">
        <v>7330</v>
      </c>
      <c r="CA7" s="282">
        <v>9166</v>
      </c>
      <c r="CB7" s="276">
        <v>21</v>
      </c>
      <c r="CC7" s="280">
        <v>97</v>
      </c>
      <c r="CD7" s="277">
        <v>118</v>
      </c>
      <c r="CE7" s="279">
        <v>0</v>
      </c>
      <c r="CF7" s="280">
        <v>620</v>
      </c>
      <c r="CG7" s="280">
        <v>1298</v>
      </c>
      <c r="CH7" s="280">
        <v>1613</v>
      </c>
      <c r="CI7" s="280">
        <v>1176</v>
      </c>
      <c r="CJ7" s="280">
        <v>644</v>
      </c>
      <c r="CK7" s="277">
        <v>5351</v>
      </c>
      <c r="CL7" s="282">
        <v>5469</v>
      </c>
      <c r="CM7" s="276">
        <v>1</v>
      </c>
      <c r="CN7" s="280">
        <v>12</v>
      </c>
      <c r="CO7" s="277">
        <v>13</v>
      </c>
      <c r="CP7" s="279">
        <v>0</v>
      </c>
      <c r="CQ7" s="280">
        <v>93</v>
      </c>
      <c r="CR7" s="280">
        <v>236</v>
      </c>
      <c r="CS7" s="280">
        <v>323</v>
      </c>
      <c r="CT7" s="280">
        <v>286</v>
      </c>
      <c r="CU7" s="280">
        <v>180</v>
      </c>
      <c r="CV7" s="277">
        <v>1118</v>
      </c>
      <c r="CW7" s="282">
        <v>1131</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3625</v>
      </c>
      <c r="DU7" s="280">
        <v>9592</v>
      </c>
      <c r="DV7" s="277">
        <v>13217</v>
      </c>
      <c r="DW7" s="279">
        <v>0</v>
      </c>
      <c r="DX7" s="280">
        <v>7509</v>
      </c>
      <c r="DY7" s="280">
        <v>19744</v>
      </c>
      <c r="DZ7" s="280">
        <v>10723</v>
      </c>
      <c r="EA7" s="280">
        <v>8166</v>
      </c>
      <c r="EB7" s="280">
        <v>5339</v>
      </c>
      <c r="EC7" s="277">
        <v>51481</v>
      </c>
      <c r="ED7" s="282">
        <v>64698</v>
      </c>
      <c r="EE7" s="276">
        <v>684</v>
      </c>
      <c r="EF7" s="280">
        <v>566</v>
      </c>
      <c r="EG7" s="277">
        <v>1250</v>
      </c>
      <c r="EH7" s="279">
        <v>0</v>
      </c>
      <c r="EI7" s="280">
        <v>2390</v>
      </c>
      <c r="EJ7" s="280">
        <v>2537</v>
      </c>
      <c r="EK7" s="280">
        <v>2023</v>
      </c>
      <c r="EL7" s="280">
        <v>2388</v>
      </c>
      <c r="EM7" s="280">
        <v>1316</v>
      </c>
      <c r="EN7" s="277">
        <v>10654</v>
      </c>
      <c r="EO7" s="282">
        <v>11904</v>
      </c>
      <c r="EP7" s="276">
        <v>4961</v>
      </c>
      <c r="EQ7" s="280">
        <v>11761</v>
      </c>
      <c r="ER7" s="277">
        <v>16722</v>
      </c>
      <c r="ES7" s="279">
        <v>0</v>
      </c>
      <c r="ET7" s="280">
        <v>18618</v>
      </c>
      <c r="EU7" s="280">
        <v>26797</v>
      </c>
      <c r="EV7" s="280">
        <v>13069</v>
      </c>
      <c r="EW7" s="280">
        <v>8915</v>
      </c>
      <c r="EX7" s="280">
        <v>5542</v>
      </c>
      <c r="EY7" s="277">
        <v>72941</v>
      </c>
      <c r="EZ7" s="282">
        <v>89663</v>
      </c>
    </row>
    <row r="8" spans="2:156" ht="21" customHeight="1" x14ac:dyDescent="0.2">
      <c r="B8" s="261" t="s">
        <v>6</v>
      </c>
      <c r="C8" s="276">
        <v>0</v>
      </c>
      <c r="D8" s="280">
        <v>0</v>
      </c>
      <c r="E8" s="384">
        <v>0</v>
      </c>
      <c r="F8" s="279">
        <v>0</v>
      </c>
      <c r="G8" s="280">
        <v>3440</v>
      </c>
      <c r="H8" s="280">
        <v>2925</v>
      </c>
      <c r="I8" s="280">
        <v>1873</v>
      </c>
      <c r="J8" s="280">
        <v>1634</v>
      </c>
      <c r="K8" s="280">
        <v>1201</v>
      </c>
      <c r="L8" s="281">
        <v>11073</v>
      </c>
      <c r="M8" s="282">
        <v>11073</v>
      </c>
      <c r="N8" s="276">
        <v>1</v>
      </c>
      <c r="O8" s="280">
        <v>2</v>
      </c>
      <c r="P8" s="277">
        <v>3</v>
      </c>
      <c r="Q8" s="279">
        <v>0</v>
      </c>
      <c r="R8" s="280">
        <v>16</v>
      </c>
      <c r="S8" s="280">
        <v>59</v>
      </c>
      <c r="T8" s="280">
        <v>109</v>
      </c>
      <c r="U8" s="280">
        <v>283</v>
      </c>
      <c r="V8" s="280">
        <v>498</v>
      </c>
      <c r="W8" s="277">
        <v>965</v>
      </c>
      <c r="X8" s="282">
        <v>968</v>
      </c>
      <c r="Y8" s="276">
        <v>325</v>
      </c>
      <c r="Z8" s="280">
        <v>676</v>
      </c>
      <c r="AA8" s="277">
        <v>1001</v>
      </c>
      <c r="AB8" s="279">
        <v>0</v>
      </c>
      <c r="AC8" s="280">
        <v>2046</v>
      </c>
      <c r="AD8" s="280">
        <v>1999</v>
      </c>
      <c r="AE8" s="280">
        <v>1363</v>
      </c>
      <c r="AF8" s="280">
        <v>1362</v>
      </c>
      <c r="AG8" s="280">
        <v>963</v>
      </c>
      <c r="AH8" s="277">
        <v>7733</v>
      </c>
      <c r="AI8" s="282">
        <v>8734</v>
      </c>
      <c r="AJ8" s="276">
        <v>15</v>
      </c>
      <c r="AK8" s="280">
        <v>53</v>
      </c>
      <c r="AL8" s="277">
        <v>68</v>
      </c>
      <c r="AM8" s="279">
        <v>0</v>
      </c>
      <c r="AN8" s="280">
        <v>168</v>
      </c>
      <c r="AO8" s="280">
        <v>202</v>
      </c>
      <c r="AP8" s="280">
        <v>138</v>
      </c>
      <c r="AQ8" s="280">
        <v>121</v>
      </c>
      <c r="AR8" s="280">
        <v>69</v>
      </c>
      <c r="AS8" s="277">
        <v>698</v>
      </c>
      <c r="AT8" s="282">
        <v>766</v>
      </c>
      <c r="AU8" s="276">
        <v>481</v>
      </c>
      <c r="AV8" s="280">
        <v>541</v>
      </c>
      <c r="AW8" s="277">
        <v>1022</v>
      </c>
      <c r="AX8" s="279">
        <v>0</v>
      </c>
      <c r="AY8" s="280">
        <v>3294</v>
      </c>
      <c r="AZ8" s="280">
        <v>3520</v>
      </c>
      <c r="BA8" s="280">
        <v>3210</v>
      </c>
      <c r="BB8" s="280">
        <v>3259</v>
      </c>
      <c r="BC8" s="280">
        <v>2496</v>
      </c>
      <c r="BD8" s="281">
        <v>15779</v>
      </c>
      <c r="BE8" s="282">
        <v>16801</v>
      </c>
      <c r="BF8" s="276">
        <v>0</v>
      </c>
      <c r="BG8" s="280">
        <v>0</v>
      </c>
      <c r="BH8" s="277">
        <v>0</v>
      </c>
      <c r="BI8" s="279">
        <v>0</v>
      </c>
      <c r="BJ8" s="280">
        <v>3755</v>
      </c>
      <c r="BK8" s="280">
        <v>2622</v>
      </c>
      <c r="BL8" s="280">
        <v>1569</v>
      </c>
      <c r="BM8" s="280">
        <v>1072</v>
      </c>
      <c r="BN8" s="280">
        <v>488</v>
      </c>
      <c r="BO8" s="277">
        <v>9506</v>
      </c>
      <c r="BP8" s="282">
        <v>9506</v>
      </c>
      <c r="BQ8" s="276">
        <v>106</v>
      </c>
      <c r="BR8" s="280">
        <v>202</v>
      </c>
      <c r="BS8" s="277">
        <v>308</v>
      </c>
      <c r="BT8" s="279">
        <v>0</v>
      </c>
      <c r="BU8" s="280">
        <v>599</v>
      </c>
      <c r="BV8" s="280">
        <v>675</v>
      </c>
      <c r="BW8" s="280">
        <v>501</v>
      </c>
      <c r="BX8" s="280">
        <v>355</v>
      </c>
      <c r="BY8" s="280">
        <v>124</v>
      </c>
      <c r="BZ8" s="277">
        <v>2254</v>
      </c>
      <c r="CA8" s="282">
        <v>2562</v>
      </c>
      <c r="CB8" s="276">
        <v>10</v>
      </c>
      <c r="CC8" s="280">
        <v>30</v>
      </c>
      <c r="CD8" s="277">
        <v>40</v>
      </c>
      <c r="CE8" s="279">
        <v>0</v>
      </c>
      <c r="CF8" s="280">
        <v>308</v>
      </c>
      <c r="CG8" s="280">
        <v>427</v>
      </c>
      <c r="CH8" s="280">
        <v>531</v>
      </c>
      <c r="CI8" s="280">
        <v>433</v>
      </c>
      <c r="CJ8" s="280">
        <v>228</v>
      </c>
      <c r="CK8" s="277">
        <v>1927</v>
      </c>
      <c r="CL8" s="282">
        <v>1967</v>
      </c>
      <c r="CM8" s="276">
        <v>1</v>
      </c>
      <c r="CN8" s="280">
        <v>3</v>
      </c>
      <c r="CO8" s="277">
        <v>4</v>
      </c>
      <c r="CP8" s="279">
        <v>0</v>
      </c>
      <c r="CQ8" s="280">
        <v>33</v>
      </c>
      <c r="CR8" s="280">
        <v>40</v>
      </c>
      <c r="CS8" s="280">
        <v>79</v>
      </c>
      <c r="CT8" s="280">
        <v>78</v>
      </c>
      <c r="CU8" s="280">
        <v>39</v>
      </c>
      <c r="CV8" s="277">
        <v>269</v>
      </c>
      <c r="CW8" s="282">
        <v>273</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1537</v>
      </c>
      <c r="DU8" s="280">
        <v>2740</v>
      </c>
      <c r="DV8" s="277">
        <v>4277</v>
      </c>
      <c r="DW8" s="279">
        <v>0</v>
      </c>
      <c r="DX8" s="280">
        <v>4914</v>
      </c>
      <c r="DY8" s="280">
        <v>5649</v>
      </c>
      <c r="DZ8" s="280">
        <v>3924</v>
      </c>
      <c r="EA8" s="280">
        <v>3398</v>
      </c>
      <c r="EB8" s="280">
        <v>2097</v>
      </c>
      <c r="EC8" s="277">
        <v>19982</v>
      </c>
      <c r="ED8" s="282">
        <v>24259</v>
      </c>
      <c r="EE8" s="276">
        <v>238</v>
      </c>
      <c r="EF8" s="280">
        <v>176</v>
      </c>
      <c r="EG8" s="277">
        <v>414</v>
      </c>
      <c r="EH8" s="279">
        <v>0</v>
      </c>
      <c r="EI8" s="280">
        <v>844</v>
      </c>
      <c r="EJ8" s="280">
        <v>714</v>
      </c>
      <c r="EK8" s="280">
        <v>678</v>
      </c>
      <c r="EL8" s="280">
        <v>797</v>
      </c>
      <c r="EM8" s="280">
        <v>493</v>
      </c>
      <c r="EN8" s="277">
        <v>3526</v>
      </c>
      <c r="EO8" s="282">
        <v>3940</v>
      </c>
      <c r="EP8" s="276">
        <v>1876</v>
      </c>
      <c r="EQ8" s="280">
        <v>3234</v>
      </c>
      <c r="ER8" s="277">
        <v>5110</v>
      </c>
      <c r="ES8" s="279">
        <v>0</v>
      </c>
      <c r="ET8" s="280">
        <v>9628</v>
      </c>
      <c r="EU8" s="280">
        <v>7364</v>
      </c>
      <c r="EV8" s="280">
        <v>4515</v>
      </c>
      <c r="EW8" s="280">
        <v>3561</v>
      </c>
      <c r="EX8" s="280">
        <v>2134</v>
      </c>
      <c r="EY8" s="277">
        <v>27202</v>
      </c>
      <c r="EZ8" s="282">
        <v>32312</v>
      </c>
    </row>
    <row r="9" spans="2:156" ht="21" customHeight="1" x14ac:dyDescent="0.2">
      <c r="B9" s="261" t="s">
        <v>14</v>
      </c>
      <c r="C9" s="276">
        <v>0</v>
      </c>
      <c r="D9" s="280">
        <v>0</v>
      </c>
      <c r="E9" s="384">
        <v>0</v>
      </c>
      <c r="F9" s="279">
        <v>0</v>
      </c>
      <c r="G9" s="280">
        <v>1219</v>
      </c>
      <c r="H9" s="280">
        <v>1656</v>
      </c>
      <c r="I9" s="280">
        <v>963</v>
      </c>
      <c r="J9" s="280">
        <v>687</v>
      </c>
      <c r="K9" s="280">
        <v>529</v>
      </c>
      <c r="L9" s="281">
        <v>5054</v>
      </c>
      <c r="M9" s="282">
        <v>5054</v>
      </c>
      <c r="N9" s="276">
        <v>0</v>
      </c>
      <c r="O9" s="280">
        <v>3</v>
      </c>
      <c r="P9" s="277">
        <v>3</v>
      </c>
      <c r="Q9" s="279">
        <v>0</v>
      </c>
      <c r="R9" s="280">
        <v>5</v>
      </c>
      <c r="S9" s="280">
        <v>19</v>
      </c>
      <c r="T9" s="280">
        <v>60</v>
      </c>
      <c r="U9" s="280">
        <v>114</v>
      </c>
      <c r="V9" s="280">
        <v>214</v>
      </c>
      <c r="W9" s="277">
        <v>412</v>
      </c>
      <c r="X9" s="282">
        <v>415</v>
      </c>
      <c r="Y9" s="276">
        <v>117</v>
      </c>
      <c r="Z9" s="280">
        <v>424</v>
      </c>
      <c r="AA9" s="277">
        <v>541</v>
      </c>
      <c r="AB9" s="279">
        <v>0</v>
      </c>
      <c r="AC9" s="280">
        <v>664</v>
      </c>
      <c r="AD9" s="280">
        <v>1112</v>
      </c>
      <c r="AE9" s="280">
        <v>738</v>
      </c>
      <c r="AF9" s="280">
        <v>632</v>
      </c>
      <c r="AG9" s="280">
        <v>474</v>
      </c>
      <c r="AH9" s="277">
        <v>3620</v>
      </c>
      <c r="AI9" s="282">
        <v>4161</v>
      </c>
      <c r="AJ9" s="276">
        <v>7</v>
      </c>
      <c r="AK9" s="280">
        <v>36</v>
      </c>
      <c r="AL9" s="277">
        <v>43</v>
      </c>
      <c r="AM9" s="279">
        <v>0</v>
      </c>
      <c r="AN9" s="280">
        <v>24</v>
      </c>
      <c r="AO9" s="280">
        <v>76</v>
      </c>
      <c r="AP9" s="280">
        <v>48</v>
      </c>
      <c r="AQ9" s="280">
        <v>47</v>
      </c>
      <c r="AR9" s="280">
        <v>31</v>
      </c>
      <c r="AS9" s="277">
        <v>226</v>
      </c>
      <c r="AT9" s="282">
        <v>269</v>
      </c>
      <c r="AU9" s="276">
        <v>206</v>
      </c>
      <c r="AV9" s="280">
        <v>328</v>
      </c>
      <c r="AW9" s="277">
        <v>534</v>
      </c>
      <c r="AX9" s="279">
        <v>0</v>
      </c>
      <c r="AY9" s="280">
        <v>1257</v>
      </c>
      <c r="AZ9" s="280">
        <v>1654</v>
      </c>
      <c r="BA9" s="280">
        <v>1613</v>
      </c>
      <c r="BB9" s="280">
        <v>1406</v>
      </c>
      <c r="BC9" s="280">
        <v>1039</v>
      </c>
      <c r="BD9" s="281">
        <v>6969</v>
      </c>
      <c r="BE9" s="282">
        <v>7503</v>
      </c>
      <c r="BF9" s="276">
        <v>0</v>
      </c>
      <c r="BG9" s="280">
        <v>0</v>
      </c>
      <c r="BH9" s="277">
        <v>0</v>
      </c>
      <c r="BI9" s="279">
        <v>0</v>
      </c>
      <c r="BJ9" s="280">
        <v>1555</v>
      </c>
      <c r="BK9" s="280">
        <v>1728</v>
      </c>
      <c r="BL9" s="280">
        <v>1073</v>
      </c>
      <c r="BM9" s="280">
        <v>644</v>
      </c>
      <c r="BN9" s="280">
        <v>310</v>
      </c>
      <c r="BO9" s="277">
        <v>5310</v>
      </c>
      <c r="BP9" s="282">
        <v>5310</v>
      </c>
      <c r="BQ9" s="276">
        <v>72</v>
      </c>
      <c r="BR9" s="280">
        <v>170</v>
      </c>
      <c r="BS9" s="277">
        <v>242</v>
      </c>
      <c r="BT9" s="279">
        <v>0</v>
      </c>
      <c r="BU9" s="280">
        <v>152</v>
      </c>
      <c r="BV9" s="280">
        <v>385</v>
      </c>
      <c r="BW9" s="280">
        <v>243</v>
      </c>
      <c r="BX9" s="280">
        <v>147</v>
      </c>
      <c r="BY9" s="280">
        <v>46</v>
      </c>
      <c r="BZ9" s="277">
        <v>973</v>
      </c>
      <c r="CA9" s="282">
        <v>1215</v>
      </c>
      <c r="CB9" s="276">
        <v>4</v>
      </c>
      <c r="CC9" s="280">
        <v>23</v>
      </c>
      <c r="CD9" s="277">
        <v>27</v>
      </c>
      <c r="CE9" s="279">
        <v>0</v>
      </c>
      <c r="CF9" s="280">
        <v>133</v>
      </c>
      <c r="CG9" s="280">
        <v>262</v>
      </c>
      <c r="CH9" s="280">
        <v>362</v>
      </c>
      <c r="CI9" s="280">
        <v>291</v>
      </c>
      <c r="CJ9" s="280">
        <v>159</v>
      </c>
      <c r="CK9" s="277">
        <v>1207</v>
      </c>
      <c r="CL9" s="282">
        <v>1234</v>
      </c>
      <c r="CM9" s="276">
        <v>0</v>
      </c>
      <c r="CN9" s="280">
        <v>0</v>
      </c>
      <c r="CO9" s="277">
        <v>0</v>
      </c>
      <c r="CP9" s="279">
        <v>0</v>
      </c>
      <c r="CQ9" s="280">
        <v>3</v>
      </c>
      <c r="CR9" s="280">
        <v>8</v>
      </c>
      <c r="CS9" s="280">
        <v>10</v>
      </c>
      <c r="CT9" s="280">
        <v>5</v>
      </c>
      <c r="CU9" s="280">
        <v>4</v>
      </c>
      <c r="CV9" s="277">
        <v>30</v>
      </c>
      <c r="CW9" s="282">
        <v>30</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806</v>
      </c>
      <c r="DU9" s="280">
        <v>2259</v>
      </c>
      <c r="DV9" s="277">
        <v>3065</v>
      </c>
      <c r="DW9" s="279">
        <v>0</v>
      </c>
      <c r="DX9" s="280">
        <v>1744</v>
      </c>
      <c r="DY9" s="280">
        <v>3654</v>
      </c>
      <c r="DZ9" s="280">
        <v>2239</v>
      </c>
      <c r="EA9" s="280">
        <v>1665</v>
      </c>
      <c r="EB9" s="280">
        <v>963</v>
      </c>
      <c r="EC9" s="277">
        <v>10265</v>
      </c>
      <c r="ED9" s="282">
        <v>13330</v>
      </c>
      <c r="EE9" s="276">
        <v>129</v>
      </c>
      <c r="EF9" s="280">
        <v>117</v>
      </c>
      <c r="EG9" s="277">
        <v>246</v>
      </c>
      <c r="EH9" s="279">
        <v>0</v>
      </c>
      <c r="EI9" s="280">
        <v>339</v>
      </c>
      <c r="EJ9" s="280">
        <v>288</v>
      </c>
      <c r="EK9" s="280">
        <v>273</v>
      </c>
      <c r="EL9" s="280">
        <v>290</v>
      </c>
      <c r="EM9" s="280">
        <v>164</v>
      </c>
      <c r="EN9" s="277">
        <v>1354</v>
      </c>
      <c r="EO9" s="282">
        <v>1600</v>
      </c>
      <c r="EP9" s="276">
        <v>944</v>
      </c>
      <c r="EQ9" s="280">
        <v>2550</v>
      </c>
      <c r="ER9" s="277">
        <v>3494</v>
      </c>
      <c r="ES9" s="279">
        <v>0</v>
      </c>
      <c r="ET9" s="280">
        <v>3848</v>
      </c>
      <c r="EU9" s="280">
        <v>4856</v>
      </c>
      <c r="EV9" s="280">
        <v>2699</v>
      </c>
      <c r="EW9" s="280">
        <v>1786</v>
      </c>
      <c r="EX9" s="280">
        <v>1028</v>
      </c>
      <c r="EY9" s="277">
        <v>14217</v>
      </c>
      <c r="EZ9" s="282">
        <v>17711</v>
      </c>
    </row>
    <row r="10" spans="2:156" ht="21" customHeight="1" x14ac:dyDescent="0.2">
      <c r="B10" s="261" t="s">
        <v>7</v>
      </c>
      <c r="C10" s="276">
        <v>0</v>
      </c>
      <c r="D10" s="280">
        <v>0</v>
      </c>
      <c r="E10" s="384">
        <v>0</v>
      </c>
      <c r="F10" s="279">
        <v>0</v>
      </c>
      <c r="G10" s="280">
        <v>1500</v>
      </c>
      <c r="H10" s="280">
        <v>1108</v>
      </c>
      <c r="I10" s="280">
        <v>611</v>
      </c>
      <c r="J10" s="280">
        <v>601</v>
      </c>
      <c r="K10" s="280">
        <v>384</v>
      </c>
      <c r="L10" s="281">
        <v>4204</v>
      </c>
      <c r="M10" s="282">
        <v>4204</v>
      </c>
      <c r="N10" s="276">
        <v>0</v>
      </c>
      <c r="O10" s="280">
        <v>0</v>
      </c>
      <c r="P10" s="277">
        <v>0</v>
      </c>
      <c r="Q10" s="279">
        <v>0</v>
      </c>
      <c r="R10" s="280">
        <v>11</v>
      </c>
      <c r="S10" s="280">
        <v>49</v>
      </c>
      <c r="T10" s="280">
        <v>60</v>
      </c>
      <c r="U10" s="280">
        <v>147</v>
      </c>
      <c r="V10" s="280">
        <v>174</v>
      </c>
      <c r="W10" s="277">
        <v>441</v>
      </c>
      <c r="X10" s="282">
        <v>441</v>
      </c>
      <c r="Y10" s="276">
        <v>16</v>
      </c>
      <c r="Z10" s="280">
        <v>21</v>
      </c>
      <c r="AA10" s="277">
        <v>37</v>
      </c>
      <c r="AB10" s="279">
        <v>0</v>
      </c>
      <c r="AC10" s="280">
        <v>494</v>
      </c>
      <c r="AD10" s="280">
        <v>529</v>
      </c>
      <c r="AE10" s="280">
        <v>331</v>
      </c>
      <c r="AF10" s="280">
        <v>371</v>
      </c>
      <c r="AG10" s="280">
        <v>257</v>
      </c>
      <c r="AH10" s="277">
        <v>1982</v>
      </c>
      <c r="AI10" s="282">
        <v>2019</v>
      </c>
      <c r="AJ10" s="276">
        <v>4</v>
      </c>
      <c r="AK10" s="280">
        <v>7</v>
      </c>
      <c r="AL10" s="277">
        <v>11</v>
      </c>
      <c r="AM10" s="279">
        <v>0</v>
      </c>
      <c r="AN10" s="280">
        <v>63</v>
      </c>
      <c r="AO10" s="280">
        <v>73</v>
      </c>
      <c r="AP10" s="280">
        <v>56</v>
      </c>
      <c r="AQ10" s="280">
        <v>56</v>
      </c>
      <c r="AR10" s="280">
        <v>28</v>
      </c>
      <c r="AS10" s="277">
        <v>276</v>
      </c>
      <c r="AT10" s="282">
        <v>287</v>
      </c>
      <c r="AU10" s="276">
        <v>115</v>
      </c>
      <c r="AV10" s="280">
        <v>103</v>
      </c>
      <c r="AW10" s="277">
        <v>218</v>
      </c>
      <c r="AX10" s="279">
        <v>0</v>
      </c>
      <c r="AY10" s="280">
        <v>1130</v>
      </c>
      <c r="AZ10" s="280">
        <v>1103</v>
      </c>
      <c r="BA10" s="280">
        <v>944</v>
      </c>
      <c r="BB10" s="280">
        <v>985</v>
      </c>
      <c r="BC10" s="280">
        <v>657</v>
      </c>
      <c r="BD10" s="281">
        <v>4819</v>
      </c>
      <c r="BE10" s="282">
        <v>5037</v>
      </c>
      <c r="BF10" s="276">
        <v>0</v>
      </c>
      <c r="BG10" s="280">
        <v>0</v>
      </c>
      <c r="BH10" s="277">
        <v>0</v>
      </c>
      <c r="BI10" s="279">
        <v>0</v>
      </c>
      <c r="BJ10" s="280">
        <v>1692</v>
      </c>
      <c r="BK10" s="280">
        <v>1083</v>
      </c>
      <c r="BL10" s="280">
        <v>563</v>
      </c>
      <c r="BM10" s="280">
        <v>326</v>
      </c>
      <c r="BN10" s="280">
        <v>127</v>
      </c>
      <c r="BO10" s="277">
        <v>3791</v>
      </c>
      <c r="BP10" s="282">
        <v>3791</v>
      </c>
      <c r="BQ10" s="276">
        <v>35</v>
      </c>
      <c r="BR10" s="280">
        <v>52</v>
      </c>
      <c r="BS10" s="277">
        <v>87</v>
      </c>
      <c r="BT10" s="279">
        <v>0</v>
      </c>
      <c r="BU10" s="280">
        <v>260</v>
      </c>
      <c r="BV10" s="280">
        <v>236</v>
      </c>
      <c r="BW10" s="280">
        <v>126</v>
      </c>
      <c r="BX10" s="280">
        <v>67</v>
      </c>
      <c r="BY10" s="280">
        <v>17</v>
      </c>
      <c r="BZ10" s="277">
        <v>706</v>
      </c>
      <c r="CA10" s="282">
        <v>793</v>
      </c>
      <c r="CB10" s="276">
        <v>2</v>
      </c>
      <c r="CC10" s="280">
        <v>5</v>
      </c>
      <c r="CD10" s="277">
        <v>7</v>
      </c>
      <c r="CE10" s="279">
        <v>0</v>
      </c>
      <c r="CF10" s="280">
        <v>220</v>
      </c>
      <c r="CG10" s="280">
        <v>293</v>
      </c>
      <c r="CH10" s="280">
        <v>268</v>
      </c>
      <c r="CI10" s="280">
        <v>181</v>
      </c>
      <c r="CJ10" s="280">
        <v>94</v>
      </c>
      <c r="CK10" s="277">
        <v>1056</v>
      </c>
      <c r="CL10" s="282">
        <v>1063</v>
      </c>
      <c r="CM10" s="276">
        <v>0</v>
      </c>
      <c r="CN10" s="280">
        <v>0</v>
      </c>
      <c r="CO10" s="277">
        <v>0</v>
      </c>
      <c r="CP10" s="279">
        <v>0</v>
      </c>
      <c r="CQ10" s="280">
        <v>4</v>
      </c>
      <c r="CR10" s="280">
        <v>13</v>
      </c>
      <c r="CS10" s="280">
        <v>17</v>
      </c>
      <c r="CT10" s="280">
        <v>17</v>
      </c>
      <c r="CU10" s="280">
        <v>9</v>
      </c>
      <c r="CV10" s="277">
        <v>60</v>
      </c>
      <c r="CW10" s="282">
        <v>60</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47</v>
      </c>
      <c r="DU10" s="280">
        <v>677</v>
      </c>
      <c r="DV10" s="277">
        <v>1024</v>
      </c>
      <c r="DW10" s="279">
        <v>0</v>
      </c>
      <c r="DX10" s="280">
        <v>1990</v>
      </c>
      <c r="DY10" s="280">
        <v>2260</v>
      </c>
      <c r="DZ10" s="280">
        <v>1274</v>
      </c>
      <c r="EA10" s="280">
        <v>1038</v>
      </c>
      <c r="EB10" s="280">
        <v>578</v>
      </c>
      <c r="EC10" s="277">
        <v>7140</v>
      </c>
      <c r="ED10" s="282">
        <v>8164</v>
      </c>
      <c r="EE10" s="276">
        <v>96</v>
      </c>
      <c r="EF10" s="280">
        <v>47</v>
      </c>
      <c r="EG10" s="277">
        <v>143</v>
      </c>
      <c r="EH10" s="279">
        <v>0</v>
      </c>
      <c r="EI10" s="280">
        <v>489</v>
      </c>
      <c r="EJ10" s="280">
        <v>281</v>
      </c>
      <c r="EK10" s="280">
        <v>240</v>
      </c>
      <c r="EL10" s="280">
        <v>272</v>
      </c>
      <c r="EM10" s="280">
        <v>152</v>
      </c>
      <c r="EN10" s="277">
        <v>1434</v>
      </c>
      <c r="EO10" s="282">
        <v>1577</v>
      </c>
      <c r="EP10" s="276">
        <v>392</v>
      </c>
      <c r="EQ10" s="280">
        <v>730</v>
      </c>
      <c r="ER10" s="277">
        <v>1122</v>
      </c>
      <c r="ES10" s="279">
        <v>0</v>
      </c>
      <c r="ET10" s="280">
        <v>4400</v>
      </c>
      <c r="EU10" s="280">
        <v>3081</v>
      </c>
      <c r="EV10" s="280">
        <v>1574</v>
      </c>
      <c r="EW10" s="280">
        <v>1149</v>
      </c>
      <c r="EX10" s="280">
        <v>613</v>
      </c>
      <c r="EY10" s="277">
        <v>10817</v>
      </c>
      <c r="EZ10" s="282">
        <v>11939</v>
      </c>
    </row>
    <row r="11" spans="2:156" ht="21" customHeight="1" x14ac:dyDescent="0.2">
      <c r="B11" s="261" t="s">
        <v>8</v>
      </c>
      <c r="C11" s="276">
        <v>0</v>
      </c>
      <c r="D11" s="280">
        <v>0</v>
      </c>
      <c r="E11" s="384">
        <v>0</v>
      </c>
      <c r="F11" s="279">
        <v>0</v>
      </c>
      <c r="G11" s="280">
        <v>490</v>
      </c>
      <c r="H11" s="280">
        <v>638</v>
      </c>
      <c r="I11" s="280">
        <v>366</v>
      </c>
      <c r="J11" s="280">
        <v>301</v>
      </c>
      <c r="K11" s="280">
        <v>256</v>
      </c>
      <c r="L11" s="281">
        <v>2051</v>
      </c>
      <c r="M11" s="282">
        <v>2051</v>
      </c>
      <c r="N11" s="276">
        <v>0</v>
      </c>
      <c r="O11" s="280">
        <v>0</v>
      </c>
      <c r="P11" s="277">
        <v>0</v>
      </c>
      <c r="Q11" s="279">
        <v>0</v>
      </c>
      <c r="R11" s="280">
        <v>4</v>
      </c>
      <c r="S11" s="280">
        <v>10</v>
      </c>
      <c r="T11" s="280">
        <v>30</v>
      </c>
      <c r="U11" s="280">
        <v>56</v>
      </c>
      <c r="V11" s="280">
        <v>106</v>
      </c>
      <c r="W11" s="277">
        <v>206</v>
      </c>
      <c r="X11" s="282">
        <v>206</v>
      </c>
      <c r="Y11" s="276">
        <v>51</v>
      </c>
      <c r="Z11" s="280">
        <v>72</v>
      </c>
      <c r="AA11" s="277">
        <v>123</v>
      </c>
      <c r="AB11" s="279">
        <v>0</v>
      </c>
      <c r="AC11" s="280">
        <v>275</v>
      </c>
      <c r="AD11" s="280">
        <v>402</v>
      </c>
      <c r="AE11" s="280">
        <v>261</v>
      </c>
      <c r="AF11" s="280">
        <v>215</v>
      </c>
      <c r="AG11" s="280">
        <v>189</v>
      </c>
      <c r="AH11" s="277">
        <v>1342</v>
      </c>
      <c r="AI11" s="282">
        <v>1465</v>
      </c>
      <c r="AJ11" s="276">
        <v>7</v>
      </c>
      <c r="AK11" s="280">
        <v>15</v>
      </c>
      <c r="AL11" s="277">
        <v>22</v>
      </c>
      <c r="AM11" s="279">
        <v>0</v>
      </c>
      <c r="AN11" s="280">
        <v>44</v>
      </c>
      <c r="AO11" s="280">
        <v>83</v>
      </c>
      <c r="AP11" s="280">
        <v>53</v>
      </c>
      <c r="AQ11" s="280">
        <v>40</v>
      </c>
      <c r="AR11" s="280">
        <v>29</v>
      </c>
      <c r="AS11" s="277">
        <v>249</v>
      </c>
      <c r="AT11" s="282">
        <v>271</v>
      </c>
      <c r="AU11" s="276">
        <v>75</v>
      </c>
      <c r="AV11" s="280">
        <v>54</v>
      </c>
      <c r="AW11" s="277">
        <v>129</v>
      </c>
      <c r="AX11" s="279">
        <v>0</v>
      </c>
      <c r="AY11" s="280">
        <v>441</v>
      </c>
      <c r="AZ11" s="280">
        <v>571</v>
      </c>
      <c r="BA11" s="280">
        <v>488</v>
      </c>
      <c r="BB11" s="280">
        <v>512</v>
      </c>
      <c r="BC11" s="280">
        <v>396</v>
      </c>
      <c r="BD11" s="281">
        <v>2408</v>
      </c>
      <c r="BE11" s="282">
        <v>2537</v>
      </c>
      <c r="BF11" s="276">
        <v>0</v>
      </c>
      <c r="BG11" s="280">
        <v>0</v>
      </c>
      <c r="BH11" s="277">
        <v>0</v>
      </c>
      <c r="BI11" s="279">
        <v>0</v>
      </c>
      <c r="BJ11" s="280">
        <v>595</v>
      </c>
      <c r="BK11" s="280">
        <v>619</v>
      </c>
      <c r="BL11" s="280">
        <v>360</v>
      </c>
      <c r="BM11" s="280">
        <v>198</v>
      </c>
      <c r="BN11" s="280">
        <v>117</v>
      </c>
      <c r="BO11" s="277">
        <v>1889</v>
      </c>
      <c r="BP11" s="282">
        <v>1889</v>
      </c>
      <c r="BQ11" s="276">
        <v>57</v>
      </c>
      <c r="BR11" s="280">
        <v>55</v>
      </c>
      <c r="BS11" s="277">
        <v>112</v>
      </c>
      <c r="BT11" s="279">
        <v>0</v>
      </c>
      <c r="BU11" s="280">
        <v>124</v>
      </c>
      <c r="BV11" s="280">
        <v>163</v>
      </c>
      <c r="BW11" s="280">
        <v>101</v>
      </c>
      <c r="BX11" s="280">
        <v>55</v>
      </c>
      <c r="BY11" s="280">
        <v>17</v>
      </c>
      <c r="BZ11" s="277">
        <v>460</v>
      </c>
      <c r="CA11" s="282">
        <v>572</v>
      </c>
      <c r="CB11" s="276">
        <v>5</v>
      </c>
      <c r="CC11" s="280">
        <v>5</v>
      </c>
      <c r="CD11" s="277">
        <v>10</v>
      </c>
      <c r="CE11" s="279">
        <v>0</v>
      </c>
      <c r="CF11" s="280">
        <v>89</v>
      </c>
      <c r="CG11" s="280">
        <v>153</v>
      </c>
      <c r="CH11" s="280">
        <v>217</v>
      </c>
      <c r="CI11" s="280">
        <v>110</v>
      </c>
      <c r="CJ11" s="280">
        <v>67</v>
      </c>
      <c r="CK11" s="277">
        <v>636</v>
      </c>
      <c r="CL11" s="282">
        <v>646</v>
      </c>
      <c r="CM11" s="276">
        <v>0</v>
      </c>
      <c r="CN11" s="280">
        <v>0</v>
      </c>
      <c r="CO11" s="277">
        <v>0</v>
      </c>
      <c r="CP11" s="279">
        <v>0</v>
      </c>
      <c r="CQ11" s="280">
        <v>2</v>
      </c>
      <c r="CR11" s="280">
        <v>6</v>
      </c>
      <c r="CS11" s="280">
        <v>4</v>
      </c>
      <c r="CT11" s="280">
        <v>2</v>
      </c>
      <c r="CU11" s="280">
        <v>1</v>
      </c>
      <c r="CV11" s="277">
        <v>15</v>
      </c>
      <c r="CW11" s="282">
        <v>15</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391</v>
      </c>
      <c r="DU11" s="280">
        <v>552</v>
      </c>
      <c r="DV11" s="277">
        <v>943</v>
      </c>
      <c r="DW11" s="279">
        <v>0</v>
      </c>
      <c r="DX11" s="280">
        <v>933</v>
      </c>
      <c r="DY11" s="280">
        <v>1499</v>
      </c>
      <c r="DZ11" s="280">
        <v>871</v>
      </c>
      <c r="EA11" s="280">
        <v>615</v>
      </c>
      <c r="EB11" s="280">
        <v>403</v>
      </c>
      <c r="EC11" s="277">
        <v>4321</v>
      </c>
      <c r="ED11" s="282">
        <v>5264</v>
      </c>
      <c r="EE11" s="276">
        <v>51</v>
      </c>
      <c r="EF11" s="280">
        <v>19</v>
      </c>
      <c r="EG11" s="277">
        <v>70</v>
      </c>
      <c r="EH11" s="279">
        <v>0</v>
      </c>
      <c r="EI11" s="280">
        <v>150</v>
      </c>
      <c r="EJ11" s="280">
        <v>114</v>
      </c>
      <c r="EK11" s="280">
        <v>105</v>
      </c>
      <c r="EL11" s="280">
        <v>122</v>
      </c>
      <c r="EM11" s="280">
        <v>79</v>
      </c>
      <c r="EN11" s="277">
        <v>570</v>
      </c>
      <c r="EO11" s="282">
        <v>640</v>
      </c>
      <c r="EP11" s="276">
        <v>487</v>
      </c>
      <c r="EQ11" s="280">
        <v>616</v>
      </c>
      <c r="ER11" s="277">
        <v>1103</v>
      </c>
      <c r="ES11" s="279">
        <v>0</v>
      </c>
      <c r="ET11" s="280">
        <v>1790</v>
      </c>
      <c r="EU11" s="280">
        <v>1906</v>
      </c>
      <c r="EV11" s="280">
        <v>1036</v>
      </c>
      <c r="EW11" s="280">
        <v>641</v>
      </c>
      <c r="EX11" s="280">
        <v>416</v>
      </c>
      <c r="EY11" s="277">
        <v>5789</v>
      </c>
      <c r="EZ11" s="282">
        <v>6892</v>
      </c>
    </row>
    <row r="12" spans="2:156" ht="21" customHeight="1" x14ac:dyDescent="0.2">
      <c r="B12" s="261" t="s">
        <v>9</v>
      </c>
      <c r="C12" s="276">
        <v>0</v>
      </c>
      <c r="D12" s="280">
        <v>0</v>
      </c>
      <c r="E12" s="384">
        <v>0</v>
      </c>
      <c r="F12" s="279">
        <v>0</v>
      </c>
      <c r="G12" s="280">
        <v>632</v>
      </c>
      <c r="H12" s="280">
        <v>507</v>
      </c>
      <c r="I12" s="280">
        <v>340</v>
      </c>
      <c r="J12" s="280">
        <v>323</v>
      </c>
      <c r="K12" s="280">
        <v>257</v>
      </c>
      <c r="L12" s="281">
        <v>2059</v>
      </c>
      <c r="M12" s="282">
        <v>2059</v>
      </c>
      <c r="N12" s="276">
        <v>0</v>
      </c>
      <c r="O12" s="280">
        <v>0</v>
      </c>
      <c r="P12" s="277">
        <v>0</v>
      </c>
      <c r="Q12" s="279">
        <v>0</v>
      </c>
      <c r="R12" s="280">
        <v>2</v>
      </c>
      <c r="S12" s="280">
        <v>6</v>
      </c>
      <c r="T12" s="280">
        <v>14</v>
      </c>
      <c r="U12" s="280">
        <v>55</v>
      </c>
      <c r="V12" s="280">
        <v>106</v>
      </c>
      <c r="W12" s="277">
        <v>183</v>
      </c>
      <c r="X12" s="282">
        <v>183</v>
      </c>
      <c r="Y12" s="276">
        <v>36</v>
      </c>
      <c r="Z12" s="280">
        <v>70</v>
      </c>
      <c r="AA12" s="277">
        <v>106</v>
      </c>
      <c r="AB12" s="279">
        <v>0</v>
      </c>
      <c r="AC12" s="280">
        <v>366</v>
      </c>
      <c r="AD12" s="280">
        <v>316</v>
      </c>
      <c r="AE12" s="280">
        <v>240</v>
      </c>
      <c r="AF12" s="280">
        <v>240</v>
      </c>
      <c r="AG12" s="280">
        <v>194</v>
      </c>
      <c r="AH12" s="277">
        <v>1356</v>
      </c>
      <c r="AI12" s="282">
        <v>1462</v>
      </c>
      <c r="AJ12" s="276">
        <v>3</v>
      </c>
      <c r="AK12" s="280">
        <v>14</v>
      </c>
      <c r="AL12" s="277">
        <v>17</v>
      </c>
      <c r="AM12" s="279">
        <v>0</v>
      </c>
      <c r="AN12" s="280">
        <v>57</v>
      </c>
      <c r="AO12" s="280">
        <v>54</v>
      </c>
      <c r="AP12" s="280">
        <v>56</v>
      </c>
      <c r="AQ12" s="280">
        <v>48</v>
      </c>
      <c r="AR12" s="280">
        <v>40</v>
      </c>
      <c r="AS12" s="277">
        <v>255</v>
      </c>
      <c r="AT12" s="282">
        <v>272</v>
      </c>
      <c r="AU12" s="276">
        <v>80</v>
      </c>
      <c r="AV12" s="280">
        <v>59</v>
      </c>
      <c r="AW12" s="277">
        <v>139</v>
      </c>
      <c r="AX12" s="279">
        <v>0</v>
      </c>
      <c r="AY12" s="280">
        <v>538</v>
      </c>
      <c r="AZ12" s="280">
        <v>542</v>
      </c>
      <c r="BA12" s="280">
        <v>540</v>
      </c>
      <c r="BB12" s="280">
        <v>539</v>
      </c>
      <c r="BC12" s="280">
        <v>422</v>
      </c>
      <c r="BD12" s="281">
        <v>2581</v>
      </c>
      <c r="BE12" s="282">
        <v>2720</v>
      </c>
      <c r="BF12" s="276">
        <v>0</v>
      </c>
      <c r="BG12" s="280">
        <v>0</v>
      </c>
      <c r="BH12" s="277">
        <v>0</v>
      </c>
      <c r="BI12" s="279">
        <v>0</v>
      </c>
      <c r="BJ12" s="280">
        <v>565</v>
      </c>
      <c r="BK12" s="280">
        <v>375</v>
      </c>
      <c r="BL12" s="280">
        <v>240</v>
      </c>
      <c r="BM12" s="280">
        <v>148</v>
      </c>
      <c r="BN12" s="280">
        <v>67</v>
      </c>
      <c r="BO12" s="277">
        <v>1395</v>
      </c>
      <c r="BP12" s="282">
        <v>1395</v>
      </c>
      <c r="BQ12" s="276">
        <v>39</v>
      </c>
      <c r="BR12" s="280">
        <v>59</v>
      </c>
      <c r="BS12" s="277">
        <v>98</v>
      </c>
      <c r="BT12" s="279">
        <v>0</v>
      </c>
      <c r="BU12" s="280">
        <v>142</v>
      </c>
      <c r="BV12" s="280">
        <v>133</v>
      </c>
      <c r="BW12" s="280">
        <v>77</v>
      </c>
      <c r="BX12" s="280">
        <v>66</v>
      </c>
      <c r="BY12" s="280">
        <v>24</v>
      </c>
      <c r="BZ12" s="277">
        <v>442</v>
      </c>
      <c r="CA12" s="282">
        <v>540</v>
      </c>
      <c r="CB12" s="276">
        <v>4</v>
      </c>
      <c r="CC12" s="280">
        <v>4</v>
      </c>
      <c r="CD12" s="277">
        <v>8</v>
      </c>
      <c r="CE12" s="279">
        <v>0</v>
      </c>
      <c r="CF12" s="280">
        <v>53</v>
      </c>
      <c r="CG12" s="280">
        <v>98</v>
      </c>
      <c r="CH12" s="280">
        <v>129</v>
      </c>
      <c r="CI12" s="280">
        <v>91</v>
      </c>
      <c r="CJ12" s="280">
        <v>51</v>
      </c>
      <c r="CK12" s="277">
        <v>422</v>
      </c>
      <c r="CL12" s="282">
        <v>430</v>
      </c>
      <c r="CM12" s="276">
        <v>0</v>
      </c>
      <c r="CN12" s="280">
        <v>0</v>
      </c>
      <c r="CO12" s="277">
        <v>0</v>
      </c>
      <c r="CP12" s="279">
        <v>0</v>
      </c>
      <c r="CQ12" s="280">
        <v>7</v>
      </c>
      <c r="CR12" s="280">
        <v>9</v>
      </c>
      <c r="CS12" s="280">
        <v>21</v>
      </c>
      <c r="CT12" s="280">
        <v>18</v>
      </c>
      <c r="CU12" s="280">
        <v>13</v>
      </c>
      <c r="CV12" s="277">
        <v>68</v>
      </c>
      <c r="CW12" s="282">
        <v>68</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57</v>
      </c>
      <c r="DU12" s="280">
        <v>456</v>
      </c>
      <c r="DV12" s="277">
        <v>813</v>
      </c>
      <c r="DW12" s="279">
        <v>0</v>
      </c>
      <c r="DX12" s="280">
        <v>946</v>
      </c>
      <c r="DY12" s="280">
        <v>966</v>
      </c>
      <c r="DZ12" s="280">
        <v>641</v>
      </c>
      <c r="EA12" s="280">
        <v>552</v>
      </c>
      <c r="EB12" s="280">
        <v>376</v>
      </c>
      <c r="EC12" s="277">
        <v>3481</v>
      </c>
      <c r="ED12" s="282">
        <v>4294</v>
      </c>
      <c r="EE12" s="276">
        <v>44</v>
      </c>
      <c r="EF12" s="280">
        <v>23</v>
      </c>
      <c r="EG12" s="277">
        <v>67</v>
      </c>
      <c r="EH12" s="279">
        <v>0</v>
      </c>
      <c r="EI12" s="280">
        <v>196</v>
      </c>
      <c r="EJ12" s="280">
        <v>157</v>
      </c>
      <c r="EK12" s="280">
        <v>138</v>
      </c>
      <c r="EL12" s="280">
        <v>163</v>
      </c>
      <c r="EM12" s="280">
        <v>110</v>
      </c>
      <c r="EN12" s="277">
        <v>764</v>
      </c>
      <c r="EO12" s="282">
        <v>831</v>
      </c>
      <c r="EP12" s="276">
        <v>410</v>
      </c>
      <c r="EQ12" s="280">
        <v>534</v>
      </c>
      <c r="ER12" s="277">
        <v>944</v>
      </c>
      <c r="ES12" s="279">
        <v>0</v>
      </c>
      <c r="ET12" s="280">
        <v>1743</v>
      </c>
      <c r="EU12" s="280">
        <v>1271</v>
      </c>
      <c r="EV12" s="280">
        <v>741</v>
      </c>
      <c r="EW12" s="280">
        <v>590</v>
      </c>
      <c r="EX12" s="280">
        <v>381</v>
      </c>
      <c r="EY12" s="277">
        <v>4726</v>
      </c>
      <c r="EZ12" s="282">
        <v>5670</v>
      </c>
    </row>
    <row r="13" spans="2:156" ht="21" customHeight="1" x14ac:dyDescent="0.2">
      <c r="B13" s="261" t="s">
        <v>10</v>
      </c>
      <c r="C13" s="276">
        <v>0</v>
      </c>
      <c r="D13" s="280">
        <v>0</v>
      </c>
      <c r="E13" s="384">
        <v>0</v>
      </c>
      <c r="F13" s="279">
        <v>0</v>
      </c>
      <c r="G13" s="280">
        <v>1323</v>
      </c>
      <c r="H13" s="280">
        <v>721</v>
      </c>
      <c r="I13" s="280">
        <v>452</v>
      </c>
      <c r="J13" s="280">
        <v>461</v>
      </c>
      <c r="K13" s="280">
        <v>357</v>
      </c>
      <c r="L13" s="281">
        <v>3314</v>
      </c>
      <c r="M13" s="282">
        <v>3314</v>
      </c>
      <c r="N13" s="276">
        <v>0</v>
      </c>
      <c r="O13" s="280">
        <v>1</v>
      </c>
      <c r="P13" s="277">
        <v>1</v>
      </c>
      <c r="Q13" s="279">
        <v>0</v>
      </c>
      <c r="R13" s="280">
        <v>6</v>
      </c>
      <c r="S13" s="280">
        <v>20</v>
      </c>
      <c r="T13" s="280">
        <v>37</v>
      </c>
      <c r="U13" s="280">
        <v>93</v>
      </c>
      <c r="V13" s="280">
        <v>166</v>
      </c>
      <c r="W13" s="277">
        <v>322</v>
      </c>
      <c r="X13" s="282">
        <v>323</v>
      </c>
      <c r="Y13" s="276">
        <v>159</v>
      </c>
      <c r="Z13" s="280">
        <v>308</v>
      </c>
      <c r="AA13" s="277">
        <v>467</v>
      </c>
      <c r="AB13" s="279">
        <v>0</v>
      </c>
      <c r="AC13" s="280">
        <v>764</v>
      </c>
      <c r="AD13" s="280">
        <v>524</v>
      </c>
      <c r="AE13" s="280">
        <v>339</v>
      </c>
      <c r="AF13" s="280">
        <v>308</v>
      </c>
      <c r="AG13" s="280">
        <v>288</v>
      </c>
      <c r="AH13" s="277">
        <v>2223</v>
      </c>
      <c r="AI13" s="282">
        <v>2690</v>
      </c>
      <c r="AJ13" s="276">
        <v>26</v>
      </c>
      <c r="AK13" s="280">
        <v>44</v>
      </c>
      <c r="AL13" s="277">
        <v>70</v>
      </c>
      <c r="AM13" s="279">
        <v>0</v>
      </c>
      <c r="AN13" s="280">
        <v>116</v>
      </c>
      <c r="AO13" s="280">
        <v>94</v>
      </c>
      <c r="AP13" s="280">
        <v>56</v>
      </c>
      <c r="AQ13" s="280">
        <v>53</v>
      </c>
      <c r="AR13" s="280">
        <v>51</v>
      </c>
      <c r="AS13" s="277">
        <v>370</v>
      </c>
      <c r="AT13" s="282">
        <v>440</v>
      </c>
      <c r="AU13" s="276">
        <v>187</v>
      </c>
      <c r="AV13" s="280">
        <v>253</v>
      </c>
      <c r="AW13" s="277">
        <v>440</v>
      </c>
      <c r="AX13" s="279">
        <v>0</v>
      </c>
      <c r="AY13" s="280">
        <v>1233</v>
      </c>
      <c r="AZ13" s="280">
        <v>1064</v>
      </c>
      <c r="BA13" s="280">
        <v>868</v>
      </c>
      <c r="BB13" s="280">
        <v>948</v>
      </c>
      <c r="BC13" s="280">
        <v>745</v>
      </c>
      <c r="BD13" s="281">
        <v>4858</v>
      </c>
      <c r="BE13" s="282">
        <v>5298</v>
      </c>
      <c r="BF13" s="276">
        <v>0</v>
      </c>
      <c r="BG13" s="280">
        <v>0</v>
      </c>
      <c r="BH13" s="277">
        <v>0</v>
      </c>
      <c r="BI13" s="279">
        <v>0</v>
      </c>
      <c r="BJ13" s="280">
        <v>1529</v>
      </c>
      <c r="BK13" s="280">
        <v>803</v>
      </c>
      <c r="BL13" s="280">
        <v>483</v>
      </c>
      <c r="BM13" s="280">
        <v>276</v>
      </c>
      <c r="BN13" s="280">
        <v>139</v>
      </c>
      <c r="BO13" s="277">
        <v>3230</v>
      </c>
      <c r="BP13" s="282">
        <v>3230</v>
      </c>
      <c r="BQ13" s="276">
        <v>65</v>
      </c>
      <c r="BR13" s="280">
        <v>88</v>
      </c>
      <c r="BS13" s="277">
        <v>153</v>
      </c>
      <c r="BT13" s="279">
        <v>0</v>
      </c>
      <c r="BU13" s="280">
        <v>269</v>
      </c>
      <c r="BV13" s="280">
        <v>172</v>
      </c>
      <c r="BW13" s="280">
        <v>93</v>
      </c>
      <c r="BX13" s="280">
        <v>64</v>
      </c>
      <c r="BY13" s="280">
        <v>27</v>
      </c>
      <c r="BZ13" s="277">
        <v>625</v>
      </c>
      <c r="CA13" s="282">
        <v>778</v>
      </c>
      <c r="CB13" s="276">
        <v>8</v>
      </c>
      <c r="CC13" s="280">
        <v>24</v>
      </c>
      <c r="CD13" s="277">
        <v>32</v>
      </c>
      <c r="CE13" s="279">
        <v>0</v>
      </c>
      <c r="CF13" s="280">
        <v>138</v>
      </c>
      <c r="CG13" s="280">
        <v>150</v>
      </c>
      <c r="CH13" s="280">
        <v>181</v>
      </c>
      <c r="CI13" s="280">
        <v>135</v>
      </c>
      <c r="CJ13" s="280">
        <v>84</v>
      </c>
      <c r="CK13" s="277">
        <v>688</v>
      </c>
      <c r="CL13" s="282">
        <v>720</v>
      </c>
      <c r="CM13" s="276">
        <v>0</v>
      </c>
      <c r="CN13" s="280">
        <v>2</v>
      </c>
      <c r="CO13" s="277">
        <v>2</v>
      </c>
      <c r="CP13" s="279">
        <v>0</v>
      </c>
      <c r="CQ13" s="280">
        <v>9</v>
      </c>
      <c r="CR13" s="280">
        <v>20</v>
      </c>
      <c r="CS13" s="280">
        <v>18</v>
      </c>
      <c r="CT13" s="280">
        <v>9</v>
      </c>
      <c r="CU13" s="280">
        <v>9</v>
      </c>
      <c r="CV13" s="277">
        <v>65</v>
      </c>
      <c r="CW13" s="282">
        <v>67</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931</v>
      </c>
      <c r="DU13" s="280">
        <v>1217</v>
      </c>
      <c r="DV13" s="277">
        <v>2148</v>
      </c>
      <c r="DW13" s="279">
        <v>0</v>
      </c>
      <c r="DX13" s="280">
        <v>1972</v>
      </c>
      <c r="DY13" s="280">
        <v>1551</v>
      </c>
      <c r="DZ13" s="280">
        <v>1044</v>
      </c>
      <c r="EA13" s="280">
        <v>885</v>
      </c>
      <c r="EB13" s="280">
        <v>609</v>
      </c>
      <c r="EC13" s="277">
        <v>6061</v>
      </c>
      <c r="ED13" s="282">
        <v>8209</v>
      </c>
      <c r="EE13" s="276">
        <v>70</v>
      </c>
      <c r="EF13" s="280">
        <v>62</v>
      </c>
      <c r="EG13" s="277">
        <v>132</v>
      </c>
      <c r="EH13" s="279">
        <v>0</v>
      </c>
      <c r="EI13" s="280">
        <v>297</v>
      </c>
      <c r="EJ13" s="280">
        <v>227</v>
      </c>
      <c r="EK13" s="280">
        <v>201</v>
      </c>
      <c r="EL13" s="280">
        <v>226</v>
      </c>
      <c r="EM13" s="280">
        <v>135</v>
      </c>
      <c r="EN13" s="277">
        <v>1086</v>
      </c>
      <c r="EO13" s="282">
        <v>1218</v>
      </c>
      <c r="EP13" s="276">
        <v>1107</v>
      </c>
      <c r="EQ13" s="280">
        <v>1411</v>
      </c>
      <c r="ER13" s="277">
        <v>2518</v>
      </c>
      <c r="ES13" s="279">
        <v>0</v>
      </c>
      <c r="ET13" s="280">
        <v>3503</v>
      </c>
      <c r="EU13" s="280">
        <v>1922</v>
      </c>
      <c r="EV13" s="280">
        <v>1124</v>
      </c>
      <c r="EW13" s="280">
        <v>873</v>
      </c>
      <c r="EX13" s="280">
        <v>584</v>
      </c>
      <c r="EY13" s="277">
        <v>8006</v>
      </c>
      <c r="EZ13" s="282">
        <v>10524</v>
      </c>
    </row>
    <row r="14" spans="2:156" ht="21" customHeight="1" x14ac:dyDescent="0.2">
      <c r="B14" s="261" t="s">
        <v>11</v>
      </c>
      <c r="C14" s="276">
        <v>0</v>
      </c>
      <c r="D14" s="280">
        <v>0</v>
      </c>
      <c r="E14" s="384">
        <v>0</v>
      </c>
      <c r="F14" s="279">
        <v>0</v>
      </c>
      <c r="G14" s="280">
        <v>511</v>
      </c>
      <c r="H14" s="280">
        <v>362</v>
      </c>
      <c r="I14" s="280">
        <v>249</v>
      </c>
      <c r="J14" s="280">
        <v>213</v>
      </c>
      <c r="K14" s="280">
        <v>151</v>
      </c>
      <c r="L14" s="281">
        <v>1486</v>
      </c>
      <c r="M14" s="282">
        <v>1486</v>
      </c>
      <c r="N14" s="276">
        <v>0</v>
      </c>
      <c r="O14" s="280">
        <v>2</v>
      </c>
      <c r="P14" s="277">
        <v>2</v>
      </c>
      <c r="Q14" s="279">
        <v>0</v>
      </c>
      <c r="R14" s="280">
        <v>7</v>
      </c>
      <c r="S14" s="280">
        <v>13</v>
      </c>
      <c r="T14" s="280">
        <v>24</v>
      </c>
      <c r="U14" s="280">
        <v>44</v>
      </c>
      <c r="V14" s="280">
        <v>60</v>
      </c>
      <c r="W14" s="277">
        <v>148</v>
      </c>
      <c r="X14" s="282">
        <v>150</v>
      </c>
      <c r="Y14" s="276">
        <v>41</v>
      </c>
      <c r="Z14" s="280">
        <v>62</v>
      </c>
      <c r="AA14" s="277">
        <v>103</v>
      </c>
      <c r="AB14" s="279">
        <v>0</v>
      </c>
      <c r="AC14" s="280">
        <v>317</v>
      </c>
      <c r="AD14" s="280">
        <v>232</v>
      </c>
      <c r="AE14" s="280">
        <v>196</v>
      </c>
      <c r="AF14" s="280">
        <v>177</v>
      </c>
      <c r="AG14" s="280">
        <v>140</v>
      </c>
      <c r="AH14" s="277">
        <v>1062</v>
      </c>
      <c r="AI14" s="282">
        <v>1165</v>
      </c>
      <c r="AJ14" s="276">
        <v>3</v>
      </c>
      <c r="AK14" s="280">
        <v>7</v>
      </c>
      <c r="AL14" s="277">
        <v>10</v>
      </c>
      <c r="AM14" s="279">
        <v>0</v>
      </c>
      <c r="AN14" s="280">
        <v>34</v>
      </c>
      <c r="AO14" s="280">
        <v>30</v>
      </c>
      <c r="AP14" s="280">
        <v>22</v>
      </c>
      <c r="AQ14" s="280">
        <v>23</v>
      </c>
      <c r="AR14" s="280">
        <v>7</v>
      </c>
      <c r="AS14" s="277">
        <v>116</v>
      </c>
      <c r="AT14" s="282">
        <v>126</v>
      </c>
      <c r="AU14" s="276">
        <v>54</v>
      </c>
      <c r="AV14" s="280">
        <v>50</v>
      </c>
      <c r="AW14" s="277">
        <v>104</v>
      </c>
      <c r="AX14" s="279">
        <v>0</v>
      </c>
      <c r="AY14" s="280">
        <v>462</v>
      </c>
      <c r="AZ14" s="280">
        <v>443</v>
      </c>
      <c r="BA14" s="280">
        <v>419</v>
      </c>
      <c r="BB14" s="280">
        <v>426</v>
      </c>
      <c r="BC14" s="280">
        <v>297</v>
      </c>
      <c r="BD14" s="281">
        <v>2047</v>
      </c>
      <c r="BE14" s="282">
        <v>2151</v>
      </c>
      <c r="BF14" s="276">
        <v>0</v>
      </c>
      <c r="BG14" s="280">
        <v>0</v>
      </c>
      <c r="BH14" s="277">
        <v>0</v>
      </c>
      <c r="BI14" s="279">
        <v>0</v>
      </c>
      <c r="BJ14" s="280">
        <v>733</v>
      </c>
      <c r="BK14" s="280">
        <v>375</v>
      </c>
      <c r="BL14" s="280">
        <v>253</v>
      </c>
      <c r="BM14" s="280">
        <v>176</v>
      </c>
      <c r="BN14" s="280">
        <v>84</v>
      </c>
      <c r="BO14" s="277">
        <v>1621</v>
      </c>
      <c r="BP14" s="282">
        <v>1621</v>
      </c>
      <c r="BQ14" s="276">
        <v>85</v>
      </c>
      <c r="BR14" s="280">
        <v>77</v>
      </c>
      <c r="BS14" s="277">
        <v>162</v>
      </c>
      <c r="BT14" s="279">
        <v>0</v>
      </c>
      <c r="BU14" s="280">
        <v>216</v>
      </c>
      <c r="BV14" s="280">
        <v>127</v>
      </c>
      <c r="BW14" s="280">
        <v>90</v>
      </c>
      <c r="BX14" s="280">
        <v>56</v>
      </c>
      <c r="BY14" s="280">
        <v>17</v>
      </c>
      <c r="BZ14" s="277">
        <v>506</v>
      </c>
      <c r="CA14" s="282">
        <v>668</v>
      </c>
      <c r="CB14" s="276">
        <v>5</v>
      </c>
      <c r="CC14" s="280">
        <v>8</v>
      </c>
      <c r="CD14" s="277">
        <v>13</v>
      </c>
      <c r="CE14" s="279">
        <v>0</v>
      </c>
      <c r="CF14" s="280">
        <v>92</v>
      </c>
      <c r="CG14" s="280">
        <v>86</v>
      </c>
      <c r="CH14" s="280">
        <v>112</v>
      </c>
      <c r="CI14" s="280">
        <v>83</v>
      </c>
      <c r="CJ14" s="280">
        <v>30</v>
      </c>
      <c r="CK14" s="277">
        <v>403</v>
      </c>
      <c r="CL14" s="282">
        <v>416</v>
      </c>
      <c r="CM14" s="276">
        <v>0</v>
      </c>
      <c r="CN14" s="280">
        <v>0</v>
      </c>
      <c r="CO14" s="277">
        <v>0</v>
      </c>
      <c r="CP14" s="279">
        <v>0</v>
      </c>
      <c r="CQ14" s="280">
        <v>8</v>
      </c>
      <c r="CR14" s="280">
        <v>6</v>
      </c>
      <c r="CS14" s="280">
        <v>13</v>
      </c>
      <c r="CT14" s="280">
        <v>6</v>
      </c>
      <c r="CU14" s="280">
        <v>11</v>
      </c>
      <c r="CV14" s="277">
        <v>44</v>
      </c>
      <c r="CW14" s="282">
        <v>44</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394</v>
      </c>
      <c r="DU14" s="280">
        <v>454</v>
      </c>
      <c r="DV14" s="277">
        <v>848</v>
      </c>
      <c r="DW14" s="279">
        <v>0</v>
      </c>
      <c r="DX14" s="280">
        <v>997</v>
      </c>
      <c r="DY14" s="280">
        <v>827</v>
      </c>
      <c r="DZ14" s="280">
        <v>607</v>
      </c>
      <c r="EA14" s="280">
        <v>481</v>
      </c>
      <c r="EB14" s="280">
        <v>276</v>
      </c>
      <c r="EC14" s="277">
        <v>3188</v>
      </c>
      <c r="ED14" s="282">
        <v>4036</v>
      </c>
      <c r="EE14" s="276">
        <v>34</v>
      </c>
      <c r="EF14" s="280">
        <v>32</v>
      </c>
      <c r="EG14" s="277">
        <v>66</v>
      </c>
      <c r="EH14" s="279">
        <v>0</v>
      </c>
      <c r="EI14" s="280">
        <v>199</v>
      </c>
      <c r="EJ14" s="280">
        <v>128</v>
      </c>
      <c r="EK14" s="280">
        <v>124</v>
      </c>
      <c r="EL14" s="280">
        <v>159</v>
      </c>
      <c r="EM14" s="280">
        <v>79</v>
      </c>
      <c r="EN14" s="277">
        <v>689</v>
      </c>
      <c r="EO14" s="282">
        <v>755</v>
      </c>
      <c r="EP14" s="276">
        <v>486</v>
      </c>
      <c r="EQ14" s="280">
        <v>533</v>
      </c>
      <c r="ER14" s="277">
        <v>1019</v>
      </c>
      <c r="ES14" s="279">
        <v>0</v>
      </c>
      <c r="ET14" s="280">
        <v>1911</v>
      </c>
      <c r="EU14" s="280">
        <v>1069</v>
      </c>
      <c r="EV14" s="280">
        <v>718</v>
      </c>
      <c r="EW14" s="280">
        <v>510</v>
      </c>
      <c r="EX14" s="280">
        <v>281</v>
      </c>
      <c r="EY14" s="277">
        <v>4489</v>
      </c>
      <c r="EZ14" s="282">
        <v>5508</v>
      </c>
    </row>
    <row r="15" spans="2:156" ht="21" customHeight="1" x14ac:dyDescent="0.2">
      <c r="B15" s="261" t="s">
        <v>12</v>
      </c>
      <c r="C15" s="276">
        <v>0</v>
      </c>
      <c r="D15" s="280">
        <v>0</v>
      </c>
      <c r="E15" s="384">
        <v>0</v>
      </c>
      <c r="F15" s="279">
        <v>0</v>
      </c>
      <c r="G15" s="280">
        <v>479</v>
      </c>
      <c r="H15" s="280">
        <v>424</v>
      </c>
      <c r="I15" s="280">
        <v>306</v>
      </c>
      <c r="J15" s="280">
        <v>302</v>
      </c>
      <c r="K15" s="280">
        <v>212</v>
      </c>
      <c r="L15" s="281">
        <v>1723</v>
      </c>
      <c r="M15" s="282">
        <v>1723</v>
      </c>
      <c r="N15" s="276">
        <v>0</v>
      </c>
      <c r="O15" s="280">
        <v>4</v>
      </c>
      <c r="P15" s="277">
        <v>4</v>
      </c>
      <c r="Q15" s="279">
        <v>0</v>
      </c>
      <c r="R15" s="280">
        <v>2</v>
      </c>
      <c r="S15" s="280">
        <v>12</v>
      </c>
      <c r="T15" s="280">
        <v>20</v>
      </c>
      <c r="U15" s="280">
        <v>61</v>
      </c>
      <c r="V15" s="280">
        <v>79</v>
      </c>
      <c r="W15" s="277">
        <v>174</v>
      </c>
      <c r="X15" s="282">
        <v>178</v>
      </c>
      <c r="Y15" s="276">
        <v>111</v>
      </c>
      <c r="Z15" s="280">
        <v>206</v>
      </c>
      <c r="AA15" s="277">
        <v>317</v>
      </c>
      <c r="AB15" s="279">
        <v>0</v>
      </c>
      <c r="AC15" s="280">
        <v>305</v>
      </c>
      <c r="AD15" s="280">
        <v>357</v>
      </c>
      <c r="AE15" s="280">
        <v>229</v>
      </c>
      <c r="AF15" s="280">
        <v>242</v>
      </c>
      <c r="AG15" s="280">
        <v>169</v>
      </c>
      <c r="AH15" s="277">
        <v>1302</v>
      </c>
      <c r="AI15" s="282">
        <v>1619</v>
      </c>
      <c r="AJ15" s="276">
        <v>4</v>
      </c>
      <c r="AK15" s="280">
        <v>21</v>
      </c>
      <c r="AL15" s="277">
        <v>25</v>
      </c>
      <c r="AM15" s="279">
        <v>0</v>
      </c>
      <c r="AN15" s="280">
        <v>15</v>
      </c>
      <c r="AO15" s="280">
        <v>43</v>
      </c>
      <c r="AP15" s="280">
        <v>35</v>
      </c>
      <c r="AQ15" s="280">
        <v>32</v>
      </c>
      <c r="AR15" s="280">
        <v>13</v>
      </c>
      <c r="AS15" s="277">
        <v>138</v>
      </c>
      <c r="AT15" s="282">
        <v>163</v>
      </c>
      <c r="AU15" s="276">
        <v>83</v>
      </c>
      <c r="AV15" s="280">
        <v>112</v>
      </c>
      <c r="AW15" s="277">
        <v>195</v>
      </c>
      <c r="AX15" s="279">
        <v>0</v>
      </c>
      <c r="AY15" s="280">
        <v>326</v>
      </c>
      <c r="AZ15" s="280">
        <v>365</v>
      </c>
      <c r="BA15" s="280">
        <v>354</v>
      </c>
      <c r="BB15" s="280">
        <v>454</v>
      </c>
      <c r="BC15" s="280">
        <v>332</v>
      </c>
      <c r="BD15" s="281">
        <v>1831</v>
      </c>
      <c r="BE15" s="282">
        <v>2026</v>
      </c>
      <c r="BF15" s="276">
        <v>0</v>
      </c>
      <c r="BG15" s="280">
        <v>0</v>
      </c>
      <c r="BH15" s="277">
        <v>0</v>
      </c>
      <c r="BI15" s="279">
        <v>0</v>
      </c>
      <c r="BJ15" s="280">
        <v>586</v>
      </c>
      <c r="BK15" s="280">
        <v>430</v>
      </c>
      <c r="BL15" s="280">
        <v>280</v>
      </c>
      <c r="BM15" s="280">
        <v>214</v>
      </c>
      <c r="BN15" s="280">
        <v>89</v>
      </c>
      <c r="BO15" s="277">
        <v>1599</v>
      </c>
      <c r="BP15" s="282">
        <v>1599</v>
      </c>
      <c r="BQ15" s="276">
        <v>143</v>
      </c>
      <c r="BR15" s="280">
        <v>125</v>
      </c>
      <c r="BS15" s="277">
        <v>268</v>
      </c>
      <c r="BT15" s="279">
        <v>0</v>
      </c>
      <c r="BU15" s="280">
        <v>127</v>
      </c>
      <c r="BV15" s="280">
        <v>175</v>
      </c>
      <c r="BW15" s="280">
        <v>129</v>
      </c>
      <c r="BX15" s="280">
        <v>80</v>
      </c>
      <c r="BY15" s="280">
        <v>34</v>
      </c>
      <c r="BZ15" s="277">
        <v>545</v>
      </c>
      <c r="CA15" s="282">
        <v>813</v>
      </c>
      <c r="CB15" s="276">
        <v>3</v>
      </c>
      <c r="CC15" s="280">
        <v>14</v>
      </c>
      <c r="CD15" s="277">
        <v>17</v>
      </c>
      <c r="CE15" s="279">
        <v>0</v>
      </c>
      <c r="CF15" s="280">
        <v>93</v>
      </c>
      <c r="CG15" s="280">
        <v>90</v>
      </c>
      <c r="CH15" s="280">
        <v>135</v>
      </c>
      <c r="CI15" s="280">
        <v>110</v>
      </c>
      <c r="CJ15" s="280">
        <v>47</v>
      </c>
      <c r="CK15" s="277">
        <v>475</v>
      </c>
      <c r="CL15" s="282">
        <v>492</v>
      </c>
      <c r="CM15" s="276">
        <v>0</v>
      </c>
      <c r="CN15" s="280">
        <v>0</v>
      </c>
      <c r="CO15" s="277">
        <v>0</v>
      </c>
      <c r="CP15" s="279">
        <v>0</v>
      </c>
      <c r="CQ15" s="280">
        <v>3</v>
      </c>
      <c r="CR15" s="280">
        <v>7</v>
      </c>
      <c r="CS15" s="280">
        <v>5</v>
      </c>
      <c r="CT15" s="280">
        <v>5</v>
      </c>
      <c r="CU15" s="280">
        <v>1</v>
      </c>
      <c r="CV15" s="277">
        <v>21</v>
      </c>
      <c r="CW15" s="282">
        <v>21</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491</v>
      </c>
      <c r="DU15" s="280">
        <v>782</v>
      </c>
      <c r="DV15" s="277">
        <v>1273</v>
      </c>
      <c r="DW15" s="279">
        <v>0</v>
      </c>
      <c r="DX15" s="280">
        <v>572</v>
      </c>
      <c r="DY15" s="280">
        <v>926</v>
      </c>
      <c r="DZ15" s="280">
        <v>703</v>
      </c>
      <c r="EA15" s="280">
        <v>640</v>
      </c>
      <c r="EB15" s="280">
        <v>354</v>
      </c>
      <c r="EC15" s="277">
        <v>3195</v>
      </c>
      <c r="ED15" s="282">
        <v>4468</v>
      </c>
      <c r="EE15" s="276">
        <v>47</v>
      </c>
      <c r="EF15" s="280">
        <v>49</v>
      </c>
      <c r="EG15" s="277">
        <v>96</v>
      </c>
      <c r="EH15" s="279">
        <v>0</v>
      </c>
      <c r="EI15" s="280">
        <v>109</v>
      </c>
      <c r="EJ15" s="280">
        <v>100</v>
      </c>
      <c r="EK15" s="280">
        <v>97</v>
      </c>
      <c r="EL15" s="280">
        <v>137</v>
      </c>
      <c r="EM15" s="280">
        <v>83</v>
      </c>
      <c r="EN15" s="277">
        <v>526</v>
      </c>
      <c r="EO15" s="282">
        <v>622</v>
      </c>
      <c r="EP15" s="276">
        <v>683</v>
      </c>
      <c r="EQ15" s="280">
        <v>932</v>
      </c>
      <c r="ER15" s="277">
        <v>1615</v>
      </c>
      <c r="ES15" s="279">
        <v>0</v>
      </c>
      <c r="ET15" s="280">
        <v>1466</v>
      </c>
      <c r="EU15" s="280">
        <v>1244</v>
      </c>
      <c r="EV15" s="280">
        <v>803</v>
      </c>
      <c r="EW15" s="280">
        <v>642</v>
      </c>
      <c r="EX15" s="280">
        <v>353</v>
      </c>
      <c r="EY15" s="277">
        <v>4508</v>
      </c>
      <c r="EZ15" s="282">
        <v>6123</v>
      </c>
    </row>
    <row r="16" spans="2:156" ht="21" customHeight="1" x14ac:dyDescent="0.2">
      <c r="B16" s="261" t="s">
        <v>13</v>
      </c>
      <c r="C16" s="276">
        <v>0</v>
      </c>
      <c r="D16" s="280">
        <v>0</v>
      </c>
      <c r="E16" s="384">
        <v>0</v>
      </c>
      <c r="F16" s="279">
        <v>0</v>
      </c>
      <c r="G16" s="280">
        <v>225</v>
      </c>
      <c r="H16" s="280">
        <v>214</v>
      </c>
      <c r="I16" s="280">
        <v>137</v>
      </c>
      <c r="J16" s="280">
        <v>112</v>
      </c>
      <c r="K16" s="280">
        <v>99</v>
      </c>
      <c r="L16" s="281">
        <v>787</v>
      </c>
      <c r="M16" s="282">
        <v>787</v>
      </c>
      <c r="N16" s="276">
        <v>0</v>
      </c>
      <c r="O16" s="280">
        <v>0</v>
      </c>
      <c r="P16" s="277">
        <v>0</v>
      </c>
      <c r="Q16" s="279">
        <v>0</v>
      </c>
      <c r="R16" s="280">
        <v>1</v>
      </c>
      <c r="S16" s="280">
        <v>4</v>
      </c>
      <c r="T16" s="280">
        <v>5</v>
      </c>
      <c r="U16" s="280">
        <v>17</v>
      </c>
      <c r="V16" s="280">
        <v>30</v>
      </c>
      <c r="W16" s="277">
        <v>57</v>
      </c>
      <c r="X16" s="282">
        <v>57</v>
      </c>
      <c r="Y16" s="276">
        <v>7</v>
      </c>
      <c r="Z16" s="280">
        <v>24</v>
      </c>
      <c r="AA16" s="277">
        <v>31</v>
      </c>
      <c r="AB16" s="279">
        <v>0</v>
      </c>
      <c r="AC16" s="280">
        <v>106</v>
      </c>
      <c r="AD16" s="280">
        <v>134</v>
      </c>
      <c r="AE16" s="280">
        <v>88</v>
      </c>
      <c r="AF16" s="280">
        <v>87</v>
      </c>
      <c r="AG16" s="280">
        <v>79</v>
      </c>
      <c r="AH16" s="277">
        <v>494</v>
      </c>
      <c r="AI16" s="282">
        <v>525</v>
      </c>
      <c r="AJ16" s="276">
        <v>2</v>
      </c>
      <c r="AK16" s="280">
        <v>6</v>
      </c>
      <c r="AL16" s="277">
        <v>8</v>
      </c>
      <c r="AM16" s="279">
        <v>0</v>
      </c>
      <c r="AN16" s="280">
        <v>18</v>
      </c>
      <c r="AO16" s="280">
        <v>24</v>
      </c>
      <c r="AP16" s="280">
        <v>9</v>
      </c>
      <c r="AQ16" s="280">
        <v>15</v>
      </c>
      <c r="AR16" s="280">
        <v>8</v>
      </c>
      <c r="AS16" s="277">
        <v>74</v>
      </c>
      <c r="AT16" s="282">
        <v>82</v>
      </c>
      <c r="AU16" s="276">
        <v>35</v>
      </c>
      <c r="AV16" s="280">
        <v>32</v>
      </c>
      <c r="AW16" s="277">
        <v>67</v>
      </c>
      <c r="AX16" s="279">
        <v>0</v>
      </c>
      <c r="AY16" s="280">
        <v>181</v>
      </c>
      <c r="AZ16" s="280">
        <v>192</v>
      </c>
      <c r="BA16" s="280">
        <v>187</v>
      </c>
      <c r="BB16" s="280">
        <v>179</v>
      </c>
      <c r="BC16" s="280">
        <v>156</v>
      </c>
      <c r="BD16" s="281">
        <v>895</v>
      </c>
      <c r="BE16" s="282">
        <v>962</v>
      </c>
      <c r="BF16" s="276">
        <v>0</v>
      </c>
      <c r="BG16" s="280">
        <v>0</v>
      </c>
      <c r="BH16" s="277">
        <v>0</v>
      </c>
      <c r="BI16" s="279">
        <v>0</v>
      </c>
      <c r="BJ16" s="280">
        <v>181</v>
      </c>
      <c r="BK16" s="280">
        <v>170</v>
      </c>
      <c r="BL16" s="280">
        <v>108</v>
      </c>
      <c r="BM16" s="280">
        <v>62</v>
      </c>
      <c r="BN16" s="280">
        <v>32</v>
      </c>
      <c r="BO16" s="277">
        <v>553</v>
      </c>
      <c r="BP16" s="282">
        <v>553</v>
      </c>
      <c r="BQ16" s="276">
        <v>15</v>
      </c>
      <c r="BR16" s="280">
        <v>26</v>
      </c>
      <c r="BS16" s="277">
        <v>41</v>
      </c>
      <c r="BT16" s="279">
        <v>0</v>
      </c>
      <c r="BU16" s="280">
        <v>34</v>
      </c>
      <c r="BV16" s="280">
        <v>40</v>
      </c>
      <c r="BW16" s="280">
        <v>24</v>
      </c>
      <c r="BX16" s="280">
        <v>22</v>
      </c>
      <c r="BY16" s="280">
        <v>11</v>
      </c>
      <c r="BZ16" s="277">
        <v>131</v>
      </c>
      <c r="CA16" s="282">
        <v>172</v>
      </c>
      <c r="CB16" s="276">
        <v>1</v>
      </c>
      <c r="CC16" s="280">
        <v>3</v>
      </c>
      <c r="CD16" s="277">
        <v>4</v>
      </c>
      <c r="CE16" s="279">
        <v>0</v>
      </c>
      <c r="CF16" s="280">
        <v>19</v>
      </c>
      <c r="CG16" s="280">
        <v>24</v>
      </c>
      <c r="CH16" s="280">
        <v>37</v>
      </c>
      <c r="CI16" s="280">
        <v>38</v>
      </c>
      <c r="CJ16" s="280">
        <v>28</v>
      </c>
      <c r="CK16" s="277">
        <v>146</v>
      </c>
      <c r="CL16" s="282">
        <v>150</v>
      </c>
      <c r="CM16" s="276">
        <v>0</v>
      </c>
      <c r="CN16" s="280">
        <v>0</v>
      </c>
      <c r="CO16" s="277">
        <v>0</v>
      </c>
      <c r="CP16" s="279">
        <v>0</v>
      </c>
      <c r="CQ16" s="280">
        <v>1</v>
      </c>
      <c r="CR16" s="280">
        <v>5</v>
      </c>
      <c r="CS16" s="280">
        <v>6</v>
      </c>
      <c r="CT16" s="280">
        <v>6</v>
      </c>
      <c r="CU16" s="280">
        <v>1</v>
      </c>
      <c r="CV16" s="277">
        <v>19</v>
      </c>
      <c r="CW16" s="282">
        <v>19</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73</v>
      </c>
      <c r="DU16" s="280">
        <v>163</v>
      </c>
      <c r="DV16" s="277">
        <v>236</v>
      </c>
      <c r="DW16" s="279">
        <v>0</v>
      </c>
      <c r="DX16" s="280">
        <v>266</v>
      </c>
      <c r="DY16" s="280">
        <v>393</v>
      </c>
      <c r="DZ16" s="280">
        <v>228</v>
      </c>
      <c r="EA16" s="280">
        <v>212</v>
      </c>
      <c r="EB16" s="280">
        <v>136</v>
      </c>
      <c r="EC16" s="277">
        <v>1235</v>
      </c>
      <c r="ED16" s="282">
        <v>1471</v>
      </c>
      <c r="EE16" s="276">
        <v>27</v>
      </c>
      <c r="EF16" s="280">
        <v>17</v>
      </c>
      <c r="EG16" s="277">
        <v>44</v>
      </c>
      <c r="EH16" s="279">
        <v>0</v>
      </c>
      <c r="EI16" s="280">
        <v>87</v>
      </c>
      <c r="EJ16" s="280">
        <v>61</v>
      </c>
      <c r="EK16" s="280">
        <v>73</v>
      </c>
      <c r="EL16" s="280">
        <v>64</v>
      </c>
      <c r="EM16" s="280">
        <v>50</v>
      </c>
      <c r="EN16" s="277">
        <v>335</v>
      </c>
      <c r="EO16" s="282">
        <v>379</v>
      </c>
      <c r="EP16" s="276">
        <v>90</v>
      </c>
      <c r="EQ16" s="280">
        <v>196</v>
      </c>
      <c r="ER16" s="277">
        <v>286</v>
      </c>
      <c r="ES16" s="279">
        <v>0</v>
      </c>
      <c r="ET16" s="280">
        <v>562</v>
      </c>
      <c r="EU16" s="280">
        <v>532</v>
      </c>
      <c r="EV16" s="280">
        <v>302</v>
      </c>
      <c r="EW16" s="280">
        <v>233</v>
      </c>
      <c r="EX16" s="280">
        <v>155</v>
      </c>
      <c r="EY16" s="277">
        <v>1784</v>
      </c>
      <c r="EZ16" s="282">
        <v>2070</v>
      </c>
    </row>
    <row r="17" spans="2:156" ht="21" customHeight="1" x14ac:dyDescent="0.2">
      <c r="B17" s="261" t="s">
        <v>15</v>
      </c>
      <c r="C17" s="276">
        <v>0</v>
      </c>
      <c r="D17" s="280">
        <v>0</v>
      </c>
      <c r="E17" s="384">
        <v>0</v>
      </c>
      <c r="F17" s="279">
        <v>0</v>
      </c>
      <c r="G17" s="280">
        <v>115</v>
      </c>
      <c r="H17" s="280">
        <v>169</v>
      </c>
      <c r="I17" s="280">
        <v>75</v>
      </c>
      <c r="J17" s="280">
        <v>52</v>
      </c>
      <c r="K17" s="280">
        <v>50</v>
      </c>
      <c r="L17" s="281">
        <v>461</v>
      </c>
      <c r="M17" s="282">
        <v>461</v>
      </c>
      <c r="N17" s="276">
        <v>0</v>
      </c>
      <c r="O17" s="280">
        <v>0</v>
      </c>
      <c r="P17" s="277">
        <v>0</v>
      </c>
      <c r="Q17" s="279">
        <v>0</v>
      </c>
      <c r="R17" s="280">
        <v>1</v>
      </c>
      <c r="S17" s="280">
        <v>1</v>
      </c>
      <c r="T17" s="280">
        <v>6</v>
      </c>
      <c r="U17" s="280">
        <v>16</v>
      </c>
      <c r="V17" s="280">
        <v>31</v>
      </c>
      <c r="W17" s="277">
        <v>55</v>
      </c>
      <c r="X17" s="282">
        <v>55</v>
      </c>
      <c r="Y17" s="276">
        <v>2</v>
      </c>
      <c r="Z17" s="280">
        <v>12</v>
      </c>
      <c r="AA17" s="277">
        <v>14</v>
      </c>
      <c r="AB17" s="279">
        <v>0</v>
      </c>
      <c r="AC17" s="280">
        <v>47</v>
      </c>
      <c r="AD17" s="280">
        <v>79</v>
      </c>
      <c r="AE17" s="280">
        <v>45</v>
      </c>
      <c r="AF17" s="280">
        <v>39</v>
      </c>
      <c r="AG17" s="280">
        <v>47</v>
      </c>
      <c r="AH17" s="277">
        <v>257</v>
      </c>
      <c r="AI17" s="282">
        <v>271</v>
      </c>
      <c r="AJ17" s="276">
        <v>0</v>
      </c>
      <c r="AK17" s="280">
        <v>1</v>
      </c>
      <c r="AL17" s="277">
        <v>1</v>
      </c>
      <c r="AM17" s="279">
        <v>0</v>
      </c>
      <c r="AN17" s="280">
        <v>8</v>
      </c>
      <c r="AO17" s="280">
        <v>14</v>
      </c>
      <c r="AP17" s="280">
        <v>7</v>
      </c>
      <c r="AQ17" s="280">
        <v>3</v>
      </c>
      <c r="AR17" s="280">
        <v>6</v>
      </c>
      <c r="AS17" s="277">
        <v>38</v>
      </c>
      <c r="AT17" s="282">
        <v>39</v>
      </c>
      <c r="AU17" s="276">
        <v>10</v>
      </c>
      <c r="AV17" s="280">
        <v>11</v>
      </c>
      <c r="AW17" s="277">
        <v>21</v>
      </c>
      <c r="AX17" s="279">
        <v>0</v>
      </c>
      <c r="AY17" s="280">
        <v>104</v>
      </c>
      <c r="AZ17" s="280">
        <v>97</v>
      </c>
      <c r="BA17" s="280">
        <v>104</v>
      </c>
      <c r="BB17" s="280">
        <v>98</v>
      </c>
      <c r="BC17" s="280">
        <v>80</v>
      </c>
      <c r="BD17" s="281">
        <v>483</v>
      </c>
      <c r="BE17" s="282">
        <v>504</v>
      </c>
      <c r="BF17" s="276">
        <v>0</v>
      </c>
      <c r="BG17" s="280">
        <v>0</v>
      </c>
      <c r="BH17" s="277">
        <v>0</v>
      </c>
      <c r="BI17" s="279">
        <v>0</v>
      </c>
      <c r="BJ17" s="280">
        <v>107</v>
      </c>
      <c r="BK17" s="280">
        <v>138</v>
      </c>
      <c r="BL17" s="280">
        <v>59</v>
      </c>
      <c r="BM17" s="280">
        <v>26</v>
      </c>
      <c r="BN17" s="280">
        <v>12</v>
      </c>
      <c r="BO17" s="277">
        <v>342</v>
      </c>
      <c r="BP17" s="282">
        <v>342</v>
      </c>
      <c r="BQ17" s="276">
        <v>1</v>
      </c>
      <c r="BR17" s="280">
        <v>6</v>
      </c>
      <c r="BS17" s="277">
        <v>7</v>
      </c>
      <c r="BT17" s="279">
        <v>0</v>
      </c>
      <c r="BU17" s="280">
        <v>26</v>
      </c>
      <c r="BV17" s="280">
        <v>34</v>
      </c>
      <c r="BW17" s="280">
        <v>25</v>
      </c>
      <c r="BX17" s="280">
        <v>16</v>
      </c>
      <c r="BY17" s="280">
        <v>5</v>
      </c>
      <c r="BZ17" s="277">
        <v>106</v>
      </c>
      <c r="CA17" s="282">
        <v>113</v>
      </c>
      <c r="CB17" s="276">
        <v>0</v>
      </c>
      <c r="CC17" s="280">
        <v>2</v>
      </c>
      <c r="CD17" s="277">
        <v>2</v>
      </c>
      <c r="CE17" s="279">
        <v>0</v>
      </c>
      <c r="CF17" s="280">
        <v>9</v>
      </c>
      <c r="CG17" s="280">
        <v>33</v>
      </c>
      <c r="CH17" s="280">
        <v>50</v>
      </c>
      <c r="CI17" s="280">
        <v>53</v>
      </c>
      <c r="CJ17" s="280">
        <v>25</v>
      </c>
      <c r="CK17" s="277">
        <v>170</v>
      </c>
      <c r="CL17" s="282">
        <v>172</v>
      </c>
      <c r="CM17" s="276">
        <v>0</v>
      </c>
      <c r="CN17" s="280">
        <v>0</v>
      </c>
      <c r="CO17" s="277">
        <v>0</v>
      </c>
      <c r="CP17" s="279">
        <v>0</v>
      </c>
      <c r="CQ17" s="280">
        <v>0</v>
      </c>
      <c r="CR17" s="280">
        <v>3</v>
      </c>
      <c r="CS17" s="280">
        <v>4</v>
      </c>
      <c r="CT17" s="280">
        <v>1</v>
      </c>
      <c r="CU17" s="280">
        <v>2</v>
      </c>
      <c r="CV17" s="277">
        <v>10</v>
      </c>
      <c r="CW17" s="282">
        <v>1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59</v>
      </c>
      <c r="DU17" s="280">
        <v>158</v>
      </c>
      <c r="DV17" s="277">
        <v>217</v>
      </c>
      <c r="DW17" s="279">
        <v>0</v>
      </c>
      <c r="DX17" s="280">
        <v>199</v>
      </c>
      <c r="DY17" s="280">
        <v>353</v>
      </c>
      <c r="DZ17" s="280">
        <v>181</v>
      </c>
      <c r="EA17" s="280">
        <v>134</v>
      </c>
      <c r="EB17" s="280">
        <v>84</v>
      </c>
      <c r="EC17" s="277">
        <v>951</v>
      </c>
      <c r="ED17" s="282">
        <v>1168</v>
      </c>
      <c r="EE17" s="276">
        <v>19</v>
      </c>
      <c r="EF17" s="280">
        <v>14</v>
      </c>
      <c r="EG17" s="277">
        <v>33</v>
      </c>
      <c r="EH17" s="279">
        <v>0</v>
      </c>
      <c r="EI17" s="280">
        <v>59</v>
      </c>
      <c r="EJ17" s="280">
        <v>33</v>
      </c>
      <c r="EK17" s="280">
        <v>29</v>
      </c>
      <c r="EL17" s="280">
        <v>39</v>
      </c>
      <c r="EM17" s="280">
        <v>21</v>
      </c>
      <c r="EN17" s="277">
        <v>181</v>
      </c>
      <c r="EO17" s="282">
        <v>214</v>
      </c>
      <c r="EP17" s="276">
        <v>59</v>
      </c>
      <c r="EQ17" s="280">
        <v>161</v>
      </c>
      <c r="ER17" s="277">
        <v>220</v>
      </c>
      <c r="ES17" s="279">
        <v>0</v>
      </c>
      <c r="ET17" s="280">
        <v>385</v>
      </c>
      <c r="EU17" s="280">
        <v>490</v>
      </c>
      <c r="EV17" s="280">
        <v>228</v>
      </c>
      <c r="EW17" s="280">
        <v>164</v>
      </c>
      <c r="EX17" s="280">
        <v>100</v>
      </c>
      <c r="EY17" s="277">
        <v>1367</v>
      </c>
      <c r="EZ17" s="282">
        <v>1587</v>
      </c>
    </row>
    <row r="18" spans="2:156" ht="21" customHeight="1" x14ac:dyDescent="0.2">
      <c r="B18" s="261" t="s">
        <v>16</v>
      </c>
      <c r="C18" s="276">
        <v>0</v>
      </c>
      <c r="D18" s="280">
        <v>0</v>
      </c>
      <c r="E18" s="384">
        <v>0</v>
      </c>
      <c r="F18" s="279">
        <v>0</v>
      </c>
      <c r="G18" s="280">
        <v>219</v>
      </c>
      <c r="H18" s="280">
        <v>306</v>
      </c>
      <c r="I18" s="280">
        <v>175</v>
      </c>
      <c r="J18" s="280">
        <v>142</v>
      </c>
      <c r="K18" s="280">
        <v>86</v>
      </c>
      <c r="L18" s="281">
        <v>928</v>
      </c>
      <c r="M18" s="282">
        <v>928</v>
      </c>
      <c r="N18" s="276">
        <v>0</v>
      </c>
      <c r="O18" s="280">
        <v>0</v>
      </c>
      <c r="P18" s="277">
        <v>0</v>
      </c>
      <c r="Q18" s="279">
        <v>0</v>
      </c>
      <c r="R18" s="280">
        <v>2</v>
      </c>
      <c r="S18" s="280">
        <v>10</v>
      </c>
      <c r="T18" s="280">
        <v>17</v>
      </c>
      <c r="U18" s="280">
        <v>27</v>
      </c>
      <c r="V18" s="280">
        <v>48</v>
      </c>
      <c r="W18" s="277">
        <v>104</v>
      </c>
      <c r="X18" s="282">
        <v>104</v>
      </c>
      <c r="Y18" s="276">
        <v>21</v>
      </c>
      <c r="Z18" s="280">
        <v>49</v>
      </c>
      <c r="AA18" s="277">
        <v>70</v>
      </c>
      <c r="AB18" s="279">
        <v>0</v>
      </c>
      <c r="AC18" s="280">
        <v>159</v>
      </c>
      <c r="AD18" s="280">
        <v>274</v>
      </c>
      <c r="AE18" s="280">
        <v>166</v>
      </c>
      <c r="AF18" s="280">
        <v>161</v>
      </c>
      <c r="AG18" s="280">
        <v>104</v>
      </c>
      <c r="AH18" s="277">
        <v>864</v>
      </c>
      <c r="AI18" s="282">
        <v>934</v>
      </c>
      <c r="AJ18" s="276">
        <v>1</v>
      </c>
      <c r="AK18" s="280">
        <v>8</v>
      </c>
      <c r="AL18" s="277">
        <v>9</v>
      </c>
      <c r="AM18" s="279">
        <v>0</v>
      </c>
      <c r="AN18" s="280">
        <v>10</v>
      </c>
      <c r="AO18" s="280">
        <v>24</v>
      </c>
      <c r="AP18" s="280">
        <v>19</v>
      </c>
      <c r="AQ18" s="280">
        <v>11</v>
      </c>
      <c r="AR18" s="280">
        <v>8</v>
      </c>
      <c r="AS18" s="277">
        <v>72</v>
      </c>
      <c r="AT18" s="282">
        <v>81</v>
      </c>
      <c r="AU18" s="276">
        <v>39</v>
      </c>
      <c r="AV18" s="280">
        <v>29</v>
      </c>
      <c r="AW18" s="277">
        <v>68</v>
      </c>
      <c r="AX18" s="279">
        <v>0</v>
      </c>
      <c r="AY18" s="280">
        <v>209</v>
      </c>
      <c r="AZ18" s="280">
        <v>278</v>
      </c>
      <c r="BA18" s="280">
        <v>273</v>
      </c>
      <c r="BB18" s="280">
        <v>286</v>
      </c>
      <c r="BC18" s="280">
        <v>212</v>
      </c>
      <c r="BD18" s="281">
        <v>1258</v>
      </c>
      <c r="BE18" s="282">
        <v>1326</v>
      </c>
      <c r="BF18" s="276">
        <v>0</v>
      </c>
      <c r="BG18" s="280">
        <v>0</v>
      </c>
      <c r="BH18" s="277">
        <v>0</v>
      </c>
      <c r="BI18" s="279">
        <v>0</v>
      </c>
      <c r="BJ18" s="280">
        <v>303</v>
      </c>
      <c r="BK18" s="280">
        <v>417</v>
      </c>
      <c r="BL18" s="280">
        <v>228</v>
      </c>
      <c r="BM18" s="280">
        <v>138</v>
      </c>
      <c r="BN18" s="280">
        <v>83</v>
      </c>
      <c r="BO18" s="277">
        <v>1169</v>
      </c>
      <c r="BP18" s="282">
        <v>1169</v>
      </c>
      <c r="BQ18" s="276">
        <v>44</v>
      </c>
      <c r="BR18" s="280">
        <v>92</v>
      </c>
      <c r="BS18" s="277">
        <v>136</v>
      </c>
      <c r="BT18" s="279">
        <v>0</v>
      </c>
      <c r="BU18" s="280">
        <v>182</v>
      </c>
      <c r="BV18" s="280">
        <v>265</v>
      </c>
      <c r="BW18" s="280">
        <v>113</v>
      </c>
      <c r="BX18" s="280">
        <v>71</v>
      </c>
      <c r="BY18" s="280">
        <v>15</v>
      </c>
      <c r="BZ18" s="277">
        <v>646</v>
      </c>
      <c r="CA18" s="282">
        <v>782</v>
      </c>
      <c r="CB18" s="276">
        <v>1</v>
      </c>
      <c r="CC18" s="280">
        <v>0</v>
      </c>
      <c r="CD18" s="277">
        <v>1</v>
      </c>
      <c r="CE18" s="279">
        <v>0</v>
      </c>
      <c r="CF18" s="280">
        <v>33</v>
      </c>
      <c r="CG18" s="280">
        <v>71</v>
      </c>
      <c r="CH18" s="280">
        <v>87</v>
      </c>
      <c r="CI18" s="280">
        <v>50</v>
      </c>
      <c r="CJ18" s="280">
        <v>24</v>
      </c>
      <c r="CK18" s="277">
        <v>265</v>
      </c>
      <c r="CL18" s="282">
        <v>266</v>
      </c>
      <c r="CM18" s="276">
        <v>0</v>
      </c>
      <c r="CN18" s="280">
        <v>0</v>
      </c>
      <c r="CO18" s="277">
        <v>0</v>
      </c>
      <c r="CP18" s="279">
        <v>0</v>
      </c>
      <c r="CQ18" s="280">
        <v>1</v>
      </c>
      <c r="CR18" s="280">
        <v>10</v>
      </c>
      <c r="CS18" s="280">
        <v>9</v>
      </c>
      <c r="CT18" s="280">
        <v>9</v>
      </c>
      <c r="CU18" s="280">
        <v>4</v>
      </c>
      <c r="CV18" s="277">
        <v>33</v>
      </c>
      <c r="CW18" s="282">
        <v>33</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154</v>
      </c>
      <c r="DU18" s="280">
        <v>318</v>
      </c>
      <c r="DV18" s="277">
        <v>472</v>
      </c>
      <c r="DW18" s="279">
        <v>0</v>
      </c>
      <c r="DX18" s="280">
        <v>412</v>
      </c>
      <c r="DY18" s="280">
        <v>889</v>
      </c>
      <c r="DZ18" s="280">
        <v>487</v>
      </c>
      <c r="EA18" s="280">
        <v>378</v>
      </c>
      <c r="EB18" s="280">
        <v>205</v>
      </c>
      <c r="EC18" s="277">
        <v>2371</v>
      </c>
      <c r="ED18" s="282">
        <v>2843</v>
      </c>
      <c r="EE18" s="276">
        <v>26</v>
      </c>
      <c r="EF18" s="280">
        <v>20</v>
      </c>
      <c r="EG18" s="277">
        <v>46</v>
      </c>
      <c r="EH18" s="279">
        <v>0</v>
      </c>
      <c r="EI18" s="280">
        <v>110</v>
      </c>
      <c r="EJ18" s="280">
        <v>94</v>
      </c>
      <c r="EK18" s="280">
        <v>90</v>
      </c>
      <c r="EL18" s="280">
        <v>117</v>
      </c>
      <c r="EM18" s="280">
        <v>84</v>
      </c>
      <c r="EN18" s="277">
        <v>495</v>
      </c>
      <c r="EO18" s="282">
        <v>541</v>
      </c>
      <c r="EP18" s="276">
        <v>195</v>
      </c>
      <c r="EQ18" s="280">
        <v>382</v>
      </c>
      <c r="ER18" s="277">
        <v>577</v>
      </c>
      <c r="ES18" s="279">
        <v>0</v>
      </c>
      <c r="ET18" s="280">
        <v>858</v>
      </c>
      <c r="EU18" s="280">
        <v>1182</v>
      </c>
      <c r="EV18" s="280">
        <v>586</v>
      </c>
      <c r="EW18" s="280">
        <v>402</v>
      </c>
      <c r="EX18" s="280">
        <v>215</v>
      </c>
      <c r="EY18" s="277">
        <v>3243</v>
      </c>
      <c r="EZ18" s="282">
        <v>3820</v>
      </c>
    </row>
    <row r="19" spans="2:156" ht="21" customHeight="1" x14ac:dyDescent="0.2">
      <c r="B19" s="261" t="s">
        <v>17</v>
      </c>
      <c r="C19" s="276">
        <v>0</v>
      </c>
      <c r="D19" s="280">
        <v>0</v>
      </c>
      <c r="E19" s="384">
        <v>0</v>
      </c>
      <c r="F19" s="279">
        <v>0</v>
      </c>
      <c r="G19" s="280">
        <v>236</v>
      </c>
      <c r="H19" s="280">
        <v>459</v>
      </c>
      <c r="I19" s="280">
        <v>266</v>
      </c>
      <c r="J19" s="280">
        <v>211</v>
      </c>
      <c r="K19" s="280">
        <v>175</v>
      </c>
      <c r="L19" s="281">
        <v>1347</v>
      </c>
      <c r="M19" s="282">
        <v>1347</v>
      </c>
      <c r="N19" s="276">
        <v>0</v>
      </c>
      <c r="O19" s="280">
        <v>1</v>
      </c>
      <c r="P19" s="277">
        <v>1</v>
      </c>
      <c r="Q19" s="279">
        <v>0</v>
      </c>
      <c r="R19" s="280">
        <v>1</v>
      </c>
      <c r="S19" s="280">
        <v>4</v>
      </c>
      <c r="T19" s="280">
        <v>17</v>
      </c>
      <c r="U19" s="280">
        <v>38</v>
      </c>
      <c r="V19" s="280">
        <v>88</v>
      </c>
      <c r="W19" s="277">
        <v>148</v>
      </c>
      <c r="X19" s="282">
        <v>149</v>
      </c>
      <c r="Y19" s="276">
        <v>30</v>
      </c>
      <c r="Z19" s="280">
        <v>89</v>
      </c>
      <c r="AA19" s="277">
        <v>119</v>
      </c>
      <c r="AB19" s="279">
        <v>0</v>
      </c>
      <c r="AC19" s="280">
        <v>174</v>
      </c>
      <c r="AD19" s="280">
        <v>310</v>
      </c>
      <c r="AE19" s="280">
        <v>219</v>
      </c>
      <c r="AF19" s="280">
        <v>177</v>
      </c>
      <c r="AG19" s="280">
        <v>160</v>
      </c>
      <c r="AH19" s="277">
        <v>1040</v>
      </c>
      <c r="AI19" s="282">
        <v>1159</v>
      </c>
      <c r="AJ19" s="276">
        <v>3</v>
      </c>
      <c r="AK19" s="280">
        <v>10</v>
      </c>
      <c r="AL19" s="277">
        <v>13</v>
      </c>
      <c r="AM19" s="279">
        <v>0</v>
      </c>
      <c r="AN19" s="280">
        <v>11</v>
      </c>
      <c r="AO19" s="280">
        <v>33</v>
      </c>
      <c r="AP19" s="280">
        <v>26</v>
      </c>
      <c r="AQ19" s="280">
        <v>17</v>
      </c>
      <c r="AR19" s="280">
        <v>10</v>
      </c>
      <c r="AS19" s="277">
        <v>97</v>
      </c>
      <c r="AT19" s="282">
        <v>110</v>
      </c>
      <c r="AU19" s="276">
        <v>41</v>
      </c>
      <c r="AV19" s="280">
        <v>58</v>
      </c>
      <c r="AW19" s="277">
        <v>99</v>
      </c>
      <c r="AX19" s="279">
        <v>0</v>
      </c>
      <c r="AY19" s="280">
        <v>253</v>
      </c>
      <c r="AZ19" s="280">
        <v>458</v>
      </c>
      <c r="BA19" s="280">
        <v>384</v>
      </c>
      <c r="BB19" s="280">
        <v>376</v>
      </c>
      <c r="BC19" s="280">
        <v>328</v>
      </c>
      <c r="BD19" s="281">
        <v>1799</v>
      </c>
      <c r="BE19" s="282">
        <v>1898</v>
      </c>
      <c r="BF19" s="276">
        <v>0</v>
      </c>
      <c r="BG19" s="280">
        <v>0</v>
      </c>
      <c r="BH19" s="277">
        <v>0</v>
      </c>
      <c r="BI19" s="279">
        <v>0</v>
      </c>
      <c r="BJ19" s="280">
        <v>363</v>
      </c>
      <c r="BK19" s="280">
        <v>531</v>
      </c>
      <c r="BL19" s="280">
        <v>297</v>
      </c>
      <c r="BM19" s="280">
        <v>172</v>
      </c>
      <c r="BN19" s="280">
        <v>97</v>
      </c>
      <c r="BO19" s="277">
        <v>1460</v>
      </c>
      <c r="BP19" s="282">
        <v>1460</v>
      </c>
      <c r="BQ19" s="276">
        <v>34</v>
      </c>
      <c r="BR19" s="280">
        <v>73</v>
      </c>
      <c r="BS19" s="277">
        <v>107</v>
      </c>
      <c r="BT19" s="279">
        <v>0</v>
      </c>
      <c r="BU19" s="280">
        <v>75</v>
      </c>
      <c r="BV19" s="280">
        <v>186</v>
      </c>
      <c r="BW19" s="280">
        <v>94</v>
      </c>
      <c r="BX19" s="280">
        <v>46</v>
      </c>
      <c r="BY19" s="280">
        <v>24</v>
      </c>
      <c r="BZ19" s="277">
        <v>425</v>
      </c>
      <c r="CA19" s="282">
        <v>532</v>
      </c>
      <c r="CB19" s="276">
        <v>0</v>
      </c>
      <c r="CC19" s="280">
        <v>6</v>
      </c>
      <c r="CD19" s="277">
        <v>6</v>
      </c>
      <c r="CE19" s="279">
        <v>0</v>
      </c>
      <c r="CF19" s="280">
        <v>56</v>
      </c>
      <c r="CG19" s="280">
        <v>88</v>
      </c>
      <c r="CH19" s="280">
        <v>97</v>
      </c>
      <c r="CI19" s="280">
        <v>79</v>
      </c>
      <c r="CJ19" s="280">
        <v>55</v>
      </c>
      <c r="CK19" s="277">
        <v>375</v>
      </c>
      <c r="CL19" s="282">
        <v>381</v>
      </c>
      <c r="CM19" s="276">
        <v>0</v>
      </c>
      <c r="CN19" s="280">
        <v>0</v>
      </c>
      <c r="CO19" s="277">
        <v>0</v>
      </c>
      <c r="CP19" s="279">
        <v>0</v>
      </c>
      <c r="CQ19" s="280">
        <v>6</v>
      </c>
      <c r="CR19" s="280">
        <v>16</v>
      </c>
      <c r="CS19" s="280">
        <v>13</v>
      </c>
      <c r="CT19" s="280">
        <v>18</v>
      </c>
      <c r="CU19" s="280">
        <v>10</v>
      </c>
      <c r="CV19" s="277">
        <v>63</v>
      </c>
      <c r="CW19" s="282">
        <v>63</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99</v>
      </c>
      <c r="DU19" s="280">
        <v>472</v>
      </c>
      <c r="DV19" s="277">
        <v>671</v>
      </c>
      <c r="DW19" s="279">
        <v>0</v>
      </c>
      <c r="DX19" s="280">
        <v>419</v>
      </c>
      <c r="DY19" s="280">
        <v>1149</v>
      </c>
      <c r="DZ19" s="280">
        <v>663</v>
      </c>
      <c r="EA19" s="280">
        <v>518</v>
      </c>
      <c r="EB19" s="280">
        <v>365</v>
      </c>
      <c r="EC19" s="277">
        <v>3114</v>
      </c>
      <c r="ED19" s="282">
        <v>3785</v>
      </c>
      <c r="EE19" s="276">
        <v>28</v>
      </c>
      <c r="EF19" s="280">
        <v>35</v>
      </c>
      <c r="EG19" s="277">
        <v>63</v>
      </c>
      <c r="EH19" s="279">
        <v>0</v>
      </c>
      <c r="EI19" s="280">
        <v>97</v>
      </c>
      <c r="EJ19" s="280">
        <v>101</v>
      </c>
      <c r="EK19" s="280">
        <v>82</v>
      </c>
      <c r="EL19" s="280">
        <v>96</v>
      </c>
      <c r="EM19" s="280">
        <v>56</v>
      </c>
      <c r="EN19" s="277">
        <v>432</v>
      </c>
      <c r="EO19" s="282">
        <v>495</v>
      </c>
      <c r="EP19" s="276">
        <v>249</v>
      </c>
      <c r="EQ19" s="280">
        <v>556</v>
      </c>
      <c r="ER19" s="277">
        <v>805</v>
      </c>
      <c r="ES19" s="279">
        <v>0</v>
      </c>
      <c r="ET19" s="280">
        <v>963</v>
      </c>
      <c r="EU19" s="280">
        <v>1504</v>
      </c>
      <c r="EV19" s="280">
        <v>782</v>
      </c>
      <c r="EW19" s="280">
        <v>540</v>
      </c>
      <c r="EX19" s="280">
        <v>371</v>
      </c>
      <c r="EY19" s="277">
        <v>4160</v>
      </c>
      <c r="EZ19" s="282">
        <v>4965</v>
      </c>
    </row>
    <row r="20" spans="2:156" ht="21" customHeight="1" x14ac:dyDescent="0.2">
      <c r="B20" s="261" t="s">
        <v>18</v>
      </c>
      <c r="C20" s="276">
        <v>0</v>
      </c>
      <c r="D20" s="280">
        <v>0</v>
      </c>
      <c r="E20" s="384">
        <v>0</v>
      </c>
      <c r="F20" s="279">
        <v>0</v>
      </c>
      <c r="G20" s="280">
        <v>473</v>
      </c>
      <c r="H20" s="280">
        <v>475</v>
      </c>
      <c r="I20" s="280">
        <v>289</v>
      </c>
      <c r="J20" s="280">
        <v>226</v>
      </c>
      <c r="K20" s="280">
        <v>165</v>
      </c>
      <c r="L20" s="281">
        <v>1628</v>
      </c>
      <c r="M20" s="282">
        <v>1628</v>
      </c>
      <c r="N20" s="276">
        <v>0</v>
      </c>
      <c r="O20" s="280">
        <v>0</v>
      </c>
      <c r="P20" s="277">
        <v>0</v>
      </c>
      <c r="Q20" s="279">
        <v>0</v>
      </c>
      <c r="R20" s="280">
        <v>3</v>
      </c>
      <c r="S20" s="280">
        <v>10</v>
      </c>
      <c r="T20" s="280">
        <v>23</v>
      </c>
      <c r="U20" s="280">
        <v>44</v>
      </c>
      <c r="V20" s="280">
        <v>67</v>
      </c>
      <c r="W20" s="277">
        <v>147</v>
      </c>
      <c r="X20" s="282">
        <v>147</v>
      </c>
      <c r="Y20" s="276">
        <v>47</v>
      </c>
      <c r="Z20" s="280">
        <v>98</v>
      </c>
      <c r="AA20" s="277">
        <v>145</v>
      </c>
      <c r="AB20" s="279">
        <v>0</v>
      </c>
      <c r="AC20" s="280">
        <v>341</v>
      </c>
      <c r="AD20" s="280">
        <v>351</v>
      </c>
      <c r="AE20" s="280">
        <v>234</v>
      </c>
      <c r="AF20" s="280">
        <v>190</v>
      </c>
      <c r="AG20" s="280">
        <v>145</v>
      </c>
      <c r="AH20" s="277">
        <v>1261</v>
      </c>
      <c r="AI20" s="282">
        <v>1406</v>
      </c>
      <c r="AJ20" s="276">
        <v>8</v>
      </c>
      <c r="AK20" s="280">
        <v>9</v>
      </c>
      <c r="AL20" s="277">
        <v>17</v>
      </c>
      <c r="AM20" s="279">
        <v>0</v>
      </c>
      <c r="AN20" s="280">
        <v>33</v>
      </c>
      <c r="AO20" s="280">
        <v>44</v>
      </c>
      <c r="AP20" s="280">
        <v>24</v>
      </c>
      <c r="AQ20" s="280">
        <v>25</v>
      </c>
      <c r="AR20" s="280">
        <v>15</v>
      </c>
      <c r="AS20" s="277">
        <v>141</v>
      </c>
      <c r="AT20" s="282">
        <v>158</v>
      </c>
      <c r="AU20" s="276">
        <v>55</v>
      </c>
      <c r="AV20" s="280">
        <v>68</v>
      </c>
      <c r="AW20" s="277">
        <v>123</v>
      </c>
      <c r="AX20" s="279">
        <v>0</v>
      </c>
      <c r="AY20" s="280">
        <v>442</v>
      </c>
      <c r="AZ20" s="280">
        <v>518</v>
      </c>
      <c r="BA20" s="280">
        <v>489</v>
      </c>
      <c r="BB20" s="280">
        <v>465</v>
      </c>
      <c r="BC20" s="280">
        <v>362</v>
      </c>
      <c r="BD20" s="281">
        <v>2276</v>
      </c>
      <c r="BE20" s="282">
        <v>2399</v>
      </c>
      <c r="BF20" s="276">
        <v>0</v>
      </c>
      <c r="BG20" s="280">
        <v>0</v>
      </c>
      <c r="BH20" s="277">
        <v>0</v>
      </c>
      <c r="BI20" s="279">
        <v>0</v>
      </c>
      <c r="BJ20" s="280">
        <v>649</v>
      </c>
      <c r="BK20" s="280">
        <v>612</v>
      </c>
      <c r="BL20" s="280">
        <v>337</v>
      </c>
      <c r="BM20" s="280">
        <v>191</v>
      </c>
      <c r="BN20" s="280">
        <v>86</v>
      </c>
      <c r="BO20" s="277">
        <v>1875</v>
      </c>
      <c r="BP20" s="282">
        <v>1875</v>
      </c>
      <c r="BQ20" s="276">
        <v>52</v>
      </c>
      <c r="BR20" s="280">
        <v>86</v>
      </c>
      <c r="BS20" s="277">
        <v>138</v>
      </c>
      <c r="BT20" s="279">
        <v>0</v>
      </c>
      <c r="BU20" s="280">
        <v>180</v>
      </c>
      <c r="BV20" s="280">
        <v>188</v>
      </c>
      <c r="BW20" s="280">
        <v>106</v>
      </c>
      <c r="BX20" s="280">
        <v>69</v>
      </c>
      <c r="BY20" s="280">
        <v>19</v>
      </c>
      <c r="BZ20" s="277">
        <v>562</v>
      </c>
      <c r="CA20" s="282">
        <v>700</v>
      </c>
      <c r="CB20" s="276">
        <v>1</v>
      </c>
      <c r="CC20" s="280">
        <v>5</v>
      </c>
      <c r="CD20" s="277">
        <v>6</v>
      </c>
      <c r="CE20" s="279">
        <v>0</v>
      </c>
      <c r="CF20" s="280">
        <v>51</v>
      </c>
      <c r="CG20" s="280">
        <v>97</v>
      </c>
      <c r="CH20" s="280">
        <v>142</v>
      </c>
      <c r="CI20" s="280">
        <v>106</v>
      </c>
      <c r="CJ20" s="280">
        <v>55</v>
      </c>
      <c r="CK20" s="277">
        <v>451</v>
      </c>
      <c r="CL20" s="282">
        <v>457</v>
      </c>
      <c r="CM20" s="276">
        <v>0</v>
      </c>
      <c r="CN20" s="280">
        <v>0</v>
      </c>
      <c r="CO20" s="277">
        <v>0</v>
      </c>
      <c r="CP20" s="279">
        <v>0</v>
      </c>
      <c r="CQ20" s="280">
        <v>1</v>
      </c>
      <c r="CR20" s="280">
        <v>2</v>
      </c>
      <c r="CS20" s="280">
        <v>0</v>
      </c>
      <c r="CT20" s="280">
        <v>4</v>
      </c>
      <c r="CU20" s="280">
        <v>3</v>
      </c>
      <c r="CV20" s="277">
        <v>10</v>
      </c>
      <c r="CW20" s="282">
        <v>10</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216</v>
      </c>
      <c r="DU20" s="280">
        <v>484</v>
      </c>
      <c r="DV20" s="277">
        <v>700</v>
      </c>
      <c r="DW20" s="279">
        <v>0</v>
      </c>
      <c r="DX20" s="280">
        <v>775</v>
      </c>
      <c r="DY20" s="280">
        <v>1083</v>
      </c>
      <c r="DZ20" s="280">
        <v>705</v>
      </c>
      <c r="EA20" s="280">
        <v>537</v>
      </c>
      <c r="EB20" s="280">
        <v>324</v>
      </c>
      <c r="EC20" s="277">
        <v>3424</v>
      </c>
      <c r="ED20" s="282">
        <v>4124</v>
      </c>
      <c r="EE20" s="276">
        <v>25</v>
      </c>
      <c r="EF20" s="280">
        <v>15</v>
      </c>
      <c r="EG20" s="277">
        <v>40</v>
      </c>
      <c r="EH20" s="279">
        <v>0</v>
      </c>
      <c r="EI20" s="280">
        <v>126</v>
      </c>
      <c r="EJ20" s="280">
        <v>109</v>
      </c>
      <c r="EK20" s="280">
        <v>87</v>
      </c>
      <c r="EL20" s="280">
        <v>102</v>
      </c>
      <c r="EM20" s="280">
        <v>70</v>
      </c>
      <c r="EN20" s="277">
        <v>494</v>
      </c>
      <c r="EO20" s="282">
        <v>534</v>
      </c>
      <c r="EP20" s="276">
        <v>290</v>
      </c>
      <c r="EQ20" s="280">
        <v>595</v>
      </c>
      <c r="ER20" s="277">
        <v>885</v>
      </c>
      <c r="ES20" s="279">
        <v>0</v>
      </c>
      <c r="ET20" s="280">
        <v>1593</v>
      </c>
      <c r="EU20" s="280">
        <v>1452</v>
      </c>
      <c r="EV20" s="280">
        <v>846</v>
      </c>
      <c r="EW20" s="280">
        <v>553</v>
      </c>
      <c r="EX20" s="280">
        <v>322</v>
      </c>
      <c r="EY20" s="277">
        <v>4766</v>
      </c>
      <c r="EZ20" s="282">
        <v>5651</v>
      </c>
    </row>
    <row r="21" spans="2:156" ht="21" customHeight="1" x14ac:dyDescent="0.2">
      <c r="B21" s="261" t="s">
        <v>19</v>
      </c>
      <c r="C21" s="276">
        <v>0</v>
      </c>
      <c r="D21" s="280">
        <v>0</v>
      </c>
      <c r="E21" s="384">
        <v>0</v>
      </c>
      <c r="F21" s="279">
        <v>0</v>
      </c>
      <c r="G21" s="280">
        <v>199</v>
      </c>
      <c r="H21" s="280">
        <v>150</v>
      </c>
      <c r="I21" s="280">
        <v>93</v>
      </c>
      <c r="J21" s="280">
        <v>81</v>
      </c>
      <c r="K21" s="280">
        <v>59</v>
      </c>
      <c r="L21" s="281">
        <v>582</v>
      </c>
      <c r="M21" s="282">
        <v>582</v>
      </c>
      <c r="N21" s="276">
        <v>0</v>
      </c>
      <c r="O21" s="280">
        <v>0</v>
      </c>
      <c r="P21" s="277">
        <v>0</v>
      </c>
      <c r="Q21" s="279">
        <v>0</v>
      </c>
      <c r="R21" s="280">
        <v>4</v>
      </c>
      <c r="S21" s="280">
        <v>8</v>
      </c>
      <c r="T21" s="280">
        <v>12</v>
      </c>
      <c r="U21" s="280">
        <v>19</v>
      </c>
      <c r="V21" s="280">
        <v>33</v>
      </c>
      <c r="W21" s="277">
        <v>76</v>
      </c>
      <c r="X21" s="282">
        <v>76</v>
      </c>
      <c r="Y21" s="276">
        <v>27</v>
      </c>
      <c r="Z21" s="280">
        <v>55</v>
      </c>
      <c r="AA21" s="277">
        <v>82</v>
      </c>
      <c r="AB21" s="279">
        <v>0</v>
      </c>
      <c r="AC21" s="280">
        <v>137</v>
      </c>
      <c r="AD21" s="280">
        <v>140</v>
      </c>
      <c r="AE21" s="280">
        <v>94</v>
      </c>
      <c r="AF21" s="280">
        <v>66</v>
      </c>
      <c r="AG21" s="280">
        <v>71</v>
      </c>
      <c r="AH21" s="277">
        <v>508</v>
      </c>
      <c r="AI21" s="282">
        <v>590</v>
      </c>
      <c r="AJ21" s="276">
        <v>1</v>
      </c>
      <c r="AK21" s="280">
        <v>4</v>
      </c>
      <c r="AL21" s="277">
        <v>5</v>
      </c>
      <c r="AM21" s="279">
        <v>0</v>
      </c>
      <c r="AN21" s="280">
        <v>16</v>
      </c>
      <c r="AO21" s="280">
        <v>14</v>
      </c>
      <c r="AP21" s="280">
        <v>5</v>
      </c>
      <c r="AQ21" s="280">
        <v>9</v>
      </c>
      <c r="AR21" s="280">
        <v>5</v>
      </c>
      <c r="AS21" s="277">
        <v>49</v>
      </c>
      <c r="AT21" s="282">
        <v>54</v>
      </c>
      <c r="AU21" s="276">
        <v>37</v>
      </c>
      <c r="AV21" s="280">
        <v>34</v>
      </c>
      <c r="AW21" s="277">
        <v>71</v>
      </c>
      <c r="AX21" s="279">
        <v>0</v>
      </c>
      <c r="AY21" s="280">
        <v>181</v>
      </c>
      <c r="AZ21" s="280">
        <v>216</v>
      </c>
      <c r="BA21" s="280">
        <v>168</v>
      </c>
      <c r="BB21" s="280">
        <v>171</v>
      </c>
      <c r="BC21" s="280">
        <v>143</v>
      </c>
      <c r="BD21" s="281">
        <v>879</v>
      </c>
      <c r="BE21" s="282">
        <v>950</v>
      </c>
      <c r="BF21" s="276">
        <v>0</v>
      </c>
      <c r="BG21" s="280">
        <v>0</v>
      </c>
      <c r="BH21" s="277">
        <v>0</v>
      </c>
      <c r="BI21" s="279">
        <v>0</v>
      </c>
      <c r="BJ21" s="280">
        <v>265</v>
      </c>
      <c r="BK21" s="280">
        <v>227</v>
      </c>
      <c r="BL21" s="280">
        <v>134</v>
      </c>
      <c r="BM21" s="280">
        <v>56</v>
      </c>
      <c r="BN21" s="280">
        <v>44</v>
      </c>
      <c r="BO21" s="277">
        <v>726</v>
      </c>
      <c r="BP21" s="282">
        <v>726</v>
      </c>
      <c r="BQ21" s="276">
        <v>31</v>
      </c>
      <c r="BR21" s="280">
        <v>58</v>
      </c>
      <c r="BS21" s="277">
        <v>89</v>
      </c>
      <c r="BT21" s="279">
        <v>0</v>
      </c>
      <c r="BU21" s="280">
        <v>114</v>
      </c>
      <c r="BV21" s="280">
        <v>97</v>
      </c>
      <c r="BW21" s="280">
        <v>59</v>
      </c>
      <c r="BX21" s="280">
        <v>28</v>
      </c>
      <c r="BY21" s="280">
        <v>11</v>
      </c>
      <c r="BZ21" s="277">
        <v>309</v>
      </c>
      <c r="CA21" s="282">
        <v>398</v>
      </c>
      <c r="CB21" s="276">
        <v>1</v>
      </c>
      <c r="CC21" s="280">
        <v>1</v>
      </c>
      <c r="CD21" s="277">
        <v>2</v>
      </c>
      <c r="CE21" s="279">
        <v>0</v>
      </c>
      <c r="CF21" s="280">
        <v>27</v>
      </c>
      <c r="CG21" s="280">
        <v>50</v>
      </c>
      <c r="CH21" s="280">
        <v>62</v>
      </c>
      <c r="CI21" s="280">
        <v>25</v>
      </c>
      <c r="CJ21" s="280">
        <v>22</v>
      </c>
      <c r="CK21" s="277">
        <v>186</v>
      </c>
      <c r="CL21" s="282">
        <v>188</v>
      </c>
      <c r="CM21" s="276">
        <v>0</v>
      </c>
      <c r="CN21" s="280">
        <v>0</v>
      </c>
      <c r="CO21" s="277">
        <v>0</v>
      </c>
      <c r="CP21" s="279">
        <v>0</v>
      </c>
      <c r="CQ21" s="280">
        <v>8</v>
      </c>
      <c r="CR21" s="280">
        <v>7</v>
      </c>
      <c r="CS21" s="280">
        <v>9</v>
      </c>
      <c r="CT21" s="280">
        <v>10</v>
      </c>
      <c r="CU21" s="280">
        <v>5</v>
      </c>
      <c r="CV21" s="277">
        <v>39</v>
      </c>
      <c r="CW21" s="282">
        <v>39</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117</v>
      </c>
      <c r="DU21" s="280">
        <v>217</v>
      </c>
      <c r="DV21" s="277">
        <v>334</v>
      </c>
      <c r="DW21" s="279">
        <v>0</v>
      </c>
      <c r="DX21" s="280">
        <v>407</v>
      </c>
      <c r="DY21" s="280">
        <v>433</v>
      </c>
      <c r="DZ21" s="280">
        <v>269</v>
      </c>
      <c r="EA21" s="280">
        <v>179</v>
      </c>
      <c r="EB21" s="280">
        <v>143</v>
      </c>
      <c r="EC21" s="277">
        <v>1431</v>
      </c>
      <c r="ED21" s="282">
        <v>1765</v>
      </c>
      <c r="EE21" s="276">
        <v>14</v>
      </c>
      <c r="EF21" s="280">
        <v>13</v>
      </c>
      <c r="EG21" s="277">
        <v>27</v>
      </c>
      <c r="EH21" s="279">
        <v>0</v>
      </c>
      <c r="EI21" s="280">
        <v>67</v>
      </c>
      <c r="EJ21" s="280">
        <v>54</v>
      </c>
      <c r="EK21" s="280">
        <v>47</v>
      </c>
      <c r="EL21" s="280">
        <v>58</v>
      </c>
      <c r="EM21" s="280">
        <v>29</v>
      </c>
      <c r="EN21" s="277">
        <v>255</v>
      </c>
      <c r="EO21" s="282">
        <v>282</v>
      </c>
      <c r="EP21" s="276">
        <v>164</v>
      </c>
      <c r="EQ21" s="280">
        <v>272</v>
      </c>
      <c r="ER21" s="277">
        <v>436</v>
      </c>
      <c r="ES21" s="279">
        <v>0</v>
      </c>
      <c r="ET21" s="280">
        <v>716</v>
      </c>
      <c r="EU21" s="280">
        <v>566</v>
      </c>
      <c r="EV21" s="280">
        <v>303</v>
      </c>
      <c r="EW21" s="280">
        <v>169</v>
      </c>
      <c r="EX21" s="280">
        <v>130</v>
      </c>
      <c r="EY21" s="277">
        <v>1884</v>
      </c>
      <c r="EZ21" s="282">
        <v>2320</v>
      </c>
    </row>
    <row r="22" spans="2:156" ht="21" customHeight="1" x14ac:dyDescent="0.2">
      <c r="B22" s="261" t="s">
        <v>20</v>
      </c>
      <c r="C22" s="276">
        <v>0</v>
      </c>
      <c r="D22" s="280">
        <v>0</v>
      </c>
      <c r="E22" s="384">
        <v>0</v>
      </c>
      <c r="F22" s="279">
        <v>0</v>
      </c>
      <c r="G22" s="280">
        <v>258</v>
      </c>
      <c r="H22" s="280">
        <v>178</v>
      </c>
      <c r="I22" s="280">
        <v>135</v>
      </c>
      <c r="J22" s="280">
        <v>88</v>
      </c>
      <c r="K22" s="280">
        <v>58</v>
      </c>
      <c r="L22" s="281">
        <v>717</v>
      </c>
      <c r="M22" s="282">
        <v>717</v>
      </c>
      <c r="N22" s="276">
        <v>0</v>
      </c>
      <c r="O22" s="280">
        <v>0</v>
      </c>
      <c r="P22" s="277">
        <v>0</v>
      </c>
      <c r="Q22" s="279">
        <v>0</v>
      </c>
      <c r="R22" s="280">
        <v>0</v>
      </c>
      <c r="S22" s="280">
        <v>6</v>
      </c>
      <c r="T22" s="280">
        <v>9</v>
      </c>
      <c r="U22" s="280">
        <v>20</v>
      </c>
      <c r="V22" s="280">
        <v>36</v>
      </c>
      <c r="W22" s="277">
        <v>71</v>
      </c>
      <c r="X22" s="282">
        <v>71</v>
      </c>
      <c r="Y22" s="276">
        <v>49</v>
      </c>
      <c r="Z22" s="280">
        <v>92</v>
      </c>
      <c r="AA22" s="277">
        <v>141</v>
      </c>
      <c r="AB22" s="279">
        <v>0</v>
      </c>
      <c r="AC22" s="280">
        <v>231</v>
      </c>
      <c r="AD22" s="280">
        <v>178</v>
      </c>
      <c r="AE22" s="280">
        <v>113</v>
      </c>
      <c r="AF22" s="280">
        <v>79</v>
      </c>
      <c r="AG22" s="280">
        <v>49</v>
      </c>
      <c r="AH22" s="277">
        <v>650</v>
      </c>
      <c r="AI22" s="282">
        <v>791</v>
      </c>
      <c r="AJ22" s="276">
        <v>7</v>
      </c>
      <c r="AK22" s="280">
        <v>38</v>
      </c>
      <c r="AL22" s="277">
        <v>45</v>
      </c>
      <c r="AM22" s="279">
        <v>0</v>
      </c>
      <c r="AN22" s="280">
        <v>60</v>
      </c>
      <c r="AO22" s="280">
        <v>52</v>
      </c>
      <c r="AP22" s="280">
        <v>38</v>
      </c>
      <c r="AQ22" s="280">
        <v>26</v>
      </c>
      <c r="AR22" s="280">
        <v>8</v>
      </c>
      <c r="AS22" s="277">
        <v>184</v>
      </c>
      <c r="AT22" s="282">
        <v>229</v>
      </c>
      <c r="AU22" s="276">
        <v>29</v>
      </c>
      <c r="AV22" s="280">
        <v>42</v>
      </c>
      <c r="AW22" s="277">
        <v>71</v>
      </c>
      <c r="AX22" s="279">
        <v>0</v>
      </c>
      <c r="AY22" s="280">
        <v>246</v>
      </c>
      <c r="AZ22" s="280">
        <v>214</v>
      </c>
      <c r="BA22" s="280">
        <v>210</v>
      </c>
      <c r="BB22" s="280">
        <v>200</v>
      </c>
      <c r="BC22" s="280">
        <v>124</v>
      </c>
      <c r="BD22" s="281">
        <v>994</v>
      </c>
      <c r="BE22" s="282">
        <v>1065</v>
      </c>
      <c r="BF22" s="276">
        <v>0</v>
      </c>
      <c r="BG22" s="280">
        <v>0</v>
      </c>
      <c r="BH22" s="277">
        <v>0</v>
      </c>
      <c r="BI22" s="279">
        <v>0</v>
      </c>
      <c r="BJ22" s="280">
        <v>304</v>
      </c>
      <c r="BK22" s="280">
        <v>211</v>
      </c>
      <c r="BL22" s="280">
        <v>122</v>
      </c>
      <c r="BM22" s="280">
        <v>69</v>
      </c>
      <c r="BN22" s="280">
        <v>31</v>
      </c>
      <c r="BO22" s="277">
        <v>737</v>
      </c>
      <c r="BP22" s="282">
        <v>737</v>
      </c>
      <c r="BQ22" s="276">
        <v>17</v>
      </c>
      <c r="BR22" s="280">
        <v>40</v>
      </c>
      <c r="BS22" s="277">
        <v>57</v>
      </c>
      <c r="BT22" s="279">
        <v>0</v>
      </c>
      <c r="BU22" s="280">
        <v>163</v>
      </c>
      <c r="BV22" s="280">
        <v>116</v>
      </c>
      <c r="BW22" s="280">
        <v>63</v>
      </c>
      <c r="BX22" s="280">
        <v>45</v>
      </c>
      <c r="BY22" s="280">
        <v>11</v>
      </c>
      <c r="BZ22" s="277">
        <v>398</v>
      </c>
      <c r="CA22" s="282">
        <v>455</v>
      </c>
      <c r="CB22" s="276">
        <v>1</v>
      </c>
      <c r="CC22" s="280">
        <v>8</v>
      </c>
      <c r="CD22" s="277">
        <v>9</v>
      </c>
      <c r="CE22" s="279">
        <v>0</v>
      </c>
      <c r="CF22" s="280">
        <v>47</v>
      </c>
      <c r="CG22" s="280">
        <v>57</v>
      </c>
      <c r="CH22" s="280">
        <v>81</v>
      </c>
      <c r="CI22" s="280">
        <v>57</v>
      </c>
      <c r="CJ22" s="280">
        <v>20</v>
      </c>
      <c r="CK22" s="277">
        <v>262</v>
      </c>
      <c r="CL22" s="282">
        <v>271</v>
      </c>
      <c r="CM22" s="276">
        <v>0</v>
      </c>
      <c r="CN22" s="280">
        <v>0</v>
      </c>
      <c r="CO22" s="277">
        <v>0</v>
      </c>
      <c r="CP22" s="279">
        <v>0</v>
      </c>
      <c r="CQ22" s="280">
        <v>0</v>
      </c>
      <c r="CR22" s="280">
        <v>4</v>
      </c>
      <c r="CS22" s="280">
        <v>7</v>
      </c>
      <c r="CT22" s="280">
        <v>4</v>
      </c>
      <c r="CU22" s="280">
        <v>2</v>
      </c>
      <c r="CV22" s="277">
        <v>17</v>
      </c>
      <c r="CW22" s="282">
        <v>17</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18</v>
      </c>
      <c r="DU22" s="280">
        <v>314</v>
      </c>
      <c r="DV22" s="277">
        <v>432</v>
      </c>
      <c r="DW22" s="279">
        <v>0</v>
      </c>
      <c r="DX22" s="280">
        <v>539</v>
      </c>
      <c r="DY22" s="280">
        <v>457</v>
      </c>
      <c r="DZ22" s="280">
        <v>307</v>
      </c>
      <c r="EA22" s="280">
        <v>217</v>
      </c>
      <c r="EB22" s="280">
        <v>103</v>
      </c>
      <c r="EC22" s="277">
        <v>1623</v>
      </c>
      <c r="ED22" s="282">
        <v>2055</v>
      </c>
      <c r="EE22" s="276">
        <v>14</v>
      </c>
      <c r="EF22" s="280">
        <v>18</v>
      </c>
      <c r="EG22" s="277">
        <v>32</v>
      </c>
      <c r="EH22" s="279">
        <v>0</v>
      </c>
      <c r="EI22" s="280">
        <v>68</v>
      </c>
      <c r="EJ22" s="280">
        <v>63</v>
      </c>
      <c r="EK22" s="280">
        <v>47</v>
      </c>
      <c r="EL22" s="280">
        <v>63</v>
      </c>
      <c r="EM22" s="280">
        <v>32</v>
      </c>
      <c r="EN22" s="277">
        <v>273</v>
      </c>
      <c r="EO22" s="282">
        <v>305</v>
      </c>
      <c r="EP22" s="276">
        <v>174</v>
      </c>
      <c r="EQ22" s="280">
        <v>405</v>
      </c>
      <c r="ER22" s="277">
        <v>579</v>
      </c>
      <c r="ES22" s="279">
        <v>0</v>
      </c>
      <c r="ET22" s="280">
        <v>980</v>
      </c>
      <c r="EU22" s="280">
        <v>615</v>
      </c>
      <c r="EV22" s="280">
        <v>390</v>
      </c>
      <c r="EW22" s="280">
        <v>234</v>
      </c>
      <c r="EX22" s="280">
        <v>110</v>
      </c>
      <c r="EY22" s="277">
        <v>2329</v>
      </c>
      <c r="EZ22" s="282">
        <v>2908</v>
      </c>
    </row>
    <row r="23" spans="2:156" ht="21" customHeight="1" x14ac:dyDescent="0.2">
      <c r="B23" s="261" t="s">
        <v>21</v>
      </c>
      <c r="C23" s="276">
        <v>0</v>
      </c>
      <c r="D23" s="280">
        <v>0</v>
      </c>
      <c r="E23" s="384">
        <v>0</v>
      </c>
      <c r="F23" s="279">
        <v>0</v>
      </c>
      <c r="G23" s="280">
        <v>210</v>
      </c>
      <c r="H23" s="280">
        <v>311</v>
      </c>
      <c r="I23" s="280">
        <v>174</v>
      </c>
      <c r="J23" s="280">
        <v>133</v>
      </c>
      <c r="K23" s="280">
        <v>88</v>
      </c>
      <c r="L23" s="281">
        <v>916</v>
      </c>
      <c r="M23" s="282">
        <v>916</v>
      </c>
      <c r="N23" s="276">
        <v>0</v>
      </c>
      <c r="O23" s="280">
        <v>0</v>
      </c>
      <c r="P23" s="277">
        <v>0</v>
      </c>
      <c r="Q23" s="279">
        <v>0</v>
      </c>
      <c r="R23" s="280">
        <v>0</v>
      </c>
      <c r="S23" s="280">
        <v>5</v>
      </c>
      <c r="T23" s="280">
        <v>18</v>
      </c>
      <c r="U23" s="280">
        <v>30</v>
      </c>
      <c r="V23" s="280">
        <v>41</v>
      </c>
      <c r="W23" s="277">
        <v>94</v>
      </c>
      <c r="X23" s="282">
        <v>94</v>
      </c>
      <c r="Y23" s="276">
        <v>48</v>
      </c>
      <c r="Z23" s="280">
        <v>78</v>
      </c>
      <c r="AA23" s="277">
        <v>126</v>
      </c>
      <c r="AB23" s="279">
        <v>0</v>
      </c>
      <c r="AC23" s="280">
        <v>192</v>
      </c>
      <c r="AD23" s="280">
        <v>253</v>
      </c>
      <c r="AE23" s="280">
        <v>141</v>
      </c>
      <c r="AF23" s="280">
        <v>132</v>
      </c>
      <c r="AG23" s="280">
        <v>78</v>
      </c>
      <c r="AH23" s="277">
        <v>796</v>
      </c>
      <c r="AI23" s="282">
        <v>922</v>
      </c>
      <c r="AJ23" s="276">
        <v>16</v>
      </c>
      <c r="AK23" s="280">
        <v>26</v>
      </c>
      <c r="AL23" s="277">
        <v>42</v>
      </c>
      <c r="AM23" s="279">
        <v>0</v>
      </c>
      <c r="AN23" s="280">
        <v>15</v>
      </c>
      <c r="AO23" s="280">
        <v>33</v>
      </c>
      <c r="AP23" s="280">
        <v>13</v>
      </c>
      <c r="AQ23" s="280">
        <v>12</v>
      </c>
      <c r="AR23" s="280">
        <v>6</v>
      </c>
      <c r="AS23" s="277">
        <v>79</v>
      </c>
      <c r="AT23" s="282">
        <v>121</v>
      </c>
      <c r="AU23" s="276">
        <v>41</v>
      </c>
      <c r="AV23" s="280">
        <v>47</v>
      </c>
      <c r="AW23" s="277">
        <v>88</v>
      </c>
      <c r="AX23" s="279">
        <v>0</v>
      </c>
      <c r="AY23" s="280">
        <v>225</v>
      </c>
      <c r="AZ23" s="280">
        <v>332</v>
      </c>
      <c r="BA23" s="280">
        <v>301</v>
      </c>
      <c r="BB23" s="280">
        <v>243</v>
      </c>
      <c r="BC23" s="280">
        <v>191</v>
      </c>
      <c r="BD23" s="281">
        <v>1292</v>
      </c>
      <c r="BE23" s="282">
        <v>1380</v>
      </c>
      <c r="BF23" s="276">
        <v>0</v>
      </c>
      <c r="BG23" s="280">
        <v>0</v>
      </c>
      <c r="BH23" s="277">
        <v>0</v>
      </c>
      <c r="BI23" s="279">
        <v>0</v>
      </c>
      <c r="BJ23" s="280">
        <v>293</v>
      </c>
      <c r="BK23" s="280">
        <v>335</v>
      </c>
      <c r="BL23" s="280">
        <v>192</v>
      </c>
      <c r="BM23" s="280">
        <v>103</v>
      </c>
      <c r="BN23" s="280">
        <v>41</v>
      </c>
      <c r="BO23" s="277">
        <v>964</v>
      </c>
      <c r="BP23" s="282">
        <v>964</v>
      </c>
      <c r="BQ23" s="276">
        <v>27</v>
      </c>
      <c r="BR23" s="280">
        <v>43</v>
      </c>
      <c r="BS23" s="277">
        <v>70</v>
      </c>
      <c r="BT23" s="279">
        <v>0</v>
      </c>
      <c r="BU23" s="280">
        <v>64</v>
      </c>
      <c r="BV23" s="280">
        <v>76</v>
      </c>
      <c r="BW23" s="280">
        <v>37</v>
      </c>
      <c r="BX23" s="280">
        <v>15</v>
      </c>
      <c r="BY23" s="280">
        <v>14</v>
      </c>
      <c r="BZ23" s="277">
        <v>206</v>
      </c>
      <c r="CA23" s="282">
        <v>276</v>
      </c>
      <c r="CB23" s="276">
        <v>1</v>
      </c>
      <c r="CC23" s="280">
        <v>3</v>
      </c>
      <c r="CD23" s="277">
        <v>4</v>
      </c>
      <c r="CE23" s="279">
        <v>0</v>
      </c>
      <c r="CF23" s="280">
        <v>27</v>
      </c>
      <c r="CG23" s="280">
        <v>59</v>
      </c>
      <c r="CH23" s="280">
        <v>73</v>
      </c>
      <c r="CI23" s="280">
        <v>52</v>
      </c>
      <c r="CJ23" s="280">
        <v>43</v>
      </c>
      <c r="CK23" s="277">
        <v>254</v>
      </c>
      <c r="CL23" s="282">
        <v>258</v>
      </c>
      <c r="CM23" s="276">
        <v>0</v>
      </c>
      <c r="CN23" s="280">
        <v>0</v>
      </c>
      <c r="CO23" s="277">
        <v>0</v>
      </c>
      <c r="CP23" s="279">
        <v>0</v>
      </c>
      <c r="CQ23" s="280">
        <v>0</v>
      </c>
      <c r="CR23" s="280">
        <v>1</v>
      </c>
      <c r="CS23" s="280">
        <v>1</v>
      </c>
      <c r="CT23" s="280">
        <v>2</v>
      </c>
      <c r="CU23" s="280">
        <v>3</v>
      </c>
      <c r="CV23" s="277">
        <v>7</v>
      </c>
      <c r="CW23" s="282">
        <v>7</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168</v>
      </c>
      <c r="DU23" s="280">
        <v>317</v>
      </c>
      <c r="DV23" s="277">
        <v>485</v>
      </c>
      <c r="DW23" s="279">
        <v>0</v>
      </c>
      <c r="DX23" s="280">
        <v>352</v>
      </c>
      <c r="DY23" s="280">
        <v>661</v>
      </c>
      <c r="DZ23" s="280">
        <v>375</v>
      </c>
      <c r="EA23" s="280">
        <v>292</v>
      </c>
      <c r="EB23" s="280">
        <v>149</v>
      </c>
      <c r="EC23" s="277">
        <v>1829</v>
      </c>
      <c r="ED23" s="282">
        <v>2314</v>
      </c>
      <c r="EE23" s="276">
        <v>13</v>
      </c>
      <c r="EF23" s="280">
        <v>14</v>
      </c>
      <c r="EG23" s="277">
        <v>27</v>
      </c>
      <c r="EH23" s="279">
        <v>0</v>
      </c>
      <c r="EI23" s="280">
        <v>64</v>
      </c>
      <c r="EJ23" s="280">
        <v>68</v>
      </c>
      <c r="EK23" s="280">
        <v>71</v>
      </c>
      <c r="EL23" s="280">
        <v>41</v>
      </c>
      <c r="EM23" s="280">
        <v>42</v>
      </c>
      <c r="EN23" s="277">
        <v>286</v>
      </c>
      <c r="EO23" s="282">
        <v>313</v>
      </c>
      <c r="EP23" s="276">
        <v>230</v>
      </c>
      <c r="EQ23" s="280">
        <v>394</v>
      </c>
      <c r="ER23" s="277">
        <v>624</v>
      </c>
      <c r="ES23" s="279">
        <v>0</v>
      </c>
      <c r="ET23" s="280">
        <v>783</v>
      </c>
      <c r="EU23" s="280">
        <v>928</v>
      </c>
      <c r="EV23" s="280">
        <v>463</v>
      </c>
      <c r="EW23" s="280">
        <v>312</v>
      </c>
      <c r="EX23" s="280">
        <v>170</v>
      </c>
      <c r="EY23" s="277">
        <v>2656</v>
      </c>
      <c r="EZ23" s="282">
        <v>3280</v>
      </c>
    </row>
    <row r="24" spans="2:156" ht="21" customHeight="1" x14ac:dyDescent="0.2">
      <c r="B24" s="261" t="s">
        <v>22</v>
      </c>
      <c r="C24" s="276">
        <v>0</v>
      </c>
      <c r="D24" s="280">
        <v>0</v>
      </c>
      <c r="E24" s="384">
        <v>0</v>
      </c>
      <c r="F24" s="279">
        <v>0</v>
      </c>
      <c r="G24" s="280">
        <v>67</v>
      </c>
      <c r="H24" s="280">
        <v>68</v>
      </c>
      <c r="I24" s="280">
        <v>36</v>
      </c>
      <c r="J24" s="280">
        <v>39</v>
      </c>
      <c r="K24" s="280">
        <v>31</v>
      </c>
      <c r="L24" s="281">
        <v>241</v>
      </c>
      <c r="M24" s="282">
        <v>241</v>
      </c>
      <c r="N24" s="276">
        <v>0</v>
      </c>
      <c r="O24" s="280">
        <v>0</v>
      </c>
      <c r="P24" s="277">
        <v>0</v>
      </c>
      <c r="Q24" s="279">
        <v>0</v>
      </c>
      <c r="R24" s="280">
        <v>1</v>
      </c>
      <c r="S24" s="280">
        <v>2</v>
      </c>
      <c r="T24" s="280">
        <v>3</v>
      </c>
      <c r="U24" s="280">
        <v>7</v>
      </c>
      <c r="V24" s="280">
        <v>17</v>
      </c>
      <c r="W24" s="277">
        <v>30</v>
      </c>
      <c r="X24" s="282">
        <v>30</v>
      </c>
      <c r="Y24" s="276">
        <v>6</v>
      </c>
      <c r="Z24" s="280">
        <v>12</v>
      </c>
      <c r="AA24" s="277">
        <v>18</v>
      </c>
      <c r="AB24" s="279">
        <v>0</v>
      </c>
      <c r="AC24" s="280">
        <v>53</v>
      </c>
      <c r="AD24" s="280">
        <v>72</v>
      </c>
      <c r="AE24" s="280">
        <v>33</v>
      </c>
      <c r="AF24" s="280">
        <v>34</v>
      </c>
      <c r="AG24" s="280">
        <v>30</v>
      </c>
      <c r="AH24" s="277">
        <v>222</v>
      </c>
      <c r="AI24" s="282">
        <v>240</v>
      </c>
      <c r="AJ24" s="276">
        <v>0</v>
      </c>
      <c r="AK24" s="280">
        <v>1</v>
      </c>
      <c r="AL24" s="277">
        <v>1</v>
      </c>
      <c r="AM24" s="279">
        <v>0</v>
      </c>
      <c r="AN24" s="280">
        <v>7</v>
      </c>
      <c r="AO24" s="280">
        <v>12</v>
      </c>
      <c r="AP24" s="280">
        <v>7</v>
      </c>
      <c r="AQ24" s="280">
        <v>4</v>
      </c>
      <c r="AR24" s="280">
        <v>7</v>
      </c>
      <c r="AS24" s="277">
        <v>37</v>
      </c>
      <c r="AT24" s="282">
        <v>38</v>
      </c>
      <c r="AU24" s="276">
        <v>4</v>
      </c>
      <c r="AV24" s="280">
        <v>7</v>
      </c>
      <c r="AW24" s="277">
        <v>11</v>
      </c>
      <c r="AX24" s="279">
        <v>0</v>
      </c>
      <c r="AY24" s="280">
        <v>69</v>
      </c>
      <c r="AZ24" s="280">
        <v>77</v>
      </c>
      <c r="BA24" s="280">
        <v>66</v>
      </c>
      <c r="BB24" s="280">
        <v>55</v>
      </c>
      <c r="BC24" s="280">
        <v>40</v>
      </c>
      <c r="BD24" s="281">
        <v>307</v>
      </c>
      <c r="BE24" s="282">
        <v>318</v>
      </c>
      <c r="BF24" s="276">
        <v>0</v>
      </c>
      <c r="BG24" s="280">
        <v>0</v>
      </c>
      <c r="BH24" s="277">
        <v>0</v>
      </c>
      <c r="BI24" s="279">
        <v>0</v>
      </c>
      <c r="BJ24" s="280">
        <v>115</v>
      </c>
      <c r="BK24" s="280">
        <v>114</v>
      </c>
      <c r="BL24" s="280">
        <v>58</v>
      </c>
      <c r="BM24" s="280">
        <v>26</v>
      </c>
      <c r="BN24" s="280">
        <v>22</v>
      </c>
      <c r="BO24" s="277">
        <v>335</v>
      </c>
      <c r="BP24" s="282">
        <v>335</v>
      </c>
      <c r="BQ24" s="276">
        <v>1</v>
      </c>
      <c r="BR24" s="280">
        <v>8</v>
      </c>
      <c r="BS24" s="277">
        <v>9</v>
      </c>
      <c r="BT24" s="279">
        <v>0</v>
      </c>
      <c r="BU24" s="280">
        <v>21</v>
      </c>
      <c r="BV24" s="280">
        <v>26</v>
      </c>
      <c r="BW24" s="280">
        <v>17</v>
      </c>
      <c r="BX24" s="280">
        <v>15</v>
      </c>
      <c r="BY24" s="280">
        <v>4</v>
      </c>
      <c r="BZ24" s="277">
        <v>83</v>
      </c>
      <c r="CA24" s="282">
        <v>92</v>
      </c>
      <c r="CB24" s="276">
        <v>0</v>
      </c>
      <c r="CC24" s="280">
        <v>1</v>
      </c>
      <c r="CD24" s="277">
        <v>1</v>
      </c>
      <c r="CE24" s="279">
        <v>0</v>
      </c>
      <c r="CF24" s="280">
        <v>15</v>
      </c>
      <c r="CG24" s="280">
        <v>31</v>
      </c>
      <c r="CH24" s="280">
        <v>30</v>
      </c>
      <c r="CI24" s="280">
        <v>19</v>
      </c>
      <c r="CJ24" s="280">
        <v>10</v>
      </c>
      <c r="CK24" s="277">
        <v>105</v>
      </c>
      <c r="CL24" s="282">
        <v>106</v>
      </c>
      <c r="CM24" s="276">
        <v>1</v>
      </c>
      <c r="CN24" s="280">
        <v>0</v>
      </c>
      <c r="CO24" s="277">
        <v>1</v>
      </c>
      <c r="CP24" s="279">
        <v>0</v>
      </c>
      <c r="CQ24" s="280">
        <v>1</v>
      </c>
      <c r="CR24" s="280">
        <v>4</v>
      </c>
      <c r="CS24" s="280">
        <v>5</v>
      </c>
      <c r="CT24" s="280">
        <v>6</v>
      </c>
      <c r="CU24" s="280">
        <v>1</v>
      </c>
      <c r="CV24" s="277">
        <v>17</v>
      </c>
      <c r="CW24" s="282">
        <v>18</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48</v>
      </c>
      <c r="DU24" s="280">
        <v>148</v>
      </c>
      <c r="DV24" s="277">
        <v>196</v>
      </c>
      <c r="DW24" s="279">
        <v>0</v>
      </c>
      <c r="DX24" s="280">
        <v>192</v>
      </c>
      <c r="DY24" s="280">
        <v>264</v>
      </c>
      <c r="DZ24" s="280">
        <v>121</v>
      </c>
      <c r="EA24" s="280">
        <v>96</v>
      </c>
      <c r="EB24" s="280">
        <v>69</v>
      </c>
      <c r="EC24" s="277">
        <v>742</v>
      </c>
      <c r="ED24" s="282">
        <v>938</v>
      </c>
      <c r="EE24" s="276">
        <v>6</v>
      </c>
      <c r="EF24" s="280">
        <v>4</v>
      </c>
      <c r="EG24" s="277">
        <v>10</v>
      </c>
      <c r="EH24" s="279">
        <v>0</v>
      </c>
      <c r="EI24" s="280">
        <v>37</v>
      </c>
      <c r="EJ24" s="280">
        <v>24</v>
      </c>
      <c r="EK24" s="280">
        <v>28</v>
      </c>
      <c r="EL24" s="280">
        <v>24</v>
      </c>
      <c r="EM24" s="280">
        <v>9</v>
      </c>
      <c r="EN24" s="277">
        <v>122</v>
      </c>
      <c r="EO24" s="282">
        <v>132</v>
      </c>
      <c r="EP24" s="276">
        <v>54</v>
      </c>
      <c r="EQ24" s="280">
        <v>157</v>
      </c>
      <c r="ER24" s="277">
        <v>211</v>
      </c>
      <c r="ES24" s="279">
        <v>0</v>
      </c>
      <c r="ET24" s="280">
        <v>375</v>
      </c>
      <c r="EU24" s="280">
        <v>337</v>
      </c>
      <c r="EV24" s="280">
        <v>145</v>
      </c>
      <c r="EW24" s="280">
        <v>108</v>
      </c>
      <c r="EX24" s="280">
        <v>72</v>
      </c>
      <c r="EY24" s="277">
        <v>1037</v>
      </c>
      <c r="EZ24" s="282">
        <v>1248</v>
      </c>
    </row>
    <row r="25" spans="2:156" ht="21" customHeight="1" x14ac:dyDescent="0.2">
      <c r="B25" s="261" t="s">
        <v>23</v>
      </c>
      <c r="C25" s="276">
        <v>0</v>
      </c>
      <c r="D25" s="280">
        <v>0</v>
      </c>
      <c r="E25" s="384">
        <v>0</v>
      </c>
      <c r="F25" s="279">
        <v>0</v>
      </c>
      <c r="G25" s="280">
        <v>156</v>
      </c>
      <c r="H25" s="280">
        <v>147</v>
      </c>
      <c r="I25" s="280">
        <v>71</v>
      </c>
      <c r="J25" s="280">
        <v>57</v>
      </c>
      <c r="K25" s="280">
        <v>40</v>
      </c>
      <c r="L25" s="281">
        <v>471</v>
      </c>
      <c r="M25" s="282">
        <v>471</v>
      </c>
      <c r="N25" s="276">
        <v>0</v>
      </c>
      <c r="O25" s="280">
        <v>0</v>
      </c>
      <c r="P25" s="277">
        <v>0</v>
      </c>
      <c r="Q25" s="279">
        <v>0</v>
      </c>
      <c r="R25" s="280">
        <v>2</v>
      </c>
      <c r="S25" s="280">
        <v>5</v>
      </c>
      <c r="T25" s="280">
        <v>4</v>
      </c>
      <c r="U25" s="280">
        <v>14</v>
      </c>
      <c r="V25" s="280">
        <v>22</v>
      </c>
      <c r="W25" s="277">
        <v>47</v>
      </c>
      <c r="X25" s="282">
        <v>47</v>
      </c>
      <c r="Y25" s="276">
        <v>31</v>
      </c>
      <c r="Z25" s="280">
        <v>46</v>
      </c>
      <c r="AA25" s="277">
        <v>77</v>
      </c>
      <c r="AB25" s="279">
        <v>0</v>
      </c>
      <c r="AC25" s="280">
        <v>94</v>
      </c>
      <c r="AD25" s="280">
        <v>136</v>
      </c>
      <c r="AE25" s="280">
        <v>54</v>
      </c>
      <c r="AF25" s="280">
        <v>65</v>
      </c>
      <c r="AG25" s="280">
        <v>40</v>
      </c>
      <c r="AH25" s="277">
        <v>389</v>
      </c>
      <c r="AI25" s="282">
        <v>466</v>
      </c>
      <c r="AJ25" s="276">
        <v>4</v>
      </c>
      <c r="AK25" s="280">
        <v>7</v>
      </c>
      <c r="AL25" s="277">
        <v>11</v>
      </c>
      <c r="AM25" s="279">
        <v>0</v>
      </c>
      <c r="AN25" s="280">
        <v>9</v>
      </c>
      <c r="AO25" s="280">
        <v>21</v>
      </c>
      <c r="AP25" s="280">
        <v>8</v>
      </c>
      <c r="AQ25" s="280">
        <v>7</v>
      </c>
      <c r="AR25" s="280">
        <v>3</v>
      </c>
      <c r="AS25" s="277">
        <v>48</v>
      </c>
      <c r="AT25" s="282">
        <v>59</v>
      </c>
      <c r="AU25" s="276">
        <v>15</v>
      </c>
      <c r="AV25" s="280">
        <v>15</v>
      </c>
      <c r="AW25" s="277">
        <v>30</v>
      </c>
      <c r="AX25" s="279">
        <v>0</v>
      </c>
      <c r="AY25" s="280">
        <v>169</v>
      </c>
      <c r="AZ25" s="280">
        <v>149</v>
      </c>
      <c r="BA25" s="280">
        <v>121</v>
      </c>
      <c r="BB25" s="280">
        <v>160</v>
      </c>
      <c r="BC25" s="280">
        <v>113</v>
      </c>
      <c r="BD25" s="281">
        <v>712</v>
      </c>
      <c r="BE25" s="282">
        <v>742</v>
      </c>
      <c r="BF25" s="276">
        <v>0</v>
      </c>
      <c r="BG25" s="280">
        <v>0</v>
      </c>
      <c r="BH25" s="277">
        <v>0</v>
      </c>
      <c r="BI25" s="279">
        <v>0</v>
      </c>
      <c r="BJ25" s="280">
        <v>297</v>
      </c>
      <c r="BK25" s="280">
        <v>254</v>
      </c>
      <c r="BL25" s="280">
        <v>120</v>
      </c>
      <c r="BM25" s="280">
        <v>77</v>
      </c>
      <c r="BN25" s="280">
        <v>27</v>
      </c>
      <c r="BO25" s="277">
        <v>775</v>
      </c>
      <c r="BP25" s="282">
        <v>775</v>
      </c>
      <c r="BQ25" s="276">
        <v>4</v>
      </c>
      <c r="BR25" s="280">
        <v>9</v>
      </c>
      <c r="BS25" s="277">
        <v>13</v>
      </c>
      <c r="BT25" s="279">
        <v>0</v>
      </c>
      <c r="BU25" s="280">
        <v>37</v>
      </c>
      <c r="BV25" s="280">
        <v>52</v>
      </c>
      <c r="BW25" s="280">
        <v>35</v>
      </c>
      <c r="BX25" s="280">
        <v>26</v>
      </c>
      <c r="BY25" s="280">
        <v>9</v>
      </c>
      <c r="BZ25" s="277">
        <v>159</v>
      </c>
      <c r="CA25" s="282">
        <v>172</v>
      </c>
      <c r="CB25" s="276">
        <v>1</v>
      </c>
      <c r="CC25" s="280">
        <v>3</v>
      </c>
      <c r="CD25" s="277">
        <v>4</v>
      </c>
      <c r="CE25" s="279">
        <v>0</v>
      </c>
      <c r="CF25" s="280">
        <v>19</v>
      </c>
      <c r="CG25" s="280">
        <v>40</v>
      </c>
      <c r="CH25" s="280">
        <v>50</v>
      </c>
      <c r="CI25" s="280">
        <v>35</v>
      </c>
      <c r="CJ25" s="280">
        <v>7</v>
      </c>
      <c r="CK25" s="277">
        <v>151</v>
      </c>
      <c r="CL25" s="282">
        <v>155</v>
      </c>
      <c r="CM25" s="276">
        <v>0</v>
      </c>
      <c r="CN25" s="280">
        <v>1</v>
      </c>
      <c r="CO25" s="277">
        <v>1</v>
      </c>
      <c r="CP25" s="279">
        <v>0</v>
      </c>
      <c r="CQ25" s="280">
        <v>1</v>
      </c>
      <c r="CR25" s="280">
        <v>2</v>
      </c>
      <c r="CS25" s="280">
        <v>1</v>
      </c>
      <c r="CT25" s="280">
        <v>3</v>
      </c>
      <c r="CU25" s="280">
        <v>5</v>
      </c>
      <c r="CV25" s="277">
        <v>12</v>
      </c>
      <c r="CW25" s="282">
        <v>13</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90</v>
      </c>
      <c r="DU25" s="280">
        <v>215</v>
      </c>
      <c r="DV25" s="277">
        <v>305</v>
      </c>
      <c r="DW25" s="279">
        <v>0</v>
      </c>
      <c r="DX25" s="280">
        <v>255</v>
      </c>
      <c r="DY25" s="280">
        <v>379</v>
      </c>
      <c r="DZ25" s="280">
        <v>199</v>
      </c>
      <c r="EA25" s="280">
        <v>176</v>
      </c>
      <c r="EB25" s="280">
        <v>89</v>
      </c>
      <c r="EC25" s="277">
        <v>1098</v>
      </c>
      <c r="ED25" s="282">
        <v>1403</v>
      </c>
      <c r="EE25" s="276">
        <v>7</v>
      </c>
      <c r="EF25" s="280">
        <v>4</v>
      </c>
      <c r="EG25" s="277">
        <v>11</v>
      </c>
      <c r="EH25" s="279">
        <v>0</v>
      </c>
      <c r="EI25" s="280">
        <v>51</v>
      </c>
      <c r="EJ25" s="280">
        <v>42</v>
      </c>
      <c r="EK25" s="280">
        <v>37</v>
      </c>
      <c r="EL25" s="280">
        <v>61</v>
      </c>
      <c r="EM25" s="280">
        <v>37</v>
      </c>
      <c r="EN25" s="277">
        <v>228</v>
      </c>
      <c r="EO25" s="282">
        <v>239</v>
      </c>
      <c r="EP25" s="276">
        <v>120</v>
      </c>
      <c r="EQ25" s="280">
        <v>252</v>
      </c>
      <c r="ER25" s="277">
        <v>372</v>
      </c>
      <c r="ES25" s="279">
        <v>0</v>
      </c>
      <c r="ET25" s="280">
        <v>537</v>
      </c>
      <c r="EU25" s="280">
        <v>510</v>
      </c>
      <c r="EV25" s="280">
        <v>254</v>
      </c>
      <c r="EW25" s="280">
        <v>196</v>
      </c>
      <c r="EX25" s="280">
        <v>92</v>
      </c>
      <c r="EY25" s="277">
        <v>1589</v>
      </c>
      <c r="EZ25" s="282">
        <v>1961</v>
      </c>
    </row>
    <row r="26" spans="2:156" ht="21" customHeight="1" x14ac:dyDescent="0.2">
      <c r="B26" s="261" t="s">
        <v>24</v>
      </c>
      <c r="C26" s="276">
        <v>0</v>
      </c>
      <c r="D26" s="280">
        <v>0</v>
      </c>
      <c r="E26" s="384">
        <v>0</v>
      </c>
      <c r="F26" s="279">
        <v>0</v>
      </c>
      <c r="G26" s="280">
        <v>71</v>
      </c>
      <c r="H26" s="280">
        <v>56</v>
      </c>
      <c r="I26" s="280">
        <v>38</v>
      </c>
      <c r="J26" s="280">
        <v>40</v>
      </c>
      <c r="K26" s="280">
        <v>34</v>
      </c>
      <c r="L26" s="281">
        <v>239</v>
      </c>
      <c r="M26" s="282">
        <v>239</v>
      </c>
      <c r="N26" s="276">
        <v>0</v>
      </c>
      <c r="O26" s="280">
        <v>0</v>
      </c>
      <c r="P26" s="277">
        <v>0</v>
      </c>
      <c r="Q26" s="279">
        <v>0</v>
      </c>
      <c r="R26" s="280">
        <v>0</v>
      </c>
      <c r="S26" s="280">
        <v>4</v>
      </c>
      <c r="T26" s="280">
        <v>5</v>
      </c>
      <c r="U26" s="280">
        <v>9</v>
      </c>
      <c r="V26" s="280">
        <v>23</v>
      </c>
      <c r="W26" s="277">
        <v>41</v>
      </c>
      <c r="X26" s="282">
        <v>41</v>
      </c>
      <c r="Y26" s="276">
        <v>13</v>
      </c>
      <c r="Z26" s="280">
        <v>19</v>
      </c>
      <c r="AA26" s="277">
        <v>32</v>
      </c>
      <c r="AB26" s="279">
        <v>0</v>
      </c>
      <c r="AC26" s="280">
        <v>63</v>
      </c>
      <c r="AD26" s="280">
        <v>55</v>
      </c>
      <c r="AE26" s="280">
        <v>46</v>
      </c>
      <c r="AF26" s="280">
        <v>35</v>
      </c>
      <c r="AG26" s="280">
        <v>33</v>
      </c>
      <c r="AH26" s="277">
        <v>232</v>
      </c>
      <c r="AI26" s="282">
        <v>264</v>
      </c>
      <c r="AJ26" s="276">
        <v>0</v>
      </c>
      <c r="AK26" s="280">
        <v>1</v>
      </c>
      <c r="AL26" s="277">
        <v>1</v>
      </c>
      <c r="AM26" s="279">
        <v>0</v>
      </c>
      <c r="AN26" s="280">
        <v>3</v>
      </c>
      <c r="AO26" s="280">
        <v>8</v>
      </c>
      <c r="AP26" s="280">
        <v>2</v>
      </c>
      <c r="AQ26" s="280">
        <v>7</v>
      </c>
      <c r="AR26" s="280">
        <v>5</v>
      </c>
      <c r="AS26" s="277">
        <v>25</v>
      </c>
      <c r="AT26" s="282">
        <v>26</v>
      </c>
      <c r="AU26" s="276">
        <v>16</v>
      </c>
      <c r="AV26" s="280">
        <v>19</v>
      </c>
      <c r="AW26" s="277">
        <v>35</v>
      </c>
      <c r="AX26" s="279">
        <v>0</v>
      </c>
      <c r="AY26" s="280">
        <v>80</v>
      </c>
      <c r="AZ26" s="280">
        <v>78</v>
      </c>
      <c r="BA26" s="280">
        <v>79</v>
      </c>
      <c r="BB26" s="280">
        <v>81</v>
      </c>
      <c r="BC26" s="280">
        <v>75</v>
      </c>
      <c r="BD26" s="281">
        <v>393</v>
      </c>
      <c r="BE26" s="282">
        <v>428</v>
      </c>
      <c r="BF26" s="276">
        <v>0</v>
      </c>
      <c r="BG26" s="280">
        <v>0</v>
      </c>
      <c r="BH26" s="277">
        <v>0</v>
      </c>
      <c r="BI26" s="279">
        <v>0</v>
      </c>
      <c r="BJ26" s="280">
        <v>119</v>
      </c>
      <c r="BK26" s="280">
        <v>79</v>
      </c>
      <c r="BL26" s="280">
        <v>36</v>
      </c>
      <c r="BM26" s="280">
        <v>23</v>
      </c>
      <c r="BN26" s="280">
        <v>10</v>
      </c>
      <c r="BO26" s="277">
        <v>267</v>
      </c>
      <c r="BP26" s="282">
        <v>267</v>
      </c>
      <c r="BQ26" s="276">
        <v>12</v>
      </c>
      <c r="BR26" s="280">
        <v>9</v>
      </c>
      <c r="BS26" s="277">
        <v>21</v>
      </c>
      <c r="BT26" s="279">
        <v>0</v>
      </c>
      <c r="BU26" s="280">
        <v>37</v>
      </c>
      <c r="BV26" s="280">
        <v>34</v>
      </c>
      <c r="BW26" s="280">
        <v>18</v>
      </c>
      <c r="BX26" s="280">
        <v>10</v>
      </c>
      <c r="BY26" s="280">
        <v>14</v>
      </c>
      <c r="BZ26" s="277">
        <v>113</v>
      </c>
      <c r="CA26" s="282">
        <v>134</v>
      </c>
      <c r="CB26" s="276">
        <v>2</v>
      </c>
      <c r="CC26" s="280">
        <v>1</v>
      </c>
      <c r="CD26" s="277">
        <v>3</v>
      </c>
      <c r="CE26" s="279">
        <v>0</v>
      </c>
      <c r="CF26" s="280">
        <v>21</v>
      </c>
      <c r="CG26" s="280">
        <v>19</v>
      </c>
      <c r="CH26" s="280">
        <v>21</v>
      </c>
      <c r="CI26" s="280">
        <v>23</v>
      </c>
      <c r="CJ26" s="280">
        <v>13</v>
      </c>
      <c r="CK26" s="277">
        <v>97</v>
      </c>
      <c r="CL26" s="282">
        <v>100</v>
      </c>
      <c r="CM26" s="276">
        <v>0</v>
      </c>
      <c r="CN26" s="280">
        <v>0</v>
      </c>
      <c r="CO26" s="277">
        <v>0</v>
      </c>
      <c r="CP26" s="279">
        <v>0</v>
      </c>
      <c r="CQ26" s="280">
        <v>4</v>
      </c>
      <c r="CR26" s="280">
        <v>3</v>
      </c>
      <c r="CS26" s="280">
        <v>3</v>
      </c>
      <c r="CT26" s="280">
        <v>2</v>
      </c>
      <c r="CU26" s="280">
        <v>3</v>
      </c>
      <c r="CV26" s="277">
        <v>15</v>
      </c>
      <c r="CW26" s="282">
        <v>15</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81</v>
      </c>
      <c r="DU26" s="280">
        <v>82</v>
      </c>
      <c r="DV26" s="277">
        <v>163</v>
      </c>
      <c r="DW26" s="279">
        <v>0</v>
      </c>
      <c r="DX26" s="280">
        <v>133</v>
      </c>
      <c r="DY26" s="280">
        <v>167</v>
      </c>
      <c r="DZ26" s="280">
        <v>101</v>
      </c>
      <c r="EA26" s="280">
        <v>74</v>
      </c>
      <c r="EB26" s="280">
        <v>58</v>
      </c>
      <c r="EC26" s="277">
        <v>533</v>
      </c>
      <c r="ED26" s="282">
        <v>696</v>
      </c>
      <c r="EE26" s="276">
        <v>13</v>
      </c>
      <c r="EF26" s="280">
        <v>9</v>
      </c>
      <c r="EG26" s="277">
        <v>22</v>
      </c>
      <c r="EH26" s="279">
        <v>0</v>
      </c>
      <c r="EI26" s="280">
        <v>37</v>
      </c>
      <c r="EJ26" s="280">
        <v>29</v>
      </c>
      <c r="EK26" s="280">
        <v>28</v>
      </c>
      <c r="EL26" s="280">
        <v>29</v>
      </c>
      <c r="EM26" s="280">
        <v>25</v>
      </c>
      <c r="EN26" s="277">
        <v>148</v>
      </c>
      <c r="EO26" s="282">
        <v>170</v>
      </c>
      <c r="EP26" s="276">
        <v>101</v>
      </c>
      <c r="EQ26" s="280">
        <v>96</v>
      </c>
      <c r="ER26" s="277">
        <v>197</v>
      </c>
      <c r="ES26" s="279">
        <v>0</v>
      </c>
      <c r="ET26" s="280">
        <v>275</v>
      </c>
      <c r="EU26" s="280">
        <v>208</v>
      </c>
      <c r="EV26" s="280">
        <v>124</v>
      </c>
      <c r="EW26" s="280">
        <v>79</v>
      </c>
      <c r="EX26" s="280">
        <v>65</v>
      </c>
      <c r="EY26" s="277">
        <v>751</v>
      </c>
      <c r="EZ26" s="282">
        <v>948</v>
      </c>
    </row>
    <row r="27" spans="2:156" ht="21" customHeight="1" x14ac:dyDescent="0.2">
      <c r="B27" s="261" t="s">
        <v>25</v>
      </c>
      <c r="C27" s="276">
        <v>0</v>
      </c>
      <c r="D27" s="280">
        <v>0</v>
      </c>
      <c r="E27" s="384">
        <v>0</v>
      </c>
      <c r="F27" s="279">
        <v>0</v>
      </c>
      <c r="G27" s="280">
        <v>102</v>
      </c>
      <c r="H27" s="280">
        <v>72</v>
      </c>
      <c r="I27" s="280">
        <v>39</v>
      </c>
      <c r="J27" s="280">
        <v>38</v>
      </c>
      <c r="K27" s="280">
        <v>26</v>
      </c>
      <c r="L27" s="281">
        <v>277</v>
      </c>
      <c r="M27" s="282">
        <v>277</v>
      </c>
      <c r="N27" s="276">
        <v>0</v>
      </c>
      <c r="O27" s="280">
        <v>0</v>
      </c>
      <c r="P27" s="277">
        <v>0</v>
      </c>
      <c r="Q27" s="279">
        <v>0</v>
      </c>
      <c r="R27" s="280">
        <v>2</v>
      </c>
      <c r="S27" s="280">
        <v>7</v>
      </c>
      <c r="T27" s="280">
        <v>7</v>
      </c>
      <c r="U27" s="280">
        <v>11</v>
      </c>
      <c r="V27" s="280">
        <v>21</v>
      </c>
      <c r="W27" s="277">
        <v>48</v>
      </c>
      <c r="X27" s="282">
        <v>48</v>
      </c>
      <c r="Y27" s="276">
        <v>18</v>
      </c>
      <c r="Z27" s="280">
        <v>35</v>
      </c>
      <c r="AA27" s="277">
        <v>53</v>
      </c>
      <c r="AB27" s="279">
        <v>0</v>
      </c>
      <c r="AC27" s="280">
        <v>82</v>
      </c>
      <c r="AD27" s="280">
        <v>73</v>
      </c>
      <c r="AE27" s="280">
        <v>38</v>
      </c>
      <c r="AF27" s="280">
        <v>41</v>
      </c>
      <c r="AG27" s="280">
        <v>26</v>
      </c>
      <c r="AH27" s="277">
        <v>260</v>
      </c>
      <c r="AI27" s="282">
        <v>313</v>
      </c>
      <c r="AJ27" s="276">
        <v>3</v>
      </c>
      <c r="AK27" s="280">
        <v>4</v>
      </c>
      <c r="AL27" s="277">
        <v>7</v>
      </c>
      <c r="AM27" s="279">
        <v>0</v>
      </c>
      <c r="AN27" s="280">
        <v>2</v>
      </c>
      <c r="AO27" s="280">
        <v>10</v>
      </c>
      <c r="AP27" s="280">
        <v>8</v>
      </c>
      <c r="AQ27" s="280">
        <v>4</v>
      </c>
      <c r="AR27" s="280">
        <v>6</v>
      </c>
      <c r="AS27" s="277">
        <v>30</v>
      </c>
      <c r="AT27" s="282">
        <v>37</v>
      </c>
      <c r="AU27" s="276">
        <v>7</v>
      </c>
      <c r="AV27" s="280">
        <v>11</v>
      </c>
      <c r="AW27" s="277">
        <v>18</v>
      </c>
      <c r="AX27" s="279">
        <v>0</v>
      </c>
      <c r="AY27" s="280">
        <v>72</v>
      </c>
      <c r="AZ27" s="280">
        <v>73</v>
      </c>
      <c r="BA27" s="280">
        <v>50</v>
      </c>
      <c r="BB27" s="280">
        <v>68</v>
      </c>
      <c r="BC27" s="280">
        <v>43</v>
      </c>
      <c r="BD27" s="281">
        <v>306</v>
      </c>
      <c r="BE27" s="282">
        <v>324</v>
      </c>
      <c r="BF27" s="276">
        <v>0</v>
      </c>
      <c r="BG27" s="280">
        <v>0</v>
      </c>
      <c r="BH27" s="277">
        <v>0</v>
      </c>
      <c r="BI27" s="279">
        <v>0</v>
      </c>
      <c r="BJ27" s="280">
        <v>146</v>
      </c>
      <c r="BK27" s="280">
        <v>80</v>
      </c>
      <c r="BL27" s="280">
        <v>46</v>
      </c>
      <c r="BM27" s="280">
        <v>32</v>
      </c>
      <c r="BN27" s="280">
        <v>6</v>
      </c>
      <c r="BO27" s="277">
        <v>310</v>
      </c>
      <c r="BP27" s="282">
        <v>310</v>
      </c>
      <c r="BQ27" s="276">
        <v>9</v>
      </c>
      <c r="BR27" s="280">
        <v>20</v>
      </c>
      <c r="BS27" s="277">
        <v>29</v>
      </c>
      <c r="BT27" s="279">
        <v>0</v>
      </c>
      <c r="BU27" s="280">
        <v>44</v>
      </c>
      <c r="BV27" s="280">
        <v>53</v>
      </c>
      <c r="BW27" s="280">
        <v>27</v>
      </c>
      <c r="BX27" s="280">
        <v>11</v>
      </c>
      <c r="BY27" s="280">
        <v>3</v>
      </c>
      <c r="BZ27" s="277">
        <v>138</v>
      </c>
      <c r="CA27" s="282">
        <v>167</v>
      </c>
      <c r="CB27" s="276">
        <v>0</v>
      </c>
      <c r="CC27" s="280">
        <v>3</v>
      </c>
      <c r="CD27" s="277">
        <v>3</v>
      </c>
      <c r="CE27" s="279">
        <v>0</v>
      </c>
      <c r="CF27" s="280">
        <v>12</v>
      </c>
      <c r="CG27" s="280">
        <v>29</v>
      </c>
      <c r="CH27" s="280">
        <v>18</v>
      </c>
      <c r="CI27" s="280">
        <v>15</v>
      </c>
      <c r="CJ27" s="280">
        <v>4</v>
      </c>
      <c r="CK27" s="277">
        <v>78</v>
      </c>
      <c r="CL27" s="282">
        <v>81</v>
      </c>
      <c r="CM27" s="276">
        <v>0</v>
      </c>
      <c r="CN27" s="280">
        <v>0</v>
      </c>
      <c r="CO27" s="277">
        <v>0</v>
      </c>
      <c r="CP27" s="279">
        <v>0</v>
      </c>
      <c r="CQ27" s="280">
        <v>4</v>
      </c>
      <c r="CR27" s="280">
        <v>4</v>
      </c>
      <c r="CS27" s="280">
        <v>5</v>
      </c>
      <c r="CT27" s="280">
        <v>4</v>
      </c>
      <c r="CU27" s="280">
        <v>0</v>
      </c>
      <c r="CV27" s="277">
        <v>17</v>
      </c>
      <c r="CW27" s="282">
        <v>17</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73</v>
      </c>
      <c r="DU27" s="280">
        <v>132</v>
      </c>
      <c r="DV27" s="277">
        <v>205</v>
      </c>
      <c r="DW27" s="279">
        <v>0</v>
      </c>
      <c r="DX27" s="280">
        <v>128</v>
      </c>
      <c r="DY27" s="280">
        <v>211</v>
      </c>
      <c r="DZ27" s="280">
        <v>112</v>
      </c>
      <c r="EA27" s="280">
        <v>95</v>
      </c>
      <c r="EB27" s="280">
        <v>53</v>
      </c>
      <c r="EC27" s="277">
        <v>599</v>
      </c>
      <c r="ED27" s="282">
        <v>804</v>
      </c>
      <c r="EE27" s="276">
        <v>3</v>
      </c>
      <c r="EF27" s="280">
        <v>3</v>
      </c>
      <c r="EG27" s="277">
        <v>6</v>
      </c>
      <c r="EH27" s="279">
        <v>0</v>
      </c>
      <c r="EI27" s="280">
        <v>21</v>
      </c>
      <c r="EJ27" s="280">
        <v>15</v>
      </c>
      <c r="EK27" s="280">
        <v>11</v>
      </c>
      <c r="EL27" s="280">
        <v>19</v>
      </c>
      <c r="EM27" s="280">
        <v>14</v>
      </c>
      <c r="EN27" s="277">
        <v>80</v>
      </c>
      <c r="EO27" s="282">
        <v>86</v>
      </c>
      <c r="EP27" s="276">
        <v>89</v>
      </c>
      <c r="EQ27" s="280">
        <v>153</v>
      </c>
      <c r="ER27" s="277">
        <v>242</v>
      </c>
      <c r="ES27" s="279">
        <v>0</v>
      </c>
      <c r="ET27" s="280">
        <v>358</v>
      </c>
      <c r="EU27" s="280">
        <v>269</v>
      </c>
      <c r="EV27" s="280">
        <v>134</v>
      </c>
      <c r="EW27" s="280">
        <v>107</v>
      </c>
      <c r="EX27" s="280">
        <v>56</v>
      </c>
      <c r="EY27" s="277">
        <v>924</v>
      </c>
      <c r="EZ27" s="282">
        <v>1166</v>
      </c>
    </row>
    <row r="28" spans="2:156" ht="21" customHeight="1" x14ac:dyDescent="0.2">
      <c r="B28" s="261" t="s">
        <v>26</v>
      </c>
      <c r="C28" s="276">
        <v>0</v>
      </c>
      <c r="D28" s="280">
        <v>0</v>
      </c>
      <c r="E28" s="384">
        <v>0</v>
      </c>
      <c r="F28" s="279">
        <v>0</v>
      </c>
      <c r="G28" s="280">
        <v>83</v>
      </c>
      <c r="H28" s="280">
        <v>68</v>
      </c>
      <c r="I28" s="280">
        <v>44</v>
      </c>
      <c r="J28" s="280">
        <v>42</v>
      </c>
      <c r="K28" s="280">
        <v>44</v>
      </c>
      <c r="L28" s="281">
        <v>281</v>
      </c>
      <c r="M28" s="282">
        <v>281</v>
      </c>
      <c r="N28" s="276">
        <v>0</v>
      </c>
      <c r="O28" s="280">
        <v>0</v>
      </c>
      <c r="P28" s="277">
        <v>0</v>
      </c>
      <c r="Q28" s="279">
        <v>0</v>
      </c>
      <c r="R28" s="280">
        <v>1</v>
      </c>
      <c r="S28" s="280">
        <v>1</v>
      </c>
      <c r="T28" s="280">
        <v>5</v>
      </c>
      <c r="U28" s="280">
        <v>10</v>
      </c>
      <c r="V28" s="280">
        <v>14</v>
      </c>
      <c r="W28" s="277">
        <v>31</v>
      </c>
      <c r="X28" s="282">
        <v>31</v>
      </c>
      <c r="Y28" s="276">
        <v>9</v>
      </c>
      <c r="Z28" s="280">
        <v>14</v>
      </c>
      <c r="AA28" s="277">
        <v>23</v>
      </c>
      <c r="AB28" s="279">
        <v>0</v>
      </c>
      <c r="AC28" s="280">
        <v>68</v>
      </c>
      <c r="AD28" s="280">
        <v>64</v>
      </c>
      <c r="AE28" s="280">
        <v>37</v>
      </c>
      <c r="AF28" s="280">
        <v>42</v>
      </c>
      <c r="AG28" s="280">
        <v>43</v>
      </c>
      <c r="AH28" s="277">
        <v>254</v>
      </c>
      <c r="AI28" s="282">
        <v>277</v>
      </c>
      <c r="AJ28" s="276">
        <v>0</v>
      </c>
      <c r="AK28" s="280">
        <v>0</v>
      </c>
      <c r="AL28" s="277">
        <v>0</v>
      </c>
      <c r="AM28" s="279">
        <v>0</v>
      </c>
      <c r="AN28" s="280">
        <v>2</v>
      </c>
      <c r="AO28" s="280">
        <v>7</v>
      </c>
      <c r="AP28" s="280">
        <v>3</v>
      </c>
      <c r="AQ28" s="280">
        <v>4</v>
      </c>
      <c r="AR28" s="280">
        <v>2</v>
      </c>
      <c r="AS28" s="277">
        <v>18</v>
      </c>
      <c r="AT28" s="282">
        <v>18</v>
      </c>
      <c r="AU28" s="276">
        <v>13</v>
      </c>
      <c r="AV28" s="280">
        <v>8</v>
      </c>
      <c r="AW28" s="277">
        <v>21</v>
      </c>
      <c r="AX28" s="279">
        <v>0</v>
      </c>
      <c r="AY28" s="280">
        <v>67</v>
      </c>
      <c r="AZ28" s="280">
        <v>61</v>
      </c>
      <c r="BA28" s="280">
        <v>63</v>
      </c>
      <c r="BB28" s="280">
        <v>61</v>
      </c>
      <c r="BC28" s="280">
        <v>57</v>
      </c>
      <c r="BD28" s="281">
        <v>309</v>
      </c>
      <c r="BE28" s="282">
        <v>330</v>
      </c>
      <c r="BF28" s="276">
        <v>0</v>
      </c>
      <c r="BG28" s="280">
        <v>0</v>
      </c>
      <c r="BH28" s="277">
        <v>0</v>
      </c>
      <c r="BI28" s="279">
        <v>0</v>
      </c>
      <c r="BJ28" s="280">
        <v>106</v>
      </c>
      <c r="BK28" s="280">
        <v>89</v>
      </c>
      <c r="BL28" s="280">
        <v>48</v>
      </c>
      <c r="BM28" s="280">
        <v>22</v>
      </c>
      <c r="BN28" s="280">
        <v>15</v>
      </c>
      <c r="BO28" s="277">
        <v>280</v>
      </c>
      <c r="BP28" s="282">
        <v>280</v>
      </c>
      <c r="BQ28" s="276">
        <v>6</v>
      </c>
      <c r="BR28" s="280">
        <v>6</v>
      </c>
      <c r="BS28" s="277">
        <v>12</v>
      </c>
      <c r="BT28" s="279">
        <v>0</v>
      </c>
      <c r="BU28" s="280">
        <v>19</v>
      </c>
      <c r="BV28" s="280">
        <v>27</v>
      </c>
      <c r="BW28" s="280">
        <v>13</v>
      </c>
      <c r="BX28" s="280">
        <v>6</v>
      </c>
      <c r="BY28" s="280">
        <v>8</v>
      </c>
      <c r="BZ28" s="277">
        <v>73</v>
      </c>
      <c r="CA28" s="282">
        <v>85</v>
      </c>
      <c r="CB28" s="276">
        <v>0</v>
      </c>
      <c r="CC28" s="280">
        <v>2</v>
      </c>
      <c r="CD28" s="277">
        <v>2</v>
      </c>
      <c r="CE28" s="279">
        <v>0</v>
      </c>
      <c r="CF28" s="280">
        <v>9</v>
      </c>
      <c r="CG28" s="280">
        <v>16</v>
      </c>
      <c r="CH28" s="280">
        <v>20</v>
      </c>
      <c r="CI28" s="280">
        <v>16</v>
      </c>
      <c r="CJ28" s="280">
        <v>12</v>
      </c>
      <c r="CK28" s="277">
        <v>73</v>
      </c>
      <c r="CL28" s="282">
        <v>75</v>
      </c>
      <c r="CM28" s="276">
        <v>0</v>
      </c>
      <c r="CN28" s="280">
        <v>0</v>
      </c>
      <c r="CO28" s="277">
        <v>0</v>
      </c>
      <c r="CP28" s="279">
        <v>0</v>
      </c>
      <c r="CQ28" s="280">
        <v>2</v>
      </c>
      <c r="CR28" s="280">
        <v>2</v>
      </c>
      <c r="CS28" s="280">
        <v>3</v>
      </c>
      <c r="CT28" s="280">
        <v>3</v>
      </c>
      <c r="CU28" s="280">
        <v>3</v>
      </c>
      <c r="CV28" s="277">
        <v>13</v>
      </c>
      <c r="CW28" s="282">
        <v>13</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54</v>
      </c>
      <c r="DU28" s="280">
        <v>87</v>
      </c>
      <c r="DV28" s="277">
        <v>141</v>
      </c>
      <c r="DW28" s="279">
        <v>0</v>
      </c>
      <c r="DX28" s="280">
        <v>152</v>
      </c>
      <c r="DY28" s="280">
        <v>176</v>
      </c>
      <c r="DZ28" s="280">
        <v>106</v>
      </c>
      <c r="EA28" s="280">
        <v>81</v>
      </c>
      <c r="EB28" s="280">
        <v>70</v>
      </c>
      <c r="EC28" s="277">
        <v>585</v>
      </c>
      <c r="ED28" s="282">
        <v>726</v>
      </c>
      <c r="EE28" s="276">
        <v>11</v>
      </c>
      <c r="EF28" s="280">
        <v>3</v>
      </c>
      <c r="EG28" s="277">
        <v>14</v>
      </c>
      <c r="EH28" s="279">
        <v>0</v>
      </c>
      <c r="EI28" s="280">
        <v>23</v>
      </c>
      <c r="EJ28" s="280">
        <v>22</v>
      </c>
      <c r="EK28" s="280">
        <v>19</v>
      </c>
      <c r="EL28" s="280">
        <v>12</v>
      </c>
      <c r="EM28" s="280">
        <v>10</v>
      </c>
      <c r="EN28" s="277">
        <v>86</v>
      </c>
      <c r="EO28" s="282">
        <v>100</v>
      </c>
      <c r="EP28" s="276">
        <v>66</v>
      </c>
      <c r="EQ28" s="280">
        <v>99</v>
      </c>
      <c r="ER28" s="277">
        <v>165</v>
      </c>
      <c r="ES28" s="279">
        <v>0</v>
      </c>
      <c r="ET28" s="280">
        <v>279</v>
      </c>
      <c r="EU28" s="280">
        <v>236</v>
      </c>
      <c r="EV28" s="280">
        <v>124</v>
      </c>
      <c r="EW28" s="280">
        <v>89</v>
      </c>
      <c r="EX28" s="280">
        <v>73</v>
      </c>
      <c r="EY28" s="277">
        <v>801</v>
      </c>
      <c r="EZ28" s="282">
        <v>966</v>
      </c>
    </row>
    <row r="29" spans="2:156" ht="21" customHeight="1" x14ac:dyDescent="0.2">
      <c r="B29" s="261" t="s">
        <v>27</v>
      </c>
      <c r="C29" s="276">
        <v>0</v>
      </c>
      <c r="D29" s="280">
        <v>0</v>
      </c>
      <c r="E29" s="384">
        <v>0</v>
      </c>
      <c r="F29" s="279">
        <v>0</v>
      </c>
      <c r="G29" s="280">
        <v>55</v>
      </c>
      <c r="H29" s="280">
        <v>59</v>
      </c>
      <c r="I29" s="280">
        <v>42</v>
      </c>
      <c r="J29" s="280">
        <v>40</v>
      </c>
      <c r="K29" s="280">
        <v>31</v>
      </c>
      <c r="L29" s="281">
        <v>227</v>
      </c>
      <c r="M29" s="282">
        <v>227</v>
      </c>
      <c r="N29" s="276">
        <v>0</v>
      </c>
      <c r="O29" s="280">
        <v>0</v>
      </c>
      <c r="P29" s="277">
        <v>0</v>
      </c>
      <c r="Q29" s="279">
        <v>0</v>
      </c>
      <c r="R29" s="280">
        <v>1</v>
      </c>
      <c r="S29" s="280">
        <v>4</v>
      </c>
      <c r="T29" s="280">
        <v>6</v>
      </c>
      <c r="U29" s="280">
        <v>16</v>
      </c>
      <c r="V29" s="280">
        <v>14</v>
      </c>
      <c r="W29" s="277">
        <v>41</v>
      </c>
      <c r="X29" s="282">
        <v>41</v>
      </c>
      <c r="Y29" s="276">
        <v>24</v>
      </c>
      <c r="Z29" s="280">
        <v>42</v>
      </c>
      <c r="AA29" s="277">
        <v>66</v>
      </c>
      <c r="AB29" s="279">
        <v>0</v>
      </c>
      <c r="AC29" s="280">
        <v>35</v>
      </c>
      <c r="AD29" s="280">
        <v>40</v>
      </c>
      <c r="AE29" s="280">
        <v>35</v>
      </c>
      <c r="AF29" s="280">
        <v>32</v>
      </c>
      <c r="AG29" s="280">
        <v>29</v>
      </c>
      <c r="AH29" s="277">
        <v>171</v>
      </c>
      <c r="AI29" s="282">
        <v>237</v>
      </c>
      <c r="AJ29" s="276">
        <v>0</v>
      </c>
      <c r="AK29" s="280">
        <v>2</v>
      </c>
      <c r="AL29" s="277">
        <v>2</v>
      </c>
      <c r="AM29" s="279">
        <v>0</v>
      </c>
      <c r="AN29" s="280">
        <v>1</v>
      </c>
      <c r="AO29" s="280">
        <v>2</v>
      </c>
      <c r="AP29" s="280">
        <v>0</v>
      </c>
      <c r="AQ29" s="280">
        <v>1</v>
      </c>
      <c r="AR29" s="280">
        <v>1</v>
      </c>
      <c r="AS29" s="277">
        <v>5</v>
      </c>
      <c r="AT29" s="282">
        <v>7</v>
      </c>
      <c r="AU29" s="276">
        <v>12</v>
      </c>
      <c r="AV29" s="280">
        <v>19</v>
      </c>
      <c r="AW29" s="277">
        <v>31</v>
      </c>
      <c r="AX29" s="279">
        <v>0</v>
      </c>
      <c r="AY29" s="280">
        <v>62</v>
      </c>
      <c r="AZ29" s="280">
        <v>62</v>
      </c>
      <c r="BA29" s="280">
        <v>88</v>
      </c>
      <c r="BB29" s="280">
        <v>68</v>
      </c>
      <c r="BC29" s="280">
        <v>41</v>
      </c>
      <c r="BD29" s="281">
        <v>321</v>
      </c>
      <c r="BE29" s="282">
        <v>352</v>
      </c>
      <c r="BF29" s="276">
        <v>0</v>
      </c>
      <c r="BG29" s="280">
        <v>0</v>
      </c>
      <c r="BH29" s="277">
        <v>0</v>
      </c>
      <c r="BI29" s="279">
        <v>0</v>
      </c>
      <c r="BJ29" s="280">
        <v>112</v>
      </c>
      <c r="BK29" s="280">
        <v>67</v>
      </c>
      <c r="BL29" s="280">
        <v>42</v>
      </c>
      <c r="BM29" s="280">
        <v>35</v>
      </c>
      <c r="BN29" s="280">
        <v>13</v>
      </c>
      <c r="BO29" s="277">
        <v>269</v>
      </c>
      <c r="BP29" s="282">
        <v>269</v>
      </c>
      <c r="BQ29" s="276">
        <v>11</v>
      </c>
      <c r="BR29" s="280">
        <v>34</v>
      </c>
      <c r="BS29" s="277">
        <v>45</v>
      </c>
      <c r="BT29" s="279">
        <v>0</v>
      </c>
      <c r="BU29" s="280">
        <v>17</v>
      </c>
      <c r="BV29" s="280">
        <v>25</v>
      </c>
      <c r="BW29" s="280">
        <v>12</v>
      </c>
      <c r="BX29" s="280">
        <v>6</v>
      </c>
      <c r="BY29" s="280">
        <v>6</v>
      </c>
      <c r="BZ29" s="277">
        <v>66</v>
      </c>
      <c r="CA29" s="282">
        <v>111</v>
      </c>
      <c r="CB29" s="276">
        <v>1</v>
      </c>
      <c r="CC29" s="280">
        <v>0</v>
      </c>
      <c r="CD29" s="277">
        <v>1</v>
      </c>
      <c r="CE29" s="279">
        <v>0</v>
      </c>
      <c r="CF29" s="280">
        <v>10</v>
      </c>
      <c r="CG29" s="280">
        <v>12</v>
      </c>
      <c r="CH29" s="280">
        <v>14</v>
      </c>
      <c r="CI29" s="280">
        <v>15</v>
      </c>
      <c r="CJ29" s="280">
        <v>9</v>
      </c>
      <c r="CK29" s="277">
        <v>60</v>
      </c>
      <c r="CL29" s="282">
        <v>61</v>
      </c>
      <c r="CM29" s="276">
        <v>0</v>
      </c>
      <c r="CN29" s="280">
        <v>1</v>
      </c>
      <c r="CO29" s="277">
        <v>1</v>
      </c>
      <c r="CP29" s="279">
        <v>0</v>
      </c>
      <c r="CQ29" s="280">
        <v>3</v>
      </c>
      <c r="CR29" s="280">
        <v>1</v>
      </c>
      <c r="CS29" s="280">
        <v>0</v>
      </c>
      <c r="CT29" s="280">
        <v>4</v>
      </c>
      <c r="CU29" s="280">
        <v>2</v>
      </c>
      <c r="CV29" s="277">
        <v>10</v>
      </c>
      <c r="CW29" s="282">
        <v>11</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83</v>
      </c>
      <c r="DU29" s="280">
        <v>126</v>
      </c>
      <c r="DV29" s="277">
        <v>209</v>
      </c>
      <c r="DW29" s="279">
        <v>0</v>
      </c>
      <c r="DX29" s="280">
        <v>73</v>
      </c>
      <c r="DY29" s="280">
        <v>135</v>
      </c>
      <c r="DZ29" s="280">
        <v>85</v>
      </c>
      <c r="EA29" s="280">
        <v>69</v>
      </c>
      <c r="EB29" s="280">
        <v>42</v>
      </c>
      <c r="EC29" s="277">
        <v>404</v>
      </c>
      <c r="ED29" s="282">
        <v>613</v>
      </c>
      <c r="EE29" s="276">
        <v>11</v>
      </c>
      <c r="EF29" s="280">
        <v>13</v>
      </c>
      <c r="EG29" s="277">
        <v>24</v>
      </c>
      <c r="EH29" s="279">
        <v>0</v>
      </c>
      <c r="EI29" s="280">
        <v>36</v>
      </c>
      <c r="EJ29" s="280">
        <v>31</v>
      </c>
      <c r="EK29" s="280">
        <v>39</v>
      </c>
      <c r="EL29" s="280">
        <v>36</v>
      </c>
      <c r="EM29" s="280">
        <v>11</v>
      </c>
      <c r="EN29" s="277">
        <v>153</v>
      </c>
      <c r="EO29" s="282">
        <v>177</v>
      </c>
      <c r="EP29" s="276">
        <v>106</v>
      </c>
      <c r="EQ29" s="280">
        <v>156</v>
      </c>
      <c r="ER29" s="277">
        <v>262</v>
      </c>
      <c r="ES29" s="279">
        <v>0</v>
      </c>
      <c r="ET29" s="280">
        <v>205</v>
      </c>
      <c r="EU29" s="280">
        <v>168</v>
      </c>
      <c r="EV29" s="280">
        <v>108</v>
      </c>
      <c r="EW29" s="280">
        <v>78</v>
      </c>
      <c r="EX29" s="280">
        <v>44</v>
      </c>
      <c r="EY29" s="277">
        <v>603</v>
      </c>
      <c r="EZ29" s="282">
        <v>865</v>
      </c>
    </row>
    <row r="30" spans="2:156" ht="21" customHeight="1" x14ac:dyDescent="0.2">
      <c r="B30" s="261" t="s">
        <v>28</v>
      </c>
      <c r="C30" s="276">
        <v>0</v>
      </c>
      <c r="D30" s="280">
        <v>0</v>
      </c>
      <c r="E30" s="384">
        <v>0</v>
      </c>
      <c r="F30" s="279">
        <v>0</v>
      </c>
      <c r="G30" s="280">
        <v>10</v>
      </c>
      <c r="H30" s="280">
        <v>17</v>
      </c>
      <c r="I30" s="280">
        <v>6</v>
      </c>
      <c r="J30" s="280">
        <v>8</v>
      </c>
      <c r="K30" s="280">
        <v>11</v>
      </c>
      <c r="L30" s="281">
        <v>52</v>
      </c>
      <c r="M30" s="282">
        <v>52</v>
      </c>
      <c r="N30" s="276">
        <v>0</v>
      </c>
      <c r="O30" s="280">
        <v>0</v>
      </c>
      <c r="P30" s="277">
        <v>0</v>
      </c>
      <c r="Q30" s="279">
        <v>0</v>
      </c>
      <c r="R30" s="280">
        <v>0</v>
      </c>
      <c r="S30" s="280">
        <v>1</v>
      </c>
      <c r="T30" s="280">
        <v>2</v>
      </c>
      <c r="U30" s="280">
        <v>1</v>
      </c>
      <c r="V30" s="280">
        <v>1</v>
      </c>
      <c r="W30" s="277">
        <v>5</v>
      </c>
      <c r="X30" s="282">
        <v>5</v>
      </c>
      <c r="Y30" s="276">
        <v>2</v>
      </c>
      <c r="Z30" s="280">
        <v>3</v>
      </c>
      <c r="AA30" s="277">
        <v>5</v>
      </c>
      <c r="AB30" s="279">
        <v>0</v>
      </c>
      <c r="AC30" s="280">
        <v>6</v>
      </c>
      <c r="AD30" s="280">
        <v>21</v>
      </c>
      <c r="AE30" s="280">
        <v>11</v>
      </c>
      <c r="AF30" s="280">
        <v>11</v>
      </c>
      <c r="AG30" s="280">
        <v>11</v>
      </c>
      <c r="AH30" s="277">
        <v>60</v>
      </c>
      <c r="AI30" s="282">
        <v>65</v>
      </c>
      <c r="AJ30" s="276">
        <v>0</v>
      </c>
      <c r="AK30" s="280">
        <v>0</v>
      </c>
      <c r="AL30" s="277">
        <v>0</v>
      </c>
      <c r="AM30" s="279">
        <v>0</v>
      </c>
      <c r="AN30" s="280">
        <v>3</v>
      </c>
      <c r="AO30" s="280">
        <v>1</v>
      </c>
      <c r="AP30" s="280">
        <v>0</v>
      </c>
      <c r="AQ30" s="280">
        <v>1</v>
      </c>
      <c r="AR30" s="280">
        <v>2</v>
      </c>
      <c r="AS30" s="277">
        <v>7</v>
      </c>
      <c r="AT30" s="282">
        <v>7</v>
      </c>
      <c r="AU30" s="276">
        <v>1</v>
      </c>
      <c r="AV30" s="280">
        <v>2</v>
      </c>
      <c r="AW30" s="277">
        <v>3</v>
      </c>
      <c r="AX30" s="279">
        <v>0</v>
      </c>
      <c r="AY30" s="280">
        <v>12</v>
      </c>
      <c r="AZ30" s="280">
        <v>24</v>
      </c>
      <c r="BA30" s="280">
        <v>18</v>
      </c>
      <c r="BB30" s="280">
        <v>19</v>
      </c>
      <c r="BC30" s="280">
        <v>16</v>
      </c>
      <c r="BD30" s="281">
        <v>89</v>
      </c>
      <c r="BE30" s="282">
        <v>92</v>
      </c>
      <c r="BF30" s="276">
        <v>0</v>
      </c>
      <c r="BG30" s="280">
        <v>0</v>
      </c>
      <c r="BH30" s="277">
        <v>0</v>
      </c>
      <c r="BI30" s="279">
        <v>0</v>
      </c>
      <c r="BJ30" s="280">
        <v>31</v>
      </c>
      <c r="BK30" s="280">
        <v>35</v>
      </c>
      <c r="BL30" s="280">
        <v>13</v>
      </c>
      <c r="BM30" s="280">
        <v>12</v>
      </c>
      <c r="BN30" s="280">
        <v>8</v>
      </c>
      <c r="BO30" s="277">
        <v>99</v>
      </c>
      <c r="BP30" s="282">
        <v>99</v>
      </c>
      <c r="BQ30" s="276">
        <v>0</v>
      </c>
      <c r="BR30" s="280">
        <v>5</v>
      </c>
      <c r="BS30" s="277">
        <v>5</v>
      </c>
      <c r="BT30" s="279">
        <v>0</v>
      </c>
      <c r="BU30" s="280">
        <v>6</v>
      </c>
      <c r="BV30" s="280">
        <v>14</v>
      </c>
      <c r="BW30" s="280">
        <v>6</v>
      </c>
      <c r="BX30" s="280">
        <v>10</v>
      </c>
      <c r="BY30" s="280">
        <v>6</v>
      </c>
      <c r="BZ30" s="277">
        <v>42</v>
      </c>
      <c r="CA30" s="282">
        <v>47</v>
      </c>
      <c r="CB30" s="276">
        <v>0</v>
      </c>
      <c r="CC30" s="280">
        <v>1</v>
      </c>
      <c r="CD30" s="277">
        <v>1</v>
      </c>
      <c r="CE30" s="279">
        <v>0</v>
      </c>
      <c r="CF30" s="280">
        <v>3</v>
      </c>
      <c r="CG30" s="280">
        <v>7</v>
      </c>
      <c r="CH30" s="280">
        <v>5</v>
      </c>
      <c r="CI30" s="280">
        <v>4</v>
      </c>
      <c r="CJ30" s="280">
        <v>5</v>
      </c>
      <c r="CK30" s="277">
        <v>24</v>
      </c>
      <c r="CL30" s="282">
        <v>25</v>
      </c>
      <c r="CM30" s="276">
        <v>0</v>
      </c>
      <c r="CN30" s="280">
        <v>0</v>
      </c>
      <c r="CO30" s="277">
        <v>0</v>
      </c>
      <c r="CP30" s="279">
        <v>0</v>
      </c>
      <c r="CQ30" s="280">
        <v>2</v>
      </c>
      <c r="CR30" s="280">
        <v>0</v>
      </c>
      <c r="CS30" s="280">
        <v>2</v>
      </c>
      <c r="CT30" s="280">
        <v>6</v>
      </c>
      <c r="CU30" s="280">
        <v>1</v>
      </c>
      <c r="CV30" s="277">
        <v>11</v>
      </c>
      <c r="CW30" s="282">
        <v>11</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8</v>
      </c>
      <c r="DU30" s="280">
        <v>16</v>
      </c>
      <c r="DV30" s="277">
        <v>24</v>
      </c>
      <c r="DW30" s="279">
        <v>0</v>
      </c>
      <c r="DX30" s="280">
        <v>33</v>
      </c>
      <c r="DY30" s="280">
        <v>61</v>
      </c>
      <c r="DZ30" s="280">
        <v>30</v>
      </c>
      <c r="EA30" s="280">
        <v>27</v>
      </c>
      <c r="EB30" s="280">
        <v>21</v>
      </c>
      <c r="EC30" s="277">
        <v>172</v>
      </c>
      <c r="ED30" s="282">
        <v>196</v>
      </c>
      <c r="EE30" s="276">
        <v>1</v>
      </c>
      <c r="EF30" s="280">
        <v>1</v>
      </c>
      <c r="EG30" s="277">
        <v>2</v>
      </c>
      <c r="EH30" s="279">
        <v>0</v>
      </c>
      <c r="EI30" s="280">
        <v>3</v>
      </c>
      <c r="EJ30" s="280">
        <v>8</v>
      </c>
      <c r="EK30" s="280">
        <v>4</v>
      </c>
      <c r="EL30" s="280">
        <v>8</v>
      </c>
      <c r="EM30" s="280">
        <v>2</v>
      </c>
      <c r="EN30" s="277">
        <v>25</v>
      </c>
      <c r="EO30" s="282">
        <v>27</v>
      </c>
      <c r="EP30" s="276">
        <v>10</v>
      </c>
      <c r="EQ30" s="280">
        <v>20</v>
      </c>
      <c r="ER30" s="277">
        <v>30</v>
      </c>
      <c r="ES30" s="279">
        <v>0</v>
      </c>
      <c r="ET30" s="280">
        <v>70</v>
      </c>
      <c r="EU30" s="280">
        <v>86</v>
      </c>
      <c r="EV30" s="280">
        <v>33</v>
      </c>
      <c r="EW30" s="280">
        <v>34</v>
      </c>
      <c r="EX30" s="280">
        <v>23</v>
      </c>
      <c r="EY30" s="277">
        <v>246</v>
      </c>
      <c r="EZ30" s="282">
        <v>276</v>
      </c>
    </row>
    <row r="31" spans="2:156" ht="21" customHeight="1" x14ac:dyDescent="0.2">
      <c r="B31" s="261" t="s">
        <v>29</v>
      </c>
      <c r="C31" s="276">
        <v>0</v>
      </c>
      <c r="D31" s="280">
        <v>0</v>
      </c>
      <c r="E31" s="384">
        <v>0</v>
      </c>
      <c r="F31" s="279">
        <v>0</v>
      </c>
      <c r="G31" s="280">
        <v>21</v>
      </c>
      <c r="H31" s="280">
        <v>21</v>
      </c>
      <c r="I31" s="280">
        <v>13</v>
      </c>
      <c r="J31" s="280">
        <v>15</v>
      </c>
      <c r="K31" s="280">
        <v>9</v>
      </c>
      <c r="L31" s="281">
        <v>79</v>
      </c>
      <c r="M31" s="282">
        <v>79</v>
      </c>
      <c r="N31" s="276">
        <v>0</v>
      </c>
      <c r="O31" s="280">
        <v>0</v>
      </c>
      <c r="P31" s="277">
        <v>0</v>
      </c>
      <c r="Q31" s="279">
        <v>0</v>
      </c>
      <c r="R31" s="280">
        <v>0</v>
      </c>
      <c r="S31" s="280">
        <v>0</v>
      </c>
      <c r="T31" s="280">
        <v>1</v>
      </c>
      <c r="U31" s="280">
        <v>3</v>
      </c>
      <c r="V31" s="280">
        <v>5</v>
      </c>
      <c r="W31" s="277">
        <v>9</v>
      </c>
      <c r="X31" s="282">
        <v>9</v>
      </c>
      <c r="Y31" s="276">
        <v>2</v>
      </c>
      <c r="Z31" s="280">
        <v>4</v>
      </c>
      <c r="AA31" s="277">
        <v>6</v>
      </c>
      <c r="AB31" s="279">
        <v>0</v>
      </c>
      <c r="AC31" s="280">
        <v>16</v>
      </c>
      <c r="AD31" s="280">
        <v>17</v>
      </c>
      <c r="AE31" s="280">
        <v>13</v>
      </c>
      <c r="AF31" s="280">
        <v>9</v>
      </c>
      <c r="AG31" s="280">
        <v>8</v>
      </c>
      <c r="AH31" s="277">
        <v>63</v>
      </c>
      <c r="AI31" s="282">
        <v>69</v>
      </c>
      <c r="AJ31" s="276">
        <v>0</v>
      </c>
      <c r="AK31" s="280">
        <v>1</v>
      </c>
      <c r="AL31" s="277">
        <v>1</v>
      </c>
      <c r="AM31" s="279">
        <v>0</v>
      </c>
      <c r="AN31" s="280">
        <v>1</v>
      </c>
      <c r="AO31" s="280">
        <v>3</v>
      </c>
      <c r="AP31" s="280">
        <v>1</v>
      </c>
      <c r="AQ31" s="280">
        <v>2</v>
      </c>
      <c r="AR31" s="280">
        <v>0</v>
      </c>
      <c r="AS31" s="277">
        <v>7</v>
      </c>
      <c r="AT31" s="282">
        <v>8</v>
      </c>
      <c r="AU31" s="276">
        <v>2</v>
      </c>
      <c r="AV31" s="280">
        <v>2</v>
      </c>
      <c r="AW31" s="277">
        <v>4</v>
      </c>
      <c r="AX31" s="279">
        <v>0</v>
      </c>
      <c r="AY31" s="280">
        <v>13</v>
      </c>
      <c r="AZ31" s="280">
        <v>29</v>
      </c>
      <c r="BA31" s="280">
        <v>13</v>
      </c>
      <c r="BB31" s="280">
        <v>19</v>
      </c>
      <c r="BC31" s="280">
        <v>11</v>
      </c>
      <c r="BD31" s="281">
        <v>85</v>
      </c>
      <c r="BE31" s="282">
        <v>89</v>
      </c>
      <c r="BF31" s="276">
        <v>0</v>
      </c>
      <c r="BG31" s="280">
        <v>0</v>
      </c>
      <c r="BH31" s="277">
        <v>0</v>
      </c>
      <c r="BI31" s="279">
        <v>0</v>
      </c>
      <c r="BJ31" s="280">
        <v>35</v>
      </c>
      <c r="BK31" s="280">
        <v>40</v>
      </c>
      <c r="BL31" s="280">
        <v>21</v>
      </c>
      <c r="BM31" s="280">
        <v>20</v>
      </c>
      <c r="BN31" s="280">
        <v>7</v>
      </c>
      <c r="BO31" s="277">
        <v>123</v>
      </c>
      <c r="BP31" s="282">
        <v>123</v>
      </c>
      <c r="BQ31" s="276">
        <v>2</v>
      </c>
      <c r="BR31" s="280">
        <v>0</v>
      </c>
      <c r="BS31" s="277">
        <v>2</v>
      </c>
      <c r="BT31" s="279">
        <v>0</v>
      </c>
      <c r="BU31" s="280">
        <v>15</v>
      </c>
      <c r="BV31" s="280">
        <v>14</v>
      </c>
      <c r="BW31" s="280">
        <v>8</v>
      </c>
      <c r="BX31" s="280">
        <v>6</v>
      </c>
      <c r="BY31" s="280">
        <v>0</v>
      </c>
      <c r="BZ31" s="277">
        <v>43</v>
      </c>
      <c r="CA31" s="282">
        <v>45</v>
      </c>
      <c r="CB31" s="276">
        <v>0</v>
      </c>
      <c r="CC31" s="280">
        <v>0</v>
      </c>
      <c r="CD31" s="277">
        <v>0</v>
      </c>
      <c r="CE31" s="279">
        <v>0</v>
      </c>
      <c r="CF31" s="280">
        <v>1</v>
      </c>
      <c r="CG31" s="280">
        <v>10</v>
      </c>
      <c r="CH31" s="280">
        <v>12</v>
      </c>
      <c r="CI31" s="280">
        <v>7</v>
      </c>
      <c r="CJ31" s="280">
        <v>7</v>
      </c>
      <c r="CK31" s="277">
        <v>37</v>
      </c>
      <c r="CL31" s="282">
        <v>37</v>
      </c>
      <c r="CM31" s="276">
        <v>0</v>
      </c>
      <c r="CN31" s="280">
        <v>0</v>
      </c>
      <c r="CO31" s="277">
        <v>0</v>
      </c>
      <c r="CP31" s="279">
        <v>0</v>
      </c>
      <c r="CQ31" s="280">
        <v>2</v>
      </c>
      <c r="CR31" s="280">
        <v>4</v>
      </c>
      <c r="CS31" s="280">
        <v>3</v>
      </c>
      <c r="CT31" s="280">
        <v>1</v>
      </c>
      <c r="CU31" s="280">
        <v>0</v>
      </c>
      <c r="CV31" s="277">
        <v>10</v>
      </c>
      <c r="CW31" s="282">
        <v>10</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6</v>
      </c>
      <c r="DU31" s="280">
        <v>26</v>
      </c>
      <c r="DV31" s="277">
        <v>52</v>
      </c>
      <c r="DW31" s="279">
        <v>0</v>
      </c>
      <c r="DX31" s="280">
        <v>39</v>
      </c>
      <c r="DY31" s="280">
        <v>64</v>
      </c>
      <c r="DZ31" s="280">
        <v>45</v>
      </c>
      <c r="EA31" s="280">
        <v>38</v>
      </c>
      <c r="EB31" s="280">
        <v>20</v>
      </c>
      <c r="EC31" s="277">
        <v>206</v>
      </c>
      <c r="ED31" s="282">
        <v>258</v>
      </c>
      <c r="EE31" s="276">
        <v>0</v>
      </c>
      <c r="EF31" s="280">
        <v>0</v>
      </c>
      <c r="EG31" s="277">
        <v>0</v>
      </c>
      <c r="EH31" s="279">
        <v>0</v>
      </c>
      <c r="EI31" s="280">
        <v>6</v>
      </c>
      <c r="EJ31" s="280">
        <v>10</v>
      </c>
      <c r="EK31" s="280">
        <v>5</v>
      </c>
      <c r="EL31" s="280">
        <v>8</v>
      </c>
      <c r="EM31" s="280">
        <v>4</v>
      </c>
      <c r="EN31" s="277">
        <v>33</v>
      </c>
      <c r="EO31" s="282">
        <v>33</v>
      </c>
      <c r="EP31" s="276">
        <v>29</v>
      </c>
      <c r="EQ31" s="280">
        <v>30</v>
      </c>
      <c r="ER31" s="277">
        <v>59</v>
      </c>
      <c r="ES31" s="279">
        <v>0</v>
      </c>
      <c r="ET31" s="280">
        <v>79</v>
      </c>
      <c r="EU31" s="280">
        <v>96</v>
      </c>
      <c r="EV31" s="280">
        <v>48</v>
      </c>
      <c r="EW31" s="280">
        <v>42</v>
      </c>
      <c r="EX31" s="280">
        <v>20</v>
      </c>
      <c r="EY31" s="277">
        <v>285</v>
      </c>
      <c r="EZ31" s="282">
        <v>344</v>
      </c>
    </row>
    <row r="32" spans="2:156" ht="21" customHeight="1" x14ac:dyDescent="0.2">
      <c r="B32" s="261" t="s">
        <v>30</v>
      </c>
      <c r="C32" s="276">
        <v>0</v>
      </c>
      <c r="D32" s="280">
        <v>0</v>
      </c>
      <c r="E32" s="384">
        <v>0</v>
      </c>
      <c r="F32" s="279">
        <v>0</v>
      </c>
      <c r="G32" s="280">
        <v>22</v>
      </c>
      <c r="H32" s="280">
        <v>21</v>
      </c>
      <c r="I32" s="280">
        <v>15</v>
      </c>
      <c r="J32" s="280">
        <v>13</v>
      </c>
      <c r="K32" s="280">
        <v>5</v>
      </c>
      <c r="L32" s="281">
        <v>76</v>
      </c>
      <c r="M32" s="282">
        <v>76</v>
      </c>
      <c r="N32" s="276">
        <v>0</v>
      </c>
      <c r="O32" s="280">
        <v>0</v>
      </c>
      <c r="P32" s="277">
        <v>0</v>
      </c>
      <c r="Q32" s="279">
        <v>0</v>
      </c>
      <c r="R32" s="280">
        <v>1</v>
      </c>
      <c r="S32" s="280">
        <v>0</v>
      </c>
      <c r="T32" s="280">
        <v>1</v>
      </c>
      <c r="U32" s="280">
        <v>6</v>
      </c>
      <c r="V32" s="280">
        <v>6</v>
      </c>
      <c r="W32" s="277">
        <v>14</v>
      </c>
      <c r="X32" s="282">
        <v>14</v>
      </c>
      <c r="Y32" s="276">
        <v>2</v>
      </c>
      <c r="Z32" s="280">
        <v>6</v>
      </c>
      <c r="AA32" s="277">
        <v>8</v>
      </c>
      <c r="AB32" s="279">
        <v>0</v>
      </c>
      <c r="AC32" s="280">
        <v>18</v>
      </c>
      <c r="AD32" s="280">
        <v>20</v>
      </c>
      <c r="AE32" s="280">
        <v>18</v>
      </c>
      <c r="AF32" s="280">
        <v>16</v>
      </c>
      <c r="AG32" s="280">
        <v>6</v>
      </c>
      <c r="AH32" s="277">
        <v>78</v>
      </c>
      <c r="AI32" s="282">
        <v>86</v>
      </c>
      <c r="AJ32" s="276">
        <v>1</v>
      </c>
      <c r="AK32" s="280">
        <v>0</v>
      </c>
      <c r="AL32" s="277">
        <v>1</v>
      </c>
      <c r="AM32" s="279">
        <v>0</v>
      </c>
      <c r="AN32" s="280">
        <v>3</v>
      </c>
      <c r="AO32" s="280">
        <v>2</v>
      </c>
      <c r="AP32" s="280">
        <v>4</v>
      </c>
      <c r="AQ32" s="280">
        <v>0</v>
      </c>
      <c r="AR32" s="280">
        <v>0</v>
      </c>
      <c r="AS32" s="277">
        <v>9</v>
      </c>
      <c r="AT32" s="282">
        <v>10</v>
      </c>
      <c r="AU32" s="276">
        <v>3</v>
      </c>
      <c r="AV32" s="280">
        <v>1</v>
      </c>
      <c r="AW32" s="277">
        <v>4</v>
      </c>
      <c r="AX32" s="279">
        <v>0</v>
      </c>
      <c r="AY32" s="280">
        <v>20</v>
      </c>
      <c r="AZ32" s="280">
        <v>16</v>
      </c>
      <c r="BA32" s="280">
        <v>18</v>
      </c>
      <c r="BB32" s="280">
        <v>21</v>
      </c>
      <c r="BC32" s="280">
        <v>9</v>
      </c>
      <c r="BD32" s="281">
        <v>84</v>
      </c>
      <c r="BE32" s="282">
        <v>88</v>
      </c>
      <c r="BF32" s="276">
        <v>0</v>
      </c>
      <c r="BG32" s="280">
        <v>0</v>
      </c>
      <c r="BH32" s="277">
        <v>0</v>
      </c>
      <c r="BI32" s="279">
        <v>0</v>
      </c>
      <c r="BJ32" s="280">
        <v>30</v>
      </c>
      <c r="BK32" s="280">
        <v>26</v>
      </c>
      <c r="BL32" s="280">
        <v>17</v>
      </c>
      <c r="BM32" s="280">
        <v>13</v>
      </c>
      <c r="BN32" s="280">
        <v>2</v>
      </c>
      <c r="BO32" s="277">
        <v>88</v>
      </c>
      <c r="BP32" s="282">
        <v>88</v>
      </c>
      <c r="BQ32" s="276">
        <v>2</v>
      </c>
      <c r="BR32" s="280">
        <v>3</v>
      </c>
      <c r="BS32" s="277">
        <v>5</v>
      </c>
      <c r="BT32" s="279">
        <v>0</v>
      </c>
      <c r="BU32" s="280">
        <v>6</v>
      </c>
      <c r="BV32" s="280">
        <v>9</v>
      </c>
      <c r="BW32" s="280">
        <v>5</v>
      </c>
      <c r="BX32" s="280">
        <v>5</v>
      </c>
      <c r="BY32" s="280">
        <v>0</v>
      </c>
      <c r="BZ32" s="277">
        <v>25</v>
      </c>
      <c r="CA32" s="282">
        <v>30</v>
      </c>
      <c r="CB32" s="276">
        <v>0</v>
      </c>
      <c r="CC32" s="280">
        <v>1</v>
      </c>
      <c r="CD32" s="277">
        <v>1</v>
      </c>
      <c r="CE32" s="279">
        <v>0</v>
      </c>
      <c r="CF32" s="280">
        <v>8</v>
      </c>
      <c r="CG32" s="280">
        <v>7</v>
      </c>
      <c r="CH32" s="280">
        <v>9</v>
      </c>
      <c r="CI32" s="280">
        <v>6</v>
      </c>
      <c r="CJ32" s="280">
        <v>0</v>
      </c>
      <c r="CK32" s="277">
        <v>30</v>
      </c>
      <c r="CL32" s="282">
        <v>31</v>
      </c>
      <c r="CM32" s="276">
        <v>0</v>
      </c>
      <c r="CN32" s="280">
        <v>0</v>
      </c>
      <c r="CO32" s="277">
        <v>0</v>
      </c>
      <c r="CP32" s="279">
        <v>0</v>
      </c>
      <c r="CQ32" s="280">
        <v>1</v>
      </c>
      <c r="CR32" s="280">
        <v>3</v>
      </c>
      <c r="CS32" s="280">
        <v>0</v>
      </c>
      <c r="CT32" s="280">
        <v>0</v>
      </c>
      <c r="CU32" s="280">
        <v>3</v>
      </c>
      <c r="CV32" s="277">
        <v>7</v>
      </c>
      <c r="CW32" s="282">
        <v>7</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31</v>
      </c>
      <c r="DU32" s="280">
        <v>25</v>
      </c>
      <c r="DV32" s="277">
        <v>56</v>
      </c>
      <c r="DW32" s="279">
        <v>0</v>
      </c>
      <c r="DX32" s="280">
        <v>50</v>
      </c>
      <c r="DY32" s="280">
        <v>62</v>
      </c>
      <c r="DZ32" s="280">
        <v>48</v>
      </c>
      <c r="EA32" s="280">
        <v>34</v>
      </c>
      <c r="EB32" s="280">
        <v>13</v>
      </c>
      <c r="EC32" s="277">
        <v>207</v>
      </c>
      <c r="ED32" s="282">
        <v>263</v>
      </c>
      <c r="EE32" s="276">
        <v>2</v>
      </c>
      <c r="EF32" s="280">
        <v>0</v>
      </c>
      <c r="EG32" s="277">
        <v>2</v>
      </c>
      <c r="EH32" s="279">
        <v>0</v>
      </c>
      <c r="EI32" s="280">
        <v>6</v>
      </c>
      <c r="EJ32" s="280">
        <v>4</v>
      </c>
      <c r="EK32" s="280">
        <v>2</v>
      </c>
      <c r="EL32" s="280">
        <v>4</v>
      </c>
      <c r="EM32" s="280">
        <v>2</v>
      </c>
      <c r="EN32" s="277">
        <v>18</v>
      </c>
      <c r="EO32" s="282">
        <v>20</v>
      </c>
      <c r="EP32" s="276">
        <v>36</v>
      </c>
      <c r="EQ32" s="280">
        <v>30</v>
      </c>
      <c r="ER32" s="277">
        <v>66</v>
      </c>
      <c r="ES32" s="279">
        <v>0</v>
      </c>
      <c r="ET32" s="280">
        <v>88</v>
      </c>
      <c r="EU32" s="280">
        <v>79</v>
      </c>
      <c r="EV32" s="280">
        <v>51</v>
      </c>
      <c r="EW32" s="280">
        <v>39</v>
      </c>
      <c r="EX32" s="280">
        <v>14</v>
      </c>
      <c r="EY32" s="277">
        <v>271</v>
      </c>
      <c r="EZ32" s="282">
        <v>337</v>
      </c>
    </row>
    <row r="33" spans="2:156" ht="21" customHeight="1" x14ac:dyDescent="0.2">
      <c r="B33" s="261" t="s">
        <v>31</v>
      </c>
      <c r="C33" s="276">
        <v>0</v>
      </c>
      <c r="D33" s="280">
        <v>0</v>
      </c>
      <c r="E33" s="384">
        <v>0</v>
      </c>
      <c r="F33" s="279">
        <v>0</v>
      </c>
      <c r="G33" s="280">
        <v>17</v>
      </c>
      <c r="H33" s="280">
        <v>19</v>
      </c>
      <c r="I33" s="280">
        <v>5</v>
      </c>
      <c r="J33" s="280">
        <v>5</v>
      </c>
      <c r="K33" s="280">
        <v>8</v>
      </c>
      <c r="L33" s="281">
        <v>54</v>
      </c>
      <c r="M33" s="282">
        <v>54</v>
      </c>
      <c r="N33" s="276">
        <v>0</v>
      </c>
      <c r="O33" s="280">
        <v>0</v>
      </c>
      <c r="P33" s="277">
        <v>0</v>
      </c>
      <c r="Q33" s="279">
        <v>0</v>
      </c>
      <c r="R33" s="280">
        <v>1</v>
      </c>
      <c r="S33" s="280">
        <v>3</v>
      </c>
      <c r="T33" s="280">
        <v>5</v>
      </c>
      <c r="U33" s="280">
        <v>4</v>
      </c>
      <c r="V33" s="280">
        <v>4</v>
      </c>
      <c r="W33" s="277">
        <v>17</v>
      </c>
      <c r="X33" s="282">
        <v>17</v>
      </c>
      <c r="Y33" s="276">
        <v>3</v>
      </c>
      <c r="Z33" s="280">
        <v>3</v>
      </c>
      <c r="AA33" s="277">
        <v>6</v>
      </c>
      <c r="AB33" s="279">
        <v>0</v>
      </c>
      <c r="AC33" s="280">
        <v>16</v>
      </c>
      <c r="AD33" s="280">
        <v>19</v>
      </c>
      <c r="AE33" s="280">
        <v>9</v>
      </c>
      <c r="AF33" s="280">
        <v>16</v>
      </c>
      <c r="AG33" s="280">
        <v>9</v>
      </c>
      <c r="AH33" s="277">
        <v>69</v>
      </c>
      <c r="AI33" s="282">
        <v>75</v>
      </c>
      <c r="AJ33" s="276">
        <v>0</v>
      </c>
      <c r="AK33" s="280">
        <v>2</v>
      </c>
      <c r="AL33" s="277">
        <v>2</v>
      </c>
      <c r="AM33" s="279">
        <v>0</v>
      </c>
      <c r="AN33" s="280">
        <v>2</v>
      </c>
      <c r="AO33" s="280">
        <v>5</v>
      </c>
      <c r="AP33" s="280">
        <v>6</v>
      </c>
      <c r="AQ33" s="280">
        <v>3</v>
      </c>
      <c r="AR33" s="280">
        <v>2</v>
      </c>
      <c r="AS33" s="277">
        <v>18</v>
      </c>
      <c r="AT33" s="282">
        <v>20</v>
      </c>
      <c r="AU33" s="276">
        <v>2</v>
      </c>
      <c r="AV33" s="280">
        <v>0</v>
      </c>
      <c r="AW33" s="277">
        <v>2</v>
      </c>
      <c r="AX33" s="279">
        <v>0</v>
      </c>
      <c r="AY33" s="280">
        <v>11</v>
      </c>
      <c r="AZ33" s="280">
        <v>17</v>
      </c>
      <c r="BA33" s="280">
        <v>11</v>
      </c>
      <c r="BB33" s="280">
        <v>9</v>
      </c>
      <c r="BC33" s="280">
        <v>9</v>
      </c>
      <c r="BD33" s="281">
        <v>57</v>
      </c>
      <c r="BE33" s="282">
        <v>59</v>
      </c>
      <c r="BF33" s="276">
        <v>0</v>
      </c>
      <c r="BG33" s="280">
        <v>0</v>
      </c>
      <c r="BH33" s="277">
        <v>0</v>
      </c>
      <c r="BI33" s="279">
        <v>0</v>
      </c>
      <c r="BJ33" s="280">
        <v>37</v>
      </c>
      <c r="BK33" s="280">
        <v>40</v>
      </c>
      <c r="BL33" s="280">
        <v>21</v>
      </c>
      <c r="BM33" s="280">
        <v>13</v>
      </c>
      <c r="BN33" s="280">
        <v>3</v>
      </c>
      <c r="BO33" s="277">
        <v>114</v>
      </c>
      <c r="BP33" s="282">
        <v>114</v>
      </c>
      <c r="BQ33" s="276">
        <v>0</v>
      </c>
      <c r="BR33" s="280">
        <v>0</v>
      </c>
      <c r="BS33" s="277">
        <v>0</v>
      </c>
      <c r="BT33" s="279">
        <v>0</v>
      </c>
      <c r="BU33" s="280">
        <v>4</v>
      </c>
      <c r="BV33" s="280">
        <v>8</v>
      </c>
      <c r="BW33" s="280">
        <v>4</v>
      </c>
      <c r="BX33" s="280">
        <v>3</v>
      </c>
      <c r="BY33" s="280">
        <v>2</v>
      </c>
      <c r="BZ33" s="277">
        <v>21</v>
      </c>
      <c r="CA33" s="282">
        <v>21</v>
      </c>
      <c r="CB33" s="276">
        <v>0</v>
      </c>
      <c r="CC33" s="280">
        <v>0</v>
      </c>
      <c r="CD33" s="277">
        <v>0</v>
      </c>
      <c r="CE33" s="279">
        <v>0</v>
      </c>
      <c r="CF33" s="280">
        <v>7</v>
      </c>
      <c r="CG33" s="280">
        <v>12</v>
      </c>
      <c r="CH33" s="280">
        <v>17</v>
      </c>
      <c r="CI33" s="280">
        <v>7</v>
      </c>
      <c r="CJ33" s="280">
        <v>1</v>
      </c>
      <c r="CK33" s="277">
        <v>44</v>
      </c>
      <c r="CL33" s="282">
        <v>44</v>
      </c>
      <c r="CM33" s="276">
        <v>0</v>
      </c>
      <c r="CN33" s="280">
        <v>0</v>
      </c>
      <c r="CO33" s="277">
        <v>0</v>
      </c>
      <c r="CP33" s="279">
        <v>0</v>
      </c>
      <c r="CQ33" s="280">
        <v>0</v>
      </c>
      <c r="CR33" s="280">
        <v>2</v>
      </c>
      <c r="CS33" s="280">
        <v>0</v>
      </c>
      <c r="CT33" s="280">
        <v>0</v>
      </c>
      <c r="CU33" s="280">
        <v>1</v>
      </c>
      <c r="CV33" s="277">
        <v>3</v>
      </c>
      <c r="CW33" s="282">
        <v>3</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20</v>
      </c>
      <c r="DU33" s="280">
        <v>49</v>
      </c>
      <c r="DV33" s="277">
        <v>69</v>
      </c>
      <c r="DW33" s="279">
        <v>0</v>
      </c>
      <c r="DX33" s="280">
        <v>64</v>
      </c>
      <c r="DY33" s="280">
        <v>73</v>
      </c>
      <c r="DZ33" s="280">
        <v>37</v>
      </c>
      <c r="EA33" s="280">
        <v>22</v>
      </c>
      <c r="EB33" s="280">
        <v>14</v>
      </c>
      <c r="EC33" s="277">
        <v>210</v>
      </c>
      <c r="ED33" s="282">
        <v>279</v>
      </c>
      <c r="EE33" s="276">
        <v>2</v>
      </c>
      <c r="EF33" s="280">
        <v>1</v>
      </c>
      <c r="EG33" s="277">
        <v>3</v>
      </c>
      <c r="EH33" s="279">
        <v>0</v>
      </c>
      <c r="EI33" s="280">
        <v>7</v>
      </c>
      <c r="EJ33" s="280">
        <v>6</v>
      </c>
      <c r="EK33" s="280">
        <v>4</v>
      </c>
      <c r="EL33" s="280">
        <v>3</v>
      </c>
      <c r="EM33" s="280">
        <v>2</v>
      </c>
      <c r="EN33" s="277">
        <v>22</v>
      </c>
      <c r="EO33" s="282">
        <v>25</v>
      </c>
      <c r="EP33" s="276">
        <v>23</v>
      </c>
      <c r="EQ33" s="280">
        <v>49</v>
      </c>
      <c r="ER33" s="277">
        <v>72</v>
      </c>
      <c r="ES33" s="279">
        <v>0</v>
      </c>
      <c r="ET33" s="280">
        <v>105</v>
      </c>
      <c r="EU33" s="280">
        <v>93</v>
      </c>
      <c r="EV33" s="280">
        <v>46</v>
      </c>
      <c r="EW33" s="280">
        <v>28</v>
      </c>
      <c r="EX33" s="280">
        <v>13</v>
      </c>
      <c r="EY33" s="277">
        <v>285</v>
      </c>
      <c r="EZ33" s="282">
        <v>357</v>
      </c>
    </row>
    <row r="34" spans="2:156" ht="21" customHeight="1" x14ac:dyDescent="0.2">
      <c r="B34" s="261" t="s">
        <v>32</v>
      </c>
      <c r="C34" s="276">
        <v>0</v>
      </c>
      <c r="D34" s="280">
        <v>0</v>
      </c>
      <c r="E34" s="384">
        <v>0</v>
      </c>
      <c r="F34" s="279">
        <v>0</v>
      </c>
      <c r="G34" s="280">
        <v>36</v>
      </c>
      <c r="H34" s="280">
        <v>18</v>
      </c>
      <c r="I34" s="280">
        <v>11</v>
      </c>
      <c r="J34" s="280">
        <v>13</v>
      </c>
      <c r="K34" s="280">
        <v>13</v>
      </c>
      <c r="L34" s="281">
        <v>91</v>
      </c>
      <c r="M34" s="282">
        <v>91</v>
      </c>
      <c r="N34" s="276">
        <v>0</v>
      </c>
      <c r="O34" s="280">
        <v>0</v>
      </c>
      <c r="P34" s="277">
        <v>0</v>
      </c>
      <c r="Q34" s="279">
        <v>0</v>
      </c>
      <c r="R34" s="280">
        <v>0</v>
      </c>
      <c r="S34" s="280">
        <v>0</v>
      </c>
      <c r="T34" s="280">
        <v>1</v>
      </c>
      <c r="U34" s="280">
        <v>2</v>
      </c>
      <c r="V34" s="280">
        <v>9</v>
      </c>
      <c r="W34" s="277">
        <v>12</v>
      </c>
      <c r="X34" s="282">
        <v>12</v>
      </c>
      <c r="Y34" s="276">
        <v>8</v>
      </c>
      <c r="Z34" s="280">
        <v>5</v>
      </c>
      <c r="AA34" s="277">
        <v>13</v>
      </c>
      <c r="AB34" s="279">
        <v>0</v>
      </c>
      <c r="AC34" s="280">
        <v>35</v>
      </c>
      <c r="AD34" s="280">
        <v>21</v>
      </c>
      <c r="AE34" s="280">
        <v>11</v>
      </c>
      <c r="AF34" s="280">
        <v>14</v>
      </c>
      <c r="AG34" s="280">
        <v>9</v>
      </c>
      <c r="AH34" s="277">
        <v>90</v>
      </c>
      <c r="AI34" s="282">
        <v>103</v>
      </c>
      <c r="AJ34" s="276">
        <v>1</v>
      </c>
      <c r="AK34" s="280">
        <v>0</v>
      </c>
      <c r="AL34" s="277">
        <v>1</v>
      </c>
      <c r="AM34" s="279">
        <v>0</v>
      </c>
      <c r="AN34" s="280">
        <v>5</v>
      </c>
      <c r="AO34" s="280">
        <v>1</v>
      </c>
      <c r="AP34" s="280">
        <v>1</v>
      </c>
      <c r="AQ34" s="280">
        <v>3</v>
      </c>
      <c r="AR34" s="280">
        <v>4</v>
      </c>
      <c r="AS34" s="277">
        <v>14</v>
      </c>
      <c r="AT34" s="282">
        <v>15</v>
      </c>
      <c r="AU34" s="276">
        <v>3</v>
      </c>
      <c r="AV34" s="280">
        <v>1</v>
      </c>
      <c r="AW34" s="277">
        <v>4</v>
      </c>
      <c r="AX34" s="279">
        <v>0</v>
      </c>
      <c r="AY34" s="280">
        <v>20</v>
      </c>
      <c r="AZ34" s="280">
        <v>20</v>
      </c>
      <c r="BA34" s="280">
        <v>20</v>
      </c>
      <c r="BB34" s="280">
        <v>28</v>
      </c>
      <c r="BC34" s="280">
        <v>19</v>
      </c>
      <c r="BD34" s="281">
        <v>107</v>
      </c>
      <c r="BE34" s="282">
        <v>111</v>
      </c>
      <c r="BF34" s="276">
        <v>0</v>
      </c>
      <c r="BG34" s="280">
        <v>0</v>
      </c>
      <c r="BH34" s="277">
        <v>0</v>
      </c>
      <c r="BI34" s="279">
        <v>0</v>
      </c>
      <c r="BJ34" s="280">
        <v>47</v>
      </c>
      <c r="BK34" s="280">
        <v>47</v>
      </c>
      <c r="BL34" s="280">
        <v>19</v>
      </c>
      <c r="BM34" s="280">
        <v>23</v>
      </c>
      <c r="BN34" s="280">
        <v>4</v>
      </c>
      <c r="BO34" s="277">
        <v>140</v>
      </c>
      <c r="BP34" s="282">
        <v>140</v>
      </c>
      <c r="BQ34" s="276">
        <v>1</v>
      </c>
      <c r="BR34" s="280">
        <v>0</v>
      </c>
      <c r="BS34" s="277">
        <v>1</v>
      </c>
      <c r="BT34" s="279">
        <v>0</v>
      </c>
      <c r="BU34" s="280">
        <v>7</v>
      </c>
      <c r="BV34" s="280">
        <v>10</v>
      </c>
      <c r="BW34" s="280">
        <v>6</v>
      </c>
      <c r="BX34" s="280">
        <v>7</v>
      </c>
      <c r="BY34" s="280">
        <v>3</v>
      </c>
      <c r="BZ34" s="277">
        <v>33</v>
      </c>
      <c r="CA34" s="282">
        <v>34</v>
      </c>
      <c r="CB34" s="276">
        <v>0</v>
      </c>
      <c r="CC34" s="280">
        <v>0</v>
      </c>
      <c r="CD34" s="277">
        <v>0</v>
      </c>
      <c r="CE34" s="279">
        <v>0</v>
      </c>
      <c r="CF34" s="280">
        <v>2</v>
      </c>
      <c r="CG34" s="280">
        <v>9</v>
      </c>
      <c r="CH34" s="280">
        <v>13</v>
      </c>
      <c r="CI34" s="280">
        <v>5</v>
      </c>
      <c r="CJ34" s="280">
        <v>3</v>
      </c>
      <c r="CK34" s="277">
        <v>32</v>
      </c>
      <c r="CL34" s="282">
        <v>32</v>
      </c>
      <c r="CM34" s="276">
        <v>0</v>
      </c>
      <c r="CN34" s="280">
        <v>0</v>
      </c>
      <c r="CO34" s="277">
        <v>0</v>
      </c>
      <c r="CP34" s="279">
        <v>0</v>
      </c>
      <c r="CQ34" s="280">
        <v>1</v>
      </c>
      <c r="CR34" s="280">
        <v>0</v>
      </c>
      <c r="CS34" s="280">
        <v>3</v>
      </c>
      <c r="CT34" s="280">
        <v>4</v>
      </c>
      <c r="CU34" s="280">
        <v>1</v>
      </c>
      <c r="CV34" s="277">
        <v>9</v>
      </c>
      <c r="CW34" s="282">
        <v>9</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25</v>
      </c>
      <c r="DU34" s="280">
        <v>39</v>
      </c>
      <c r="DV34" s="277">
        <v>64</v>
      </c>
      <c r="DW34" s="279">
        <v>0</v>
      </c>
      <c r="DX34" s="280">
        <v>70</v>
      </c>
      <c r="DY34" s="280">
        <v>79</v>
      </c>
      <c r="DZ34" s="280">
        <v>43</v>
      </c>
      <c r="EA34" s="280">
        <v>35</v>
      </c>
      <c r="EB34" s="280">
        <v>20</v>
      </c>
      <c r="EC34" s="277">
        <v>247</v>
      </c>
      <c r="ED34" s="282">
        <v>311</v>
      </c>
      <c r="EE34" s="276">
        <v>2</v>
      </c>
      <c r="EF34" s="280">
        <v>3</v>
      </c>
      <c r="EG34" s="277">
        <v>5</v>
      </c>
      <c r="EH34" s="279">
        <v>0</v>
      </c>
      <c r="EI34" s="280">
        <v>9</v>
      </c>
      <c r="EJ34" s="280">
        <v>4</v>
      </c>
      <c r="EK34" s="280">
        <v>3</v>
      </c>
      <c r="EL34" s="280">
        <v>9</v>
      </c>
      <c r="EM34" s="280">
        <v>4</v>
      </c>
      <c r="EN34" s="277">
        <v>29</v>
      </c>
      <c r="EO34" s="282">
        <v>34</v>
      </c>
      <c r="EP34" s="276">
        <v>29</v>
      </c>
      <c r="EQ34" s="280">
        <v>40</v>
      </c>
      <c r="ER34" s="277">
        <v>69</v>
      </c>
      <c r="ES34" s="279">
        <v>0</v>
      </c>
      <c r="ET34" s="280">
        <v>143</v>
      </c>
      <c r="EU34" s="280">
        <v>113</v>
      </c>
      <c r="EV34" s="280">
        <v>50</v>
      </c>
      <c r="EW34" s="280">
        <v>37</v>
      </c>
      <c r="EX34" s="280">
        <v>22</v>
      </c>
      <c r="EY34" s="277">
        <v>365</v>
      </c>
      <c r="EZ34" s="282">
        <v>434</v>
      </c>
    </row>
    <row r="35" spans="2:156" ht="21" customHeight="1" x14ac:dyDescent="0.2">
      <c r="B35" s="261" t="s">
        <v>33</v>
      </c>
      <c r="C35" s="276">
        <v>0</v>
      </c>
      <c r="D35" s="280">
        <v>0</v>
      </c>
      <c r="E35" s="384">
        <v>0</v>
      </c>
      <c r="F35" s="279">
        <v>0</v>
      </c>
      <c r="G35" s="280">
        <v>26</v>
      </c>
      <c r="H35" s="280">
        <v>17</v>
      </c>
      <c r="I35" s="280">
        <v>13</v>
      </c>
      <c r="J35" s="280">
        <v>6</v>
      </c>
      <c r="K35" s="280">
        <v>10</v>
      </c>
      <c r="L35" s="281">
        <v>72</v>
      </c>
      <c r="M35" s="282">
        <v>72</v>
      </c>
      <c r="N35" s="276">
        <v>0</v>
      </c>
      <c r="O35" s="280">
        <v>0</v>
      </c>
      <c r="P35" s="277">
        <v>0</v>
      </c>
      <c r="Q35" s="279">
        <v>0</v>
      </c>
      <c r="R35" s="280">
        <v>0</v>
      </c>
      <c r="S35" s="280">
        <v>0</v>
      </c>
      <c r="T35" s="280">
        <v>3</v>
      </c>
      <c r="U35" s="280">
        <v>3</v>
      </c>
      <c r="V35" s="280">
        <v>5</v>
      </c>
      <c r="W35" s="277">
        <v>11</v>
      </c>
      <c r="X35" s="282">
        <v>11</v>
      </c>
      <c r="Y35" s="276">
        <v>1</v>
      </c>
      <c r="Z35" s="280">
        <v>2</v>
      </c>
      <c r="AA35" s="277">
        <v>3</v>
      </c>
      <c r="AB35" s="279">
        <v>0</v>
      </c>
      <c r="AC35" s="280">
        <v>15</v>
      </c>
      <c r="AD35" s="280">
        <v>16</v>
      </c>
      <c r="AE35" s="280">
        <v>6</v>
      </c>
      <c r="AF35" s="280">
        <v>7</v>
      </c>
      <c r="AG35" s="280">
        <v>10</v>
      </c>
      <c r="AH35" s="277">
        <v>54</v>
      </c>
      <c r="AI35" s="282">
        <v>57</v>
      </c>
      <c r="AJ35" s="276">
        <v>14</v>
      </c>
      <c r="AK35" s="280">
        <v>25</v>
      </c>
      <c r="AL35" s="277">
        <v>39</v>
      </c>
      <c r="AM35" s="279">
        <v>0</v>
      </c>
      <c r="AN35" s="280">
        <v>31</v>
      </c>
      <c r="AO35" s="280">
        <v>17</v>
      </c>
      <c r="AP35" s="280">
        <v>5</v>
      </c>
      <c r="AQ35" s="280">
        <v>8</v>
      </c>
      <c r="AR35" s="280">
        <v>4</v>
      </c>
      <c r="AS35" s="277">
        <v>65</v>
      </c>
      <c r="AT35" s="282">
        <v>104</v>
      </c>
      <c r="AU35" s="276">
        <v>7</v>
      </c>
      <c r="AV35" s="280">
        <v>10</v>
      </c>
      <c r="AW35" s="277">
        <v>17</v>
      </c>
      <c r="AX35" s="279">
        <v>0</v>
      </c>
      <c r="AY35" s="280">
        <v>21</v>
      </c>
      <c r="AZ35" s="280">
        <v>33</v>
      </c>
      <c r="BA35" s="280">
        <v>26</v>
      </c>
      <c r="BB35" s="280">
        <v>17</v>
      </c>
      <c r="BC35" s="280">
        <v>16</v>
      </c>
      <c r="BD35" s="281">
        <v>113</v>
      </c>
      <c r="BE35" s="282">
        <v>130</v>
      </c>
      <c r="BF35" s="276">
        <v>0</v>
      </c>
      <c r="BG35" s="280">
        <v>0</v>
      </c>
      <c r="BH35" s="277">
        <v>0</v>
      </c>
      <c r="BI35" s="279">
        <v>0</v>
      </c>
      <c r="BJ35" s="280">
        <v>16</v>
      </c>
      <c r="BK35" s="280">
        <v>8</v>
      </c>
      <c r="BL35" s="280">
        <v>3</v>
      </c>
      <c r="BM35" s="280">
        <v>4</v>
      </c>
      <c r="BN35" s="280">
        <v>3</v>
      </c>
      <c r="BO35" s="277">
        <v>34</v>
      </c>
      <c r="BP35" s="282">
        <v>34</v>
      </c>
      <c r="BQ35" s="276">
        <v>7</v>
      </c>
      <c r="BR35" s="280">
        <v>9</v>
      </c>
      <c r="BS35" s="277">
        <v>16</v>
      </c>
      <c r="BT35" s="279">
        <v>0</v>
      </c>
      <c r="BU35" s="280">
        <v>29</v>
      </c>
      <c r="BV35" s="280">
        <v>19</v>
      </c>
      <c r="BW35" s="280">
        <v>10</v>
      </c>
      <c r="BX35" s="280">
        <v>4</v>
      </c>
      <c r="BY35" s="280">
        <v>1</v>
      </c>
      <c r="BZ35" s="277">
        <v>63</v>
      </c>
      <c r="CA35" s="282">
        <v>79</v>
      </c>
      <c r="CB35" s="276">
        <v>0</v>
      </c>
      <c r="CC35" s="280">
        <v>0</v>
      </c>
      <c r="CD35" s="277">
        <v>0</v>
      </c>
      <c r="CE35" s="279">
        <v>0</v>
      </c>
      <c r="CF35" s="280">
        <v>3</v>
      </c>
      <c r="CG35" s="280">
        <v>7</v>
      </c>
      <c r="CH35" s="280">
        <v>3</v>
      </c>
      <c r="CI35" s="280">
        <v>6</v>
      </c>
      <c r="CJ35" s="280">
        <v>0</v>
      </c>
      <c r="CK35" s="277">
        <v>19</v>
      </c>
      <c r="CL35" s="282">
        <v>19</v>
      </c>
      <c r="CM35" s="276">
        <v>0</v>
      </c>
      <c r="CN35" s="280">
        <v>0</v>
      </c>
      <c r="CO35" s="277">
        <v>0</v>
      </c>
      <c r="CP35" s="279">
        <v>0</v>
      </c>
      <c r="CQ35" s="280">
        <v>4</v>
      </c>
      <c r="CR35" s="280">
        <v>0</v>
      </c>
      <c r="CS35" s="280">
        <v>4</v>
      </c>
      <c r="CT35" s="280">
        <v>1</v>
      </c>
      <c r="CU35" s="280">
        <v>1</v>
      </c>
      <c r="CV35" s="277">
        <v>10</v>
      </c>
      <c r="CW35" s="282">
        <v>10</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21</v>
      </c>
      <c r="DU35" s="280">
        <v>34</v>
      </c>
      <c r="DV35" s="277">
        <v>55</v>
      </c>
      <c r="DW35" s="279">
        <v>0</v>
      </c>
      <c r="DX35" s="280">
        <v>62</v>
      </c>
      <c r="DY35" s="280">
        <v>47</v>
      </c>
      <c r="DZ35" s="280">
        <v>28</v>
      </c>
      <c r="EA35" s="280">
        <v>21</v>
      </c>
      <c r="EB35" s="280">
        <v>19</v>
      </c>
      <c r="EC35" s="277">
        <v>177</v>
      </c>
      <c r="ED35" s="282">
        <v>232</v>
      </c>
      <c r="EE35" s="276">
        <v>4</v>
      </c>
      <c r="EF35" s="280">
        <v>6</v>
      </c>
      <c r="EG35" s="277">
        <v>10</v>
      </c>
      <c r="EH35" s="279">
        <v>0</v>
      </c>
      <c r="EI35" s="280">
        <v>14</v>
      </c>
      <c r="EJ35" s="280">
        <v>14</v>
      </c>
      <c r="EK35" s="280">
        <v>8</v>
      </c>
      <c r="EL35" s="280">
        <v>11</v>
      </c>
      <c r="EM35" s="280">
        <v>2</v>
      </c>
      <c r="EN35" s="277">
        <v>49</v>
      </c>
      <c r="EO35" s="282">
        <v>59</v>
      </c>
      <c r="EP35" s="276">
        <v>35</v>
      </c>
      <c r="EQ35" s="280">
        <v>51</v>
      </c>
      <c r="ER35" s="277">
        <v>86</v>
      </c>
      <c r="ES35" s="279">
        <v>0</v>
      </c>
      <c r="ET35" s="280">
        <v>116</v>
      </c>
      <c r="EU35" s="280">
        <v>65</v>
      </c>
      <c r="EV35" s="280">
        <v>32</v>
      </c>
      <c r="EW35" s="280">
        <v>21</v>
      </c>
      <c r="EX35" s="280">
        <v>19</v>
      </c>
      <c r="EY35" s="277">
        <v>253</v>
      </c>
      <c r="EZ35" s="282">
        <v>339</v>
      </c>
    </row>
    <row r="36" spans="2:156" ht="21" customHeight="1" x14ac:dyDescent="0.2">
      <c r="B36" s="261" t="s">
        <v>34</v>
      </c>
      <c r="C36" s="276">
        <v>0</v>
      </c>
      <c r="D36" s="280">
        <v>0</v>
      </c>
      <c r="E36" s="384">
        <v>0</v>
      </c>
      <c r="F36" s="279">
        <v>0</v>
      </c>
      <c r="G36" s="280">
        <v>13</v>
      </c>
      <c r="H36" s="280">
        <v>7</v>
      </c>
      <c r="I36" s="280">
        <v>8</v>
      </c>
      <c r="J36" s="280">
        <v>6</v>
      </c>
      <c r="K36" s="280">
        <v>2</v>
      </c>
      <c r="L36" s="281">
        <v>36</v>
      </c>
      <c r="M36" s="282">
        <v>36</v>
      </c>
      <c r="N36" s="276">
        <v>0</v>
      </c>
      <c r="O36" s="280">
        <v>0</v>
      </c>
      <c r="P36" s="277">
        <v>0</v>
      </c>
      <c r="Q36" s="279">
        <v>0</v>
      </c>
      <c r="R36" s="280">
        <v>0</v>
      </c>
      <c r="S36" s="280">
        <v>2</v>
      </c>
      <c r="T36" s="280">
        <v>0</v>
      </c>
      <c r="U36" s="280">
        <v>2</v>
      </c>
      <c r="V36" s="280">
        <v>4</v>
      </c>
      <c r="W36" s="277">
        <v>8</v>
      </c>
      <c r="X36" s="282">
        <v>8</v>
      </c>
      <c r="Y36" s="276">
        <v>1</v>
      </c>
      <c r="Z36" s="280">
        <v>6</v>
      </c>
      <c r="AA36" s="277">
        <v>7</v>
      </c>
      <c r="AB36" s="279">
        <v>0</v>
      </c>
      <c r="AC36" s="280">
        <v>13</v>
      </c>
      <c r="AD36" s="280">
        <v>10</v>
      </c>
      <c r="AE36" s="280">
        <v>8</v>
      </c>
      <c r="AF36" s="280">
        <v>4</v>
      </c>
      <c r="AG36" s="280">
        <v>3</v>
      </c>
      <c r="AH36" s="277">
        <v>38</v>
      </c>
      <c r="AI36" s="282">
        <v>45</v>
      </c>
      <c r="AJ36" s="276">
        <v>0</v>
      </c>
      <c r="AK36" s="280">
        <v>0</v>
      </c>
      <c r="AL36" s="277">
        <v>0</v>
      </c>
      <c r="AM36" s="279">
        <v>0</v>
      </c>
      <c r="AN36" s="280">
        <v>6</v>
      </c>
      <c r="AO36" s="280">
        <v>7</v>
      </c>
      <c r="AP36" s="280">
        <v>4</v>
      </c>
      <c r="AQ36" s="280">
        <v>1</v>
      </c>
      <c r="AR36" s="280">
        <v>2</v>
      </c>
      <c r="AS36" s="277">
        <v>20</v>
      </c>
      <c r="AT36" s="282">
        <v>20</v>
      </c>
      <c r="AU36" s="276">
        <v>5</v>
      </c>
      <c r="AV36" s="280">
        <v>5</v>
      </c>
      <c r="AW36" s="277">
        <v>10</v>
      </c>
      <c r="AX36" s="279">
        <v>0</v>
      </c>
      <c r="AY36" s="280">
        <v>24</v>
      </c>
      <c r="AZ36" s="280">
        <v>30</v>
      </c>
      <c r="BA36" s="280">
        <v>19</v>
      </c>
      <c r="BB36" s="280">
        <v>20</v>
      </c>
      <c r="BC36" s="280">
        <v>15</v>
      </c>
      <c r="BD36" s="281">
        <v>108</v>
      </c>
      <c r="BE36" s="282">
        <v>118</v>
      </c>
      <c r="BF36" s="276">
        <v>0</v>
      </c>
      <c r="BG36" s="280">
        <v>0</v>
      </c>
      <c r="BH36" s="277">
        <v>0</v>
      </c>
      <c r="BI36" s="279">
        <v>0</v>
      </c>
      <c r="BJ36" s="280">
        <v>31</v>
      </c>
      <c r="BK36" s="280">
        <v>19</v>
      </c>
      <c r="BL36" s="280">
        <v>13</v>
      </c>
      <c r="BM36" s="280">
        <v>9</v>
      </c>
      <c r="BN36" s="280">
        <v>0</v>
      </c>
      <c r="BO36" s="277">
        <v>72</v>
      </c>
      <c r="BP36" s="282">
        <v>72</v>
      </c>
      <c r="BQ36" s="276">
        <v>2</v>
      </c>
      <c r="BR36" s="280">
        <v>4</v>
      </c>
      <c r="BS36" s="277">
        <v>6</v>
      </c>
      <c r="BT36" s="279">
        <v>0</v>
      </c>
      <c r="BU36" s="280">
        <v>11</v>
      </c>
      <c r="BV36" s="280">
        <v>2</v>
      </c>
      <c r="BW36" s="280">
        <v>3</v>
      </c>
      <c r="BX36" s="280">
        <v>4</v>
      </c>
      <c r="BY36" s="280">
        <v>0</v>
      </c>
      <c r="BZ36" s="277">
        <v>20</v>
      </c>
      <c r="CA36" s="282">
        <v>26</v>
      </c>
      <c r="CB36" s="276">
        <v>0</v>
      </c>
      <c r="CC36" s="280">
        <v>0</v>
      </c>
      <c r="CD36" s="277">
        <v>0</v>
      </c>
      <c r="CE36" s="279">
        <v>0</v>
      </c>
      <c r="CF36" s="280">
        <v>3</v>
      </c>
      <c r="CG36" s="280">
        <v>2</v>
      </c>
      <c r="CH36" s="280">
        <v>2</v>
      </c>
      <c r="CI36" s="280">
        <v>3</v>
      </c>
      <c r="CJ36" s="280">
        <v>0</v>
      </c>
      <c r="CK36" s="277">
        <v>10</v>
      </c>
      <c r="CL36" s="282">
        <v>10</v>
      </c>
      <c r="CM36" s="276">
        <v>0</v>
      </c>
      <c r="CN36" s="280">
        <v>0</v>
      </c>
      <c r="CO36" s="277">
        <v>0</v>
      </c>
      <c r="CP36" s="279">
        <v>0</v>
      </c>
      <c r="CQ36" s="280">
        <v>2</v>
      </c>
      <c r="CR36" s="280">
        <v>0</v>
      </c>
      <c r="CS36" s="280">
        <v>0</v>
      </c>
      <c r="CT36" s="280">
        <v>1</v>
      </c>
      <c r="CU36" s="280">
        <v>0</v>
      </c>
      <c r="CV36" s="277">
        <v>3</v>
      </c>
      <c r="CW36" s="282">
        <v>3</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12</v>
      </c>
      <c r="DU36" s="280">
        <v>17</v>
      </c>
      <c r="DV36" s="277">
        <v>29</v>
      </c>
      <c r="DW36" s="279">
        <v>0</v>
      </c>
      <c r="DX36" s="280">
        <v>49</v>
      </c>
      <c r="DY36" s="280">
        <v>49</v>
      </c>
      <c r="DZ36" s="280">
        <v>28</v>
      </c>
      <c r="EA36" s="280">
        <v>26</v>
      </c>
      <c r="EB36" s="280">
        <v>10</v>
      </c>
      <c r="EC36" s="277">
        <v>162</v>
      </c>
      <c r="ED36" s="282">
        <v>191</v>
      </c>
      <c r="EE36" s="276">
        <v>3</v>
      </c>
      <c r="EF36" s="280">
        <v>1</v>
      </c>
      <c r="EG36" s="277">
        <v>4</v>
      </c>
      <c r="EH36" s="279">
        <v>0</v>
      </c>
      <c r="EI36" s="280">
        <v>10</v>
      </c>
      <c r="EJ36" s="280">
        <v>8</v>
      </c>
      <c r="EK36" s="280">
        <v>2</v>
      </c>
      <c r="EL36" s="280">
        <v>6</v>
      </c>
      <c r="EM36" s="280">
        <v>4</v>
      </c>
      <c r="EN36" s="277">
        <v>30</v>
      </c>
      <c r="EO36" s="282">
        <v>34</v>
      </c>
      <c r="EP36" s="276">
        <v>14</v>
      </c>
      <c r="EQ36" s="280">
        <v>23</v>
      </c>
      <c r="ER36" s="277">
        <v>37</v>
      </c>
      <c r="ES36" s="279">
        <v>0</v>
      </c>
      <c r="ET36" s="280">
        <v>77</v>
      </c>
      <c r="EU36" s="280">
        <v>47</v>
      </c>
      <c r="EV36" s="280">
        <v>30</v>
      </c>
      <c r="EW36" s="280">
        <v>21</v>
      </c>
      <c r="EX36" s="280">
        <v>7</v>
      </c>
      <c r="EY36" s="277">
        <v>182</v>
      </c>
      <c r="EZ36" s="282">
        <v>219</v>
      </c>
    </row>
    <row r="37" spans="2:156" ht="21" customHeight="1" x14ac:dyDescent="0.2">
      <c r="B37" s="261" t="s">
        <v>35</v>
      </c>
      <c r="C37" s="276">
        <v>0</v>
      </c>
      <c r="D37" s="280">
        <v>0</v>
      </c>
      <c r="E37" s="384">
        <v>0</v>
      </c>
      <c r="F37" s="279">
        <v>0</v>
      </c>
      <c r="G37" s="280">
        <v>118</v>
      </c>
      <c r="H37" s="280">
        <v>56</v>
      </c>
      <c r="I37" s="280">
        <v>38</v>
      </c>
      <c r="J37" s="280">
        <v>31</v>
      </c>
      <c r="K37" s="280">
        <v>17</v>
      </c>
      <c r="L37" s="281">
        <v>260</v>
      </c>
      <c r="M37" s="282">
        <v>260</v>
      </c>
      <c r="N37" s="276">
        <v>0</v>
      </c>
      <c r="O37" s="280">
        <v>0</v>
      </c>
      <c r="P37" s="277">
        <v>0</v>
      </c>
      <c r="Q37" s="279">
        <v>0</v>
      </c>
      <c r="R37" s="280">
        <v>0</v>
      </c>
      <c r="S37" s="280">
        <v>5</v>
      </c>
      <c r="T37" s="280">
        <v>2</v>
      </c>
      <c r="U37" s="280">
        <v>9</v>
      </c>
      <c r="V37" s="280">
        <v>11</v>
      </c>
      <c r="W37" s="277">
        <v>27</v>
      </c>
      <c r="X37" s="282">
        <v>27</v>
      </c>
      <c r="Y37" s="276">
        <v>0</v>
      </c>
      <c r="Z37" s="280">
        <v>6</v>
      </c>
      <c r="AA37" s="277">
        <v>6</v>
      </c>
      <c r="AB37" s="279">
        <v>0</v>
      </c>
      <c r="AC37" s="280">
        <v>45</v>
      </c>
      <c r="AD37" s="280">
        <v>36</v>
      </c>
      <c r="AE37" s="280">
        <v>20</v>
      </c>
      <c r="AF37" s="280">
        <v>26</v>
      </c>
      <c r="AG37" s="280">
        <v>9</v>
      </c>
      <c r="AH37" s="277">
        <v>136</v>
      </c>
      <c r="AI37" s="282">
        <v>142</v>
      </c>
      <c r="AJ37" s="276">
        <v>2</v>
      </c>
      <c r="AK37" s="280">
        <v>4</v>
      </c>
      <c r="AL37" s="277">
        <v>6</v>
      </c>
      <c r="AM37" s="279">
        <v>0</v>
      </c>
      <c r="AN37" s="280">
        <v>20</v>
      </c>
      <c r="AO37" s="280">
        <v>10</v>
      </c>
      <c r="AP37" s="280">
        <v>7</v>
      </c>
      <c r="AQ37" s="280">
        <v>8</v>
      </c>
      <c r="AR37" s="280">
        <v>4</v>
      </c>
      <c r="AS37" s="277">
        <v>49</v>
      </c>
      <c r="AT37" s="282">
        <v>55</v>
      </c>
      <c r="AU37" s="276">
        <v>23</v>
      </c>
      <c r="AV37" s="280">
        <v>21</v>
      </c>
      <c r="AW37" s="277">
        <v>44</v>
      </c>
      <c r="AX37" s="279">
        <v>0</v>
      </c>
      <c r="AY37" s="280">
        <v>97</v>
      </c>
      <c r="AZ37" s="280">
        <v>85</v>
      </c>
      <c r="BA37" s="280">
        <v>82</v>
      </c>
      <c r="BB37" s="280">
        <v>85</v>
      </c>
      <c r="BC37" s="280">
        <v>35</v>
      </c>
      <c r="BD37" s="281">
        <v>384</v>
      </c>
      <c r="BE37" s="282">
        <v>428</v>
      </c>
      <c r="BF37" s="276">
        <v>0</v>
      </c>
      <c r="BG37" s="280">
        <v>0</v>
      </c>
      <c r="BH37" s="277">
        <v>0</v>
      </c>
      <c r="BI37" s="279">
        <v>0</v>
      </c>
      <c r="BJ37" s="280">
        <v>153</v>
      </c>
      <c r="BK37" s="280">
        <v>90</v>
      </c>
      <c r="BL37" s="280">
        <v>42</v>
      </c>
      <c r="BM37" s="280">
        <v>26</v>
      </c>
      <c r="BN37" s="280">
        <v>14</v>
      </c>
      <c r="BO37" s="277">
        <v>325</v>
      </c>
      <c r="BP37" s="282">
        <v>325</v>
      </c>
      <c r="BQ37" s="276">
        <v>10</v>
      </c>
      <c r="BR37" s="280">
        <v>20</v>
      </c>
      <c r="BS37" s="277">
        <v>30</v>
      </c>
      <c r="BT37" s="279">
        <v>0</v>
      </c>
      <c r="BU37" s="280">
        <v>59</v>
      </c>
      <c r="BV37" s="280">
        <v>28</v>
      </c>
      <c r="BW37" s="280">
        <v>13</v>
      </c>
      <c r="BX37" s="280">
        <v>10</v>
      </c>
      <c r="BY37" s="280">
        <v>1</v>
      </c>
      <c r="BZ37" s="277">
        <v>111</v>
      </c>
      <c r="CA37" s="282">
        <v>141</v>
      </c>
      <c r="CB37" s="276">
        <v>0</v>
      </c>
      <c r="CC37" s="280">
        <v>1</v>
      </c>
      <c r="CD37" s="277">
        <v>1</v>
      </c>
      <c r="CE37" s="279">
        <v>0</v>
      </c>
      <c r="CF37" s="280">
        <v>9</v>
      </c>
      <c r="CG37" s="280">
        <v>15</v>
      </c>
      <c r="CH37" s="280">
        <v>9</v>
      </c>
      <c r="CI37" s="280">
        <v>14</v>
      </c>
      <c r="CJ37" s="280">
        <v>2</v>
      </c>
      <c r="CK37" s="277">
        <v>49</v>
      </c>
      <c r="CL37" s="282">
        <v>50</v>
      </c>
      <c r="CM37" s="276">
        <v>0</v>
      </c>
      <c r="CN37" s="280">
        <v>1</v>
      </c>
      <c r="CO37" s="277">
        <v>1</v>
      </c>
      <c r="CP37" s="279">
        <v>0</v>
      </c>
      <c r="CQ37" s="280">
        <v>2</v>
      </c>
      <c r="CR37" s="280">
        <v>2</v>
      </c>
      <c r="CS37" s="280">
        <v>3</v>
      </c>
      <c r="CT37" s="280">
        <v>3</v>
      </c>
      <c r="CU37" s="280">
        <v>0</v>
      </c>
      <c r="CV37" s="277">
        <v>10</v>
      </c>
      <c r="CW37" s="282">
        <v>11</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39</v>
      </c>
      <c r="DU37" s="280">
        <v>68</v>
      </c>
      <c r="DV37" s="277">
        <v>107</v>
      </c>
      <c r="DW37" s="279">
        <v>0</v>
      </c>
      <c r="DX37" s="280">
        <v>179</v>
      </c>
      <c r="DY37" s="280">
        <v>163</v>
      </c>
      <c r="DZ37" s="280">
        <v>82</v>
      </c>
      <c r="EA37" s="280">
        <v>63</v>
      </c>
      <c r="EB37" s="280">
        <v>32</v>
      </c>
      <c r="EC37" s="277">
        <v>519</v>
      </c>
      <c r="ED37" s="282">
        <v>626</v>
      </c>
      <c r="EE37" s="276">
        <v>22</v>
      </c>
      <c r="EF37" s="280">
        <v>14</v>
      </c>
      <c r="EG37" s="277">
        <v>36</v>
      </c>
      <c r="EH37" s="279">
        <v>0</v>
      </c>
      <c r="EI37" s="280">
        <v>39</v>
      </c>
      <c r="EJ37" s="280">
        <v>28</v>
      </c>
      <c r="EK37" s="280">
        <v>25</v>
      </c>
      <c r="EL37" s="280">
        <v>30</v>
      </c>
      <c r="EM37" s="280">
        <v>8</v>
      </c>
      <c r="EN37" s="277">
        <v>130</v>
      </c>
      <c r="EO37" s="282">
        <v>166</v>
      </c>
      <c r="EP37" s="276">
        <v>45</v>
      </c>
      <c r="EQ37" s="280">
        <v>86</v>
      </c>
      <c r="ER37" s="277">
        <v>131</v>
      </c>
      <c r="ES37" s="279">
        <v>0</v>
      </c>
      <c r="ET37" s="280">
        <v>324</v>
      </c>
      <c r="EU37" s="280">
        <v>207</v>
      </c>
      <c r="EV37" s="280">
        <v>92</v>
      </c>
      <c r="EW37" s="280">
        <v>74</v>
      </c>
      <c r="EX37" s="280">
        <v>30</v>
      </c>
      <c r="EY37" s="277">
        <v>727</v>
      </c>
      <c r="EZ37" s="282">
        <v>858</v>
      </c>
    </row>
    <row r="38" spans="2:156" ht="21" customHeight="1" x14ac:dyDescent="0.2">
      <c r="B38" s="261" t="s">
        <v>36</v>
      </c>
      <c r="C38" s="276">
        <v>0</v>
      </c>
      <c r="D38" s="280">
        <v>0</v>
      </c>
      <c r="E38" s="384">
        <v>0</v>
      </c>
      <c r="F38" s="279">
        <v>0</v>
      </c>
      <c r="G38" s="280">
        <v>64</v>
      </c>
      <c r="H38" s="280">
        <v>66</v>
      </c>
      <c r="I38" s="280">
        <v>30</v>
      </c>
      <c r="J38" s="280">
        <v>40</v>
      </c>
      <c r="K38" s="280">
        <v>30</v>
      </c>
      <c r="L38" s="281">
        <v>230</v>
      </c>
      <c r="M38" s="282">
        <v>230</v>
      </c>
      <c r="N38" s="276">
        <v>1</v>
      </c>
      <c r="O38" s="280">
        <v>0</v>
      </c>
      <c r="P38" s="277">
        <v>1</v>
      </c>
      <c r="Q38" s="279">
        <v>0</v>
      </c>
      <c r="R38" s="280">
        <v>4</v>
      </c>
      <c r="S38" s="280">
        <v>5</v>
      </c>
      <c r="T38" s="280">
        <v>2</v>
      </c>
      <c r="U38" s="280">
        <v>8</v>
      </c>
      <c r="V38" s="280">
        <v>12</v>
      </c>
      <c r="W38" s="277">
        <v>31</v>
      </c>
      <c r="X38" s="282">
        <v>32</v>
      </c>
      <c r="Y38" s="276">
        <v>15</v>
      </c>
      <c r="Z38" s="280">
        <v>22</v>
      </c>
      <c r="AA38" s="277">
        <v>37</v>
      </c>
      <c r="AB38" s="279">
        <v>0</v>
      </c>
      <c r="AC38" s="280">
        <v>55</v>
      </c>
      <c r="AD38" s="280">
        <v>52</v>
      </c>
      <c r="AE38" s="280">
        <v>26</v>
      </c>
      <c r="AF38" s="280">
        <v>31</v>
      </c>
      <c r="AG38" s="280">
        <v>33</v>
      </c>
      <c r="AH38" s="277">
        <v>197</v>
      </c>
      <c r="AI38" s="282">
        <v>234</v>
      </c>
      <c r="AJ38" s="276">
        <v>6</v>
      </c>
      <c r="AK38" s="280">
        <v>7</v>
      </c>
      <c r="AL38" s="277">
        <v>13</v>
      </c>
      <c r="AM38" s="279">
        <v>0</v>
      </c>
      <c r="AN38" s="280">
        <v>16</v>
      </c>
      <c r="AO38" s="280">
        <v>11</v>
      </c>
      <c r="AP38" s="280">
        <v>13</v>
      </c>
      <c r="AQ38" s="280">
        <v>7</v>
      </c>
      <c r="AR38" s="280">
        <v>6</v>
      </c>
      <c r="AS38" s="277">
        <v>53</v>
      </c>
      <c r="AT38" s="282">
        <v>66</v>
      </c>
      <c r="AU38" s="276">
        <v>4</v>
      </c>
      <c r="AV38" s="280">
        <v>5</v>
      </c>
      <c r="AW38" s="277">
        <v>9</v>
      </c>
      <c r="AX38" s="279">
        <v>0</v>
      </c>
      <c r="AY38" s="280">
        <v>30</v>
      </c>
      <c r="AZ38" s="280">
        <v>55</v>
      </c>
      <c r="BA38" s="280">
        <v>69</v>
      </c>
      <c r="BB38" s="280">
        <v>45</v>
      </c>
      <c r="BC38" s="280">
        <v>39</v>
      </c>
      <c r="BD38" s="281">
        <v>238</v>
      </c>
      <c r="BE38" s="282">
        <v>247</v>
      </c>
      <c r="BF38" s="276">
        <v>0</v>
      </c>
      <c r="BG38" s="280">
        <v>0</v>
      </c>
      <c r="BH38" s="277">
        <v>0</v>
      </c>
      <c r="BI38" s="279">
        <v>0</v>
      </c>
      <c r="BJ38" s="280">
        <v>79</v>
      </c>
      <c r="BK38" s="280">
        <v>94</v>
      </c>
      <c r="BL38" s="280">
        <v>48</v>
      </c>
      <c r="BM38" s="280">
        <v>30</v>
      </c>
      <c r="BN38" s="280">
        <v>16</v>
      </c>
      <c r="BO38" s="277">
        <v>267</v>
      </c>
      <c r="BP38" s="282">
        <v>267</v>
      </c>
      <c r="BQ38" s="276">
        <v>4</v>
      </c>
      <c r="BR38" s="280">
        <v>11</v>
      </c>
      <c r="BS38" s="277">
        <v>15</v>
      </c>
      <c r="BT38" s="279">
        <v>0</v>
      </c>
      <c r="BU38" s="280">
        <v>26</v>
      </c>
      <c r="BV38" s="280">
        <v>26</v>
      </c>
      <c r="BW38" s="280">
        <v>13</v>
      </c>
      <c r="BX38" s="280">
        <v>4</v>
      </c>
      <c r="BY38" s="280">
        <v>2</v>
      </c>
      <c r="BZ38" s="277">
        <v>71</v>
      </c>
      <c r="CA38" s="282">
        <v>86</v>
      </c>
      <c r="CB38" s="276">
        <v>0</v>
      </c>
      <c r="CC38" s="280">
        <v>0</v>
      </c>
      <c r="CD38" s="277">
        <v>0</v>
      </c>
      <c r="CE38" s="279">
        <v>0</v>
      </c>
      <c r="CF38" s="280">
        <v>11</v>
      </c>
      <c r="CG38" s="280">
        <v>20</v>
      </c>
      <c r="CH38" s="280">
        <v>25</v>
      </c>
      <c r="CI38" s="280">
        <v>13</v>
      </c>
      <c r="CJ38" s="280">
        <v>10</v>
      </c>
      <c r="CK38" s="277">
        <v>79</v>
      </c>
      <c r="CL38" s="282">
        <v>79</v>
      </c>
      <c r="CM38" s="276">
        <v>0</v>
      </c>
      <c r="CN38" s="280">
        <v>0</v>
      </c>
      <c r="CO38" s="277">
        <v>0</v>
      </c>
      <c r="CP38" s="279">
        <v>0</v>
      </c>
      <c r="CQ38" s="280">
        <v>0</v>
      </c>
      <c r="CR38" s="280">
        <v>0</v>
      </c>
      <c r="CS38" s="280">
        <v>0</v>
      </c>
      <c r="CT38" s="280">
        <v>1</v>
      </c>
      <c r="CU38" s="280">
        <v>0</v>
      </c>
      <c r="CV38" s="277">
        <v>1</v>
      </c>
      <c r="CW38" s="282">
        <v>1</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38</v>
      </c>
      <c r="DU38" s="280">
        <v>93</v>
      </c>
      <c r="DV38" s="277">
        <v>131</v>
      </c>
      <c r="DW38" s="279">
        <v>0</v>
      </c>
      <c r="DX38" s="280">
        <v>155</v>
      </c>
      <c r="DY38" s="280">
        <v>174</v>
      </c>
      <c r="DZ38" s="280">
        <v>102</v>
      </c>
      <c r="EA38" s="280">
        <v>78</v>
      </c>
      <c r="EB38" s="280">
        <v>50</v>
      </c>
      <c r="EC38" s="277">
        <v>559</v>
      </c>
      <c r="ED38" s="282">
        <v>690</v>
      </c>
      <c r="EE38" s="276">
        <v>1</v>
      </c>
      <c r="EF38" s="280">
        <v>1</v>
      </c>
      <c r="EG38" s="277">
        <v>2</v>
      </c>
      <c r="EH38" s="279">
        <v>0</v>
      </c>
      <c r="EI38" s="280">
        <v>9</v>
      </c>
      <c r="EJ38" s="280">
        <v>16</v>
      </c>
      <c r="EK38" s="280">
        <v>18</v>
      </c>
      <c r="EL38" s="280">
        <v>7</v>
      </c>
      <c r="EM38" s="280">
        <v>2</v>
      </c>
      <c r="EN38" s="277">
        <v>52</v>
      </c>
      <c r="EO38" s="282">
        <v>54</v>
      </c>
      <c r="EP38" s="276">
        <v>54</v>
      </c>
      <c r="EQ38" s="280">
        <v>114</v>
      </c>
      <c r="ER38" s="277">
        <v>168</v>
      </c>
      <c r="ES38" s="279">
        <v>0</v>
      </c>
      <c r="ET38" s="280">
        <v>264</v>
      </c>
      <c r="EU38" s="280">
        <v>239</v>
      </c>
      <c r="EV38" s="280">
        <v>127</v>
      </c>
      <c r="EW38" s="280">
        <v>88</v>
      </c>
      <c r="EX38" s="280">
        <v>56</v>
      </c>
      <c r="EY38" s="277">
        <v>774</v>
      </c>
      <c r="EZ38" s="282">
        <v>942</v>
      </c>
    </row>
    <row r="39" spans="2:156" ht="21" customHeight="1" thickBot="1" x14ac:dyDescent="0.25">
      <c r="B39" s="262" t="s">
        <v>37</v>
      </c>
      <c r="C39" s="283">
        <v>0</v>
      </c>
      <c r="D39" s="287">
        <v>0</v>
      </c>
      <c r="E39" s="385">
        <v>0</v>
      </c>
      <c r="F39" s="286">
        <v>0</v>
      </c>
      <c r="G39" s="287">
        <v>4</v>
      </c>
      <c r="H39" s="287">
        <v>8</v>
      </c>
      <c r="I39" s="287">
        <v>6</v>
      </c>
      <c r="J39" s="287">
        <v>2</v>
      </c>
      <c r="K39" s="287">
        <v>3</v>
      </c>
      <c r="L39" s="288">
        <v>23</v>
      </c>
      <c r="M39" s="289">
        <v>23</v>
      </c>
      <c r="N39" s="283">
        <v>0</v>
      </c>
      <c r="O39" s="287">
        <v>0</v>
      </c>
      <c r="P39" s="284">
        <v>0</v>
      </c>
      <c r="Q39" s="286">
        <v>0</v>
      </c>
      <c r="R39" s="287">
        <v>0</v>
      </c>
      <c r="S39" s="287">
        <v>0</v>
      </c>
      <c r="T39" s="287">
        <v>1</v>
      </c>
      <c r="U39" s="287">
        <v>0</v>
      </c>
      <c r="V39" s="287">
        <v>0</v>
      </c>
      <c r="W39" s="284">
        <v>1</v>
      </c>
      <c r="X39" s="289">
        <v>1</v>
      </c>
      <c r="Y39" s="283">
        <v>1</v>
      </c>
      <c r="Z39" s="287">
        <v>2</v>
      </c>
      <c r="AA39" s="284">
        <v>3</v>
      </c>
      <c r="AB39" s="286">
        <v>0</v>
      </c>
      <c r="AC39" s="287">
        <v>3</v>
      </c>
      <c r="AD39" s="287">
        <v>5</v>
      </c>
      <c r="AE39" s="287">
        <v>5</v>
      </c>
      <c r="AF39" s="287">
        <v>3</v>
      </c>
      <c r="AG39" s="287">
        <v>1</v>
      </c>
      <c r="AH39" s="284">
        <v>17</v>
      </c>
      <c r="AI39" s="289">
        <v>20</v>
      </c>
      <c r="AJ39" s="283">
        <v>0</v>
      </c>
      <c r="AK39" s="287">
        <v>0</v>
      </c>
      <c r="AL39" s="284">
        <v>0</v>
      </c>
      <c r="AM39" s="286">
        <v>0</v>
      </c>
      <c r="AN39" s="287">
        <v>0</v>
      </c>
      <c r="AO39" s="287">
        <v>2</v>
      </c>
      <c r="AP39" s="287">
        <v>2</v>
      </c>
      <c r="AQ39" s="287">
        <v>1</v>
      </c>
      <c r="AR39" s="287">
        <v>0</v>
      </c>
      <c r="AS39" s="284">
        <v>5</v>
      </c>
      <c r="AT39" s="289">
        <v>5</v>
      </c>
      <c r="AU39" s="283">
        <v>1</v>
      </c>
      <c r="AV39" s="287">
        <v>0</v>
      </c>
      <c r="AW39" s="284">
        <v>1</v>
      </c>
      <c r="AX39" s="286">
        <v>0</v>
      </c>
      <c r="AY39" s="287">
        <v>2</v>
      </c>
      <c r="AZ39" s="287">
        <v>3</v>
      </c>
      <c r="BA39" s="287">
        <v>4</v>
      </c>
      <c r="BB39" s="287">
        <v>4</v>
      </c>
      <c r="BC39" s="287">
        <v>3</v>
      </c>
      <c r="BD39" s="288">
        <v>16</v>
      </c>
      <c r="BE39" s="289">
        <v>17</v>
      </c>
      <c r="BF39" s="283">
        <v>0</v>
      </c>
      <c r="BG39" s="287">
        <v>0</v>
      </c>
      <c r="BH39" s="284">
        <v>0</v>
      </c>
      <c r="BI39" s="286">
        <v>0</v>
      </c>
      <c r="BJ39" s="287">
        <v>6</v>
      </c>
      <c r="BK39" s="287">
        <v>4</v>
      </c>
      <c r="BL39" s="287">
        <v>6</v>
      </c>
      <c r="BM39" s="287">
        <v>1</v>
      </c>
      <c r="BN39" s="287">
        <v>1</v>
      </c>
      <c r="BO39" s="284">
        <v>18</v>
      </c>
      <c r="BP39" s="289">
        <v>18</v>
      </c>
      <c r="BQ39" s="283">
        <v>1</v>
      </c>
      <c r="BR39" s="287">
        <v>1</v>
      </c>
      <c r="BS39" s="284">
        <v>2</v>
      </c>
      <c r="BT39" s="286">
        <v>0</v>
      </c>
      <c r="BU39" s="287">
        <v>8</v>
      </c>
      <c r="BV39" s="287">
        <v>1</v>
      </c>
      <c r="BW39" s="287">
        <v>6</v>
      </c>
      <c r="BX39" s="287">
        <v>2</v>
      </c>
      <c r="BY39" s="287">
        <v>0</v>
      </c>
      <c r="BZ39" s="284">
        <v>17</v>
      </c>
      <c r="CA39" s="289">
        <v>19</v>
      </c>
      <c r="CB39" s="283">
        <v>0</v>
      </c>
      <c r="CC39" s="287">
        <v>0</v>
      </c>
      <c r="CD39" s="284">
        <v>0</v>
      </c>
      <c r="CE39" s="286">
        <v>0</v>
      </c>
      <c r="CF39" s="287">
        <v>2</v>
      </c>
      <c r="CG39" s="287">
        <v>0</v>
      </c>
      <c r="CH39" s="287">
        <v>4</v>
      </c>
      <c r="CI39" s="287">
        <v>2</v>
      </c>
      <c r="CJ39" s="287">
        <v>2</v>
      </c>
      <c r="CK39" s="284">
        <v>10</v>
      </c>
      <c r="CL39" s="289">
        <v>10</v>
      </c>
      <c r="CM39" s="283">
        <v>0</v>
      </c>
      <c r="CN39" s="287">
        <v>0</v>
      </c>
      <c r="CO39" s="284">
        <v>0</v>
      </c>
      <c r="CP39" s="286">
        <v>0</v>
      </c>
      <c r="CQ39" s="287">
        <v>0</v>
      </c>
      <c r="CR39" s="287">
        <v>0</v>
      </c>
      <c r="CS39" s="287">
        <v>2</v>
      </c>
      <c r="CT39" s="287">
        <v>1</v>
      </c>
      <c r="CU39" s="287">
        <v>0</v>
      </c>
      <c r="CV39" s="284">
        <v>3</v>
      </c>
      <c r="CW39" s="289">
        <v>3</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10</v>
      </c>
      <c r="DU39" s="287">
        <v>5</v>
      </c>
      <c r="DV39" s="284">
        <v>15</v>
      </c>
      <c r="DW39" s="286">
        <v>0</v>
      </c>
      <c r="DX39" s="287">
        <v>22</v>
      </c>
      <c r="DY39" s="287">
        <v>15</v>
      </c>
      <c r="DZ39" s="287">
        <v>19</v>
      </c>
      <c r="EA39" s="287">
        <v>5</v>
      </c>
      <c r="EB39" s="287">
        <v>4</v>
      </c>
      <c r="EC39" s="284">
        <v>65</v>
      </c>
      <c r="ED39" s="289">
        <v>80</v>
      </c>
      <c r="EE39" s="283">
        <v>0</v>
      </c>
      <c r="EF39" s="287">
        <v>0</v>
      </c>
      <c r="EG39" s="284">
        <v>0</v>
      </c>
      <c r="EH39" s="286">
        <v>0</v>
      </c>
      <c r="EI39" s="287">
        <v>0</v>
      </c>
      <c r="EJ39" s="287">
        <v>0</v>
      </c>
      <c r="EK39" s="287">
        <v>0</v>
      </c>
      <c r="EL39" s="287">
        <v>1</v>
      </c>
      <c r="EM39" s="287">
        <v>1</v>
      </c>
      <c r="EN39" s="284">
        <v>2</v>
      </c>
      <c r="EO39" s="289">
        <v>2</v>
      </c>
      <c r="EP39" s="283">
        <v>12</v>
      </c>
      <c r="EQ39" s="287">
        <v>7</v>
      </c>
      <c r="ER39" s="284">
        <v>19</v>
      </c>
      <c r="ES39" s="286">
        <v>0</v>
      </c>
      <c r="ET39" s="287">
        <v>30</v>
      </c>
      <c r="EU39" s="287">
        <v>18</v>
      </c>
      <c r="EV39" s="287">
        <v>22</v>
      </c>
      <c r="EW39" s="287">
        <v>6</v>
      </c>
      <c r="EX39" s="287">
        <v>4</v>
      </c>
      <c r="EY39" s="284">
        <v>80</v>
      </c>
      <c r="EZ39" s="289">
        <v>99</v>
      </c>
    </row>
  </sheetData>
  <mergeCells count="59">
    <mergeCell ref="X4:X5"/>
    <mergeCell ref="Y4:AA4"/>
    <mergeCell ref="AB4:AH4"/>
    <mergeCell ref="AI4:AI5"/>
    <mergeCell ref="CW4:CW5"/>
    <mergeCell ref="BQ4:BS4"/>
    <mergeCell ref="BT4:BZ4"/>
    <mergeCell ref="BP4:BP5"/>
    <mergeCell ref="CB4:CD4"/>
    <mergeCell ref="CE4:CK4"/>
    <mergeCell ref="CL4:CL5"/>
    <mergeCell ref="CM4:CO4"/>
    <mergeCell ref="CP4:CV4"/>
    <mergeCell ref="CA4:CA5"/>
    <mergeCell ref="AX4:BD4"/>
    <mergeCell ref="BF4:BH4"/>
    <mergeCell ref="B3:B5"/>
    <mergeCell ref="N3:X3"/>
    <mergeCell ref="Y3:AI3"/>
    <mergeCell ref="AJ3:AT3"/>
    <mergeCell ref="AU3:BE3"/>
    <mergeCell ref="C3:M3"/>
    <mergeCell ref="C4:E4"/>
    <mergeCell ref="F4:L4"/>
    <mergeCell ref="M4:M5"/>
    <mergeCell ref="BE4:BE5"/>
    <mergeCell ref="N4:P4"/>
    <mergeCell ref="Q4:W4"/>
    <mergeCell ref="AJ4:AL4"/>
    <mergeCell ref="AM4:AS4"/>
    <mergeCell ref="AT4:AT5"/>
    <mergeCell ref="AU4:AW4"/>
    <mergeCell ref="I1:J1"/>
    <mergeCell ref="L1:M1"/>
    <mergeCell ref="BF3:BP3"/>
    <mergeCell ref="BQ3:CA3"/>
    <mergeCell ref="CB3:CL3"/>
    <mergeCell ref="DI3:DS3"/>
    <mergeCell ref="DI4:DK4"/>
    <mergeCell ref="DL4:DR4"/>
    <mergeCell ref="DS4:DS5"/>
    <mergeCell ref="BI4:BO4"/>
    <mergeCell ref="CX3:DH3"/>
    <mergeCell ref="CM3:CW3"/>
    <mergeCell ref="CX4:CZ4"/>
    <mergeCell ref="DA4:DG4"/>
    <mergeCell ref="DH4:DH5"/>
    <mergeCell ref="EP3:EZ3"/>
    <mergeCell ref="EE3:EO3"/>
    <mergeCell ref="ES4:EY4"/>
    <mergeCell ref="EZ4:EZ5"/>
    <mergeCell ref="ED4:ED5"/>
    <mergeCell ref="EE4:EG4"/>
    <mergeCell ref="EH4:EN4"/>
    <mergeCell ref="EO4:EO5"/>
    <mergeCell ref="EP4:ER4"/>
    <mergeCell ref="DT3:ED3"/>
    <mergeCell ref="DT4:DV4"/>
    <mergeCell ref="DW4:EC4"/>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35">
        <f>第１表!F2</f>
        <v>4</v>
      </c>
      <c r="J1" s="535"/>
      <c r="K1" s="248">
        <f>第１表!G2</f>
        <v>12</v>
      </c>
      <c r="L1" s="539">
        <f>IF(K1&lt;3,K1+12-2,K1-2)</f>
        <v>10</v>
      </c>
      <c r="M1" s="539"/>
    </row>
    <row r="2" spans="2:156" ht="24" customHeight="1" thickBot="1" x14ac:dyDescent="0.25">
      <c r="B2" s="290" t="s">
        <v>131</v>
      </c>
      <c r="G2" s="247"/>
      <c r="H2" s="248"/>
      <c r="J2" s="322"/>
      <c r="K2" s="322"/>
    </row>
    <row r="3" spans="2:156" ht="21" customHeight="1" thickBot="1" x14ac:dyDescent="0.25">
      <c r="B3" s="552"/>
      <c r="C3" s="543" t="s">
        <v>70</v>
      </c>
      <c r="D3" s="544"/>
      <c r="E3" s="544"/>
      <c r="F3" s="544"/>
      <c r="G3" s="544"/>
      <c r="H3" s="544"/>
      <c r="I3" s="544"/>
      <c r="J3" s="544"/>
      <c r="K3" s="544"/>
      <c r="L3" s="544"/>
      <c r="M3" s="545"/>
      <c r="N3" s="543" t="s">
        <v>71</v>
      </c>
      <c r="O3" s="544"/>
      <c r="P3" s="544"/>
      <c r="Q3" s="544"/>
      <c r="R3" s="544"/>
      <c r="S3" s="544"/>
      <c r="T3" s="544"/>
      <c r="U3" s="544"/>
      <c r="V3" s="544"/>
      <c r="W3" s="544"/>
      <c r="X3" s="545"/>
      <c r="Y3" s="543" t="s">
        <v>72</v>
      </c>
      <c r="Z3" s="544"/>
      <c r="AA3" s="544"/>
      <c r="AB3" s="544"/>
      <c r="AC3" s="544"/>
      <c r="AD3" s="544"/>
      <c r="AE3" s="544"/>
      <c r="AF3" s="544"/>
      <c r="AG3" s="544"/>
      <c r="AH3" s="544"/>
      <c r="AI3" s="545"/>
      <c r="AJ3" s="543" t="s">
        <v>73</v>
      </c>
      <c r="AK3" s="544"/>
      <c r="AL3" s="544"/>
      <c r="AM3" s="544"/>
      <c r="AN3" s="544"/>
      <c r="AO3" s="544"/>
      <c r="AP3" s="544"/>
      <c r="AQ3" s="544"/>
      <c r="AR3" s="544"/>
      <c r="AS3" s="544"/>
      <c r="AT3" s="545"/>
      <c r="AU3" s="543" t="s">
        <v>74</v>
      </c>
      <c r="AV3" s="544"/>
      <c r="AW3" s="544"/>
      <c r="AX3" s="544"/>
      <c r="AY3" s="544"/>
      <c r="AZ3" s="544"/>
      <c r="BA3" s="544"/>
      <c r="BB3" s="544"/>
      <c r="BC3" s="544"/>
      <c r="BD3" s="544"/>
      <c r="BE3" s="545"/>
      <c r="BF3" s="543" t="s">
        <v>75</v>
      </c>
      <c r="BG3" s="544"/>
      <c r="BH3" s="544"/>
      <c r="BI3" s="544"/>
      <c r="BJ3" s="544"/>
      <c r="BK3" s="544"/>
      <c r="BL3" s="544"/>
      <c r="BM3" s="544"/>
      <c r="BN3" s="544"/>
      <c r="BO3" s="544"/>
      <c r="BP3" s="545"/>
      <c r="BQ3" s="543" t="s">
        <v>76</v>
      </c>
      <c r="BR3" s="544"/>
      <c r="BS3" s="544"/>
      <c r="BT3" s="544"/>
      <c r="BU3" s="544"/>
      <c r="BV3" s="544"/>
      <c r="BW3" s="544"/>
      <c r="BX3" s="544"/>
      <c r="BY3" s="544"/>
      <c r="BZ3" s="544"/>
      <c r="CA3" s="545"/>
      <c r="CB3" s="543" t="s">
        <v>77</v>
      </c>
      <c r="CC3" s="544"/>
      <c r="CD3" s="544"/>
      <c r="CE3" s="544"/>
      <c r="CF3" s="544"/>
      <c r="CG3" s="544"/>
      <c r="CH3" s="544"/>
      <c r="CI3" s="544"/>
      <c r="CJ3" s="544"/>
      <c r="CK3" s="544"/>
      <c r="CL3" s="545"/>
      <c r="CM3" s="543" t="s">
        <v>78</v>
      </c>
      <c r="CN3" s="544"/>
      <c r="CO3" s="544"/>
      <c r="CP3" s="544"/>
      <c r="CQ3" s="544"/>
      <c r="CR3" s="544"/>
      <c r="CS3" s="544"/>
      <c r="CT3" s="544"/>
      <c r="CU3" s="544"/>
      <c r="CV3" s="544"/>
      <c r="CW3" s="545"/>
      <c r="CX3" s="543" t="s">
        <v>79</v>
      </c>
      <c r="CY3" s="544"/>
      <c r="CZ3" s="544"/>
      <c r="DA3" s="544"/>
      <c r="DB3" s="544"/>
      <c r="DC3" s="544"/>
      <c r="DD3" s="544"/>
      <c r="DE3" s="544"/>
      <c r="DF3" s="544"/>
      <c r="DG3" s="544"/>
      <c r="DH3" s="545"/>
      <c r="DI3" s="543" t="s">
        <v>152</v>
      </c>
      <c r="DJ3" s="544"/>
      <c r="DK3" s="544"/>
      <c r="DL3" s="544"/>
      <c r="DM3" s="544"/>
      <c r="DN3" s="544"/>
      <c r="DO3" s="544"/>
      <c r="DP3" s="544"/>
      <c r="DQ3" s="544"/>
      <c r="DR3" s="544"/>
      <c r="DS3" s="545"/>
      <c r="DT3" s="543" t="s">
        <v>80</v>
      </c>
      <c r="DU3" s="544"/>
      <c r="DV3" s="544"/>
      <c r="DW3" s="544"/>
      <c r="DX3" s="544"/>
      <c r="DY3" s="544"/>
      <c r="DZ3" s="544"/>
      <c r="EA3" s="544"/>
      <c r="EB3" s="544"/>
      <c r="EC3" s="544"/>
      <c r="ED3" s="545"/>
      <c r="EE3" s="543" t="s">
        <v>68</v>
      </c>
      <c r="EF3" s="544"/>
      <c r="EG3" s="544"/>
      <c r="EH3" s="544"/>
      <c r="EI3" s="544"/>
      <c r="EJ3" s="544"/>
      <c r="EK3" s="544"/>
      <c r="EL3" s="544"/>
      <c r="EM3" s="544"/>
      <c r="EN3" s="544"/>
      <c r="EO3" s="545"/>
      <c r="EP3" s="540" t="s">
        <v>69</v>
      </c>
      <c r="EQ3" s="541"/>
      <c r="ER3" s="541"/>
      <c r="ES3" s="541"/>
      <c r="ET3" s="541"/>
      <c r="EU3" s="541"/>
      <c r="EV3" s="541"/>
      <c r="EW3" s="541"/>
      <c r="EX3" s="541"/>
      <c r="EY3" s="541"/>
      <c r="EZ3" s="542"/>
    </row>
    <row r="4" spans="2:156" ht="21" customHeight="1" x14ac:dyDescent="0.2">
      <c r="B4" s="553"/>
      <c r="C4" s="551" t="s">
        <v>61</v>
      </c>
      <c r="D4" s="547"/>
      <c r="E4" s="548"/>
      <c r="F4" s="546" t="s">
        <v>62</v>
      </c>
      <c r="G4" s="547"/>
      <c r="H4" s="547"/>
      <c r="I4" s="547"/>
      <c r="J4" s="547"/>
      <c r="K4" s="547"/>
      <c r="L4" s="555"/>
      <c r="M4" s="549" t="s">
        <v>52</v>
      </c>
      <c r="N4" s="551" t="s">
        <v>61</v>
      </c>
      <c r="O4" s="547"/>
      <c r="P4" s="548"/>
      <c r="Q4" s="546" t="s">
        <v>62</v>
      </c>
      <c r="R4" s="547"/>
      <c r="S4" s="547"/>
      <c r="T4" s="547"/>
      <c r="U4" s="547"/>
      <c r="V4" s="547"/>
      <c r="W4" s="548"/>
      <c r="X4" s="549" t="s">
        <v>52</v>
      </c>
      <c r="Y4" s="551" t="s">
        <v>61</v>
      </c>
      <c r="Z4" s="547"/>
      <c r="AA4" s="548"/>
      <c r="AB4" s="546" t="s">
        <v>62</v>
      </c>
      <c r="AC4" s="547"/>
      <c r="AD4" s="547"/>
      <c r="AE4" s="547"/>
      <c r="AF4" s="547"/>
      <c r="AG4" s="547"/>
      <c r="AH4" s="548"/>
      <c r="AI4" s="549" t="s">
        <v>52</v>
      </c>
      <c r="AJ4" s="551" t="s">
        <v>61</v>
      </c>
      <c r="AK4" s="547"/>
      <c r="AL4" s="548"/>
      <c r="AM4" s="546" t="s">
        <v>62</v>
      </c>
      <c r="AN4" s="547"/>
      <c r="AO4" s="547"/>
      <c r="AP4" s="547"/>
      <c r="AQ4" s="547"/>
      <c r="AR4" s="547"/>
      <c r="AS4" s="548"/>
      <c r="AT4" s="549" t="s">
        <v>52</v>
      </c>
      <c r="AU4" s="551" t="s">
        <v>61</v>
      </c>
      <c r="AV4" s="547"/>
      <c r="AW4" s="548"/>
      <c r="AX4" s="546" t="s">
        <v>62</v>
      </c>
      <c r="AY4" s="547"/>
      <c r="AZ4" s="547"/>
      <c r="BA4" s="547"/>
      <c r="BB4" s="547"/>
      <c r="BC4" s="547"/>
      <c r="BD4" s="555"/>
      <c r="BE4" s="549" t="s">
        <v>52</v>
      </c>
      <c r="BF4" s="551" t="s">
        <v>61</v>
      </c>
      <c r="BG4" s="547"/>
      <c r="BH4" s="548"/>
      <c r="BI4" s="546" t="s">
        <v>62</v>
      </c>
      <c r="BJ4" s="547"/>
      <c r="BK4" s="547"/>
      <c r="BL4" s="547"/>
      <c r="BM4" s="547"/>
      <c r="BN4" s="547"/>
      <c r="BO4" s="548"/>
      <c r="BP4" s="549" t="s">
        <v>52</v>
      </c>
      <c r="BQ4" s="551" t="s">
        <v>61</v>
      </c>
      <c r="BR4" s="547"/>
      <c r="BS4" s="548"/>
      <c r="BT4" s="546" t="s">
        <v>62</v>
      </c>
      <c r="BU4" s="547"/>
      <c r="BV4" s="547"/>
      <c r="BW4" s="547"/>
      <c r="BX4" s="547"/>
      <c r="BY4" s="547"/>
      <c r="BZ4" s="548"/>
      <c r="CA4" s="549" t="s">
        <v>52</v>
      </c>
      <c r="CB4" s="551" t="s">
        <v>61</v>
      </c>
      <c r="CC4" s="547"/>
      <c r="CD4" s="548"/>
      <c r="CE4" s="546" t="s">
        <v>62</v>
      </c>
      <c r="CF4" s="547"/>
      <c r="CG4" s="547"/>
      <c r="CH4" s="547"/>
      <c r="CI4" s="547"/>
      <c r="CJ4" s="547"/>
      <c r="CK4" s="548"/>
      <c r="CL4" s="549" t="s">
        <v>52</v>
      </c>
      <c r="CM4" s="551" t="s">
        <v>61</v>
      </c>
      <c r="CN4" s="547"/>
      <c r="CO4" s="548"/>
      <c r="CP4" s="546" t="s">
        <v>62</v>
      </c>
      <c r="CQ4" s="547"/>
      <c r="CR4" s="547"/>
      <c r="CS4" s="547"/>
      <c r="CT4" s="547"/>
      <c r="CU4" s="547"/>
      <c r="CV4" s="548"/>
      <c r="CW4" s="549" t="s">
        <v>52</v>
      </c>
      <c r="CX4" s="551" t="s">
        <v>61</v>
      </c>
      <c r="CY4" s="547"/>
      <c r="CZ4" s="548"/>
      <c r="DA4" s="546" t="s">
        <v>62</v>
      </c>
      <c r="DB4" s="547"/>
      <c r="DC4" s="547"/>
      <c r="DD4" s="547"/>
      <c r="DE4" s="547"/>
      <c r="DF4" s="547"/>
      <c r="DG4" s="548"/>
      <c r="DH4" s="549" t="s">
        <v>52</v>
      </c>
      <c r="DI4" s="551" t="s">
        <v>61</v>
      </c>
      <c r="DJ4" s="547"/>
      <c r="DK4" s="548"/>
      <c r="DL4" s="546" t="s">
        <v>62</v>
      </c>
      <c r="DM4" s="547"/>
      <c r="DN4" s="547"/>
      <c r="DO4" s="547"/>
      <c r="DP4" s="547"/>
      <c r="DQ4" s="547"/>
      <c r="DR4" s="548"/>
      <c r="DS4" s="549" t="s">
        <v>52</v>
      </c>
      <c r="DT4" s="551" t="s">
        <v>61</v>
      </c>
      <c r="DU4" s="547"/>
      <c r="DV4" s="548"/>
      <c r="DW4" s="546" t="s">
        <v>62</v>
      </c>
      <c r="DX4" s="547"/>
      <c r="DY4" s="547"/>
      <c r="DZ4" s="547"/>
      <c r="EA4" s="547"/>
      <c r="EB4" s="547"/>
      <c r="EC4" s="548"/>
      <c r="ED4" s="549" t="s">
        <v>52</v>
      </c>
      <c r="EE4" s="551" t="s">
        <v>61</v>
      </c>
      <c r="EF4" s="547"/>
      <c r="EG4" s="548"/>
      <c r="EH4" s="546" t="s">
        <v>62</v>
      </c>
      <c r="EI4" s="547"/>
      <c r="EJ4" s="547"/>
      <c r="EK4" s="547"/>
      <c r="EL4" s="547"/>
      <c r="EM4" s="547"/>
      <c r="EN4" s="548"/>
      <c r="EO4" s="549" t="s">
        <v>52</v>
      </c>
      <c r="EP4" s="551" t="s">
        <v>61</v>
      </c>
      <c r="EQ4" s="547"/>
      <c r="ER4" s="548"/>
      <c r="ES4" s="546" t="s">
        <v>62</v>
      </c>
      <c r="ET4" s="547"/>
      <c r="EU4" s="547"/>
      <c r="EV4" s="547"/>
      <c r="EW4" s="547"/>
      <c r="EX4" s="547"/>
      <c r="EY4" s="548"/>
      <c r="EZ4" s="549" t="s">
        <v>52</v>
      </c>
    </row>
    <row r="5" spans="2:156" ht="30" customHeight="1" thickBot="1" x14ac:dyDescent="0.25">
      <c r="B5" s="554"/>
      <c r="C5" s="323" t="s">
        <v>43</v>
      </c>
      <c r="D5" s="259" t="s">
        <v>44</v>
      </c>
      <c r="E5" s="382" t="s">
        <v>45</v>
      </c>
      <c r="F5" s="267" t="s">
        <v>83</v>
      </c>
      <c r="G5" s="259" t="s">
        <v>47</v>
      </c>
      <c r="H5" s="259" t="s">
        <v>48</v>
      </c>
      <c r="I5" s="259" t="s">
        <v>49</v>
      </c>
      <c r="J5" s="259" t="s">
        <v>50</v>
      </c>
      <c r="K5" s="259" t="s">
        <v>51</v>
      </c>
      <c r="L5" s="268" t="s">
        <v>45</v>
      </c>
      <c r="M5" s="550"/>
      <c r="N5" s="323" t="s">
        <v>43</v>
      </c>
      <c r="O5" s="259" t="s">
        <v>44</v>
      </c>
      <c r="P5" s="265" t="s">
        <v>45</v>
      </c>
      <c r="Q5" s="267" t="s">
        <v>83</v>
      </c>
      <c r="R5" s="259" t="s">
        <v>47</v>
      </c>
      <c r="S5" s="259" t="s">
        <v>48</v>
      </c>
      <c r="T5" s="259" t="s">
        <v>49</v>
      </c>
      <c r="U5" s="259" t="s">
        <v>50</v>
      </c>
      <c r="V5" s="259" t="s">
        <v>51</v>
      </c>
      <c r="W5" s="265" t="s">
        <v>45</v>
      </c>
      <c r="X5" s="550"/>
      <c r="Y5" s="323" t="s">
        <v>43</v>
      </c>
      <c r="Z5" s="259" t="s">
        <v>44</v>
      </c>
      <c r="AA5" s="265" t="s">
        <v>45</v>
      </c>
      <c r="AB5" s="267" t="s">
        <v>83</v>
      </c>
      <c r="AC5" s="259" t="s">
        <v>47</v>
      </c>
      <c r="AD5" s="259" t="s">
        <v>48</v>
      </c>
      <c r="AE5" s="259" t="s">
        <v>49</v>
      </c>
      <c r="AF5" s="259" t="s">
        <v>50</v>
      </c>
      <c r="AG5" s="259" t="s">
        <v>51</v>
      </c>
      <c r="AH5" s="265" t="s">
        <v>45</v>
      </c>
      <c r="AI5" s="550"/>
      <c r="AJ5" s="323" t="s">
        <v>43</v>
      </c>
      <c r="AK5" s="259" t="s">
        <v>44</v>
      </c>
      <c r="AL5" s="265" t="s">
        <v>45</v>
      </c>
      <c r="AM5" s="267" t="s">
        <v>83</v>
      </c>
      <c r="AN5" s="259" t="s">
        <v>47</v>
      </c>
      <c r="AO5" s="259" t="s">
        <v>48</v>
      </c>
      <c r="AP5" s="259" t="s">
        <v>49</v>
      </c>
      <c r="AQ5" s="259" t="s">
        <v>50</v>
      </c>
      <c r="AR5" s="259" t="s">
        <v>51</v>
      </c>
      <c r="AS5" s="265" t="s">
        <v>45</v>
      </c>
      <c r="AT5" s="550"/>
      <c r="AU5" s="323" t="s">
        <v>43</v>
      </c>
      <c r="AV5" s="259" t="s">
        <v>44</v>
      </c>
      <c r="AW5" s="265" t="s">
        <v>45</v>
      </c>
      <c r="AX5" s="267" t="s">
        <v>83</v>
      </c>
      <c r="AY5" s="259" t="s">
        <v>47</v>
      </c>
      <c r="AZ5" s="259" t="s">
        <v>48</v>
      </c>
      <c r="BA5" s="259" t="s">
        <v>49</v>
      </c>
      <c r="BB5" s="259" t="s">
        <v>50</v>
      </c>
      <c r="BC5" s="259" t="s">
        <v>51</v>
      </c>
      <c r="BD5" s="268" t="s">
        <v>45</v>
      </c>
      <c r="BE5" s="550"/>
      <c r="BF5" s="323" t="s">
        <v>43</v>
      </c>
      <c r="BG5" s="259" t="s">
        <v>44</v>
      </c>
      <c r="BH5" s="265" t="s">
        <v>45</v>
      </c>
      <c r="BI5" s="267" t="s">
        <v>83</v>
      </c>
      <c r="BJ5" s="259" t="s">
        <v>47</v>
      </c>
      <c r="BK5" s="259" t="s">
        <v>48</v>
      </c>
      <c r="BL5" s="259" t="s">
        <v>49</v>
      </c>
      <c r="BM5" s="259" t="s">
        <v>50</v>
      </c>
      <c r="BN5" s="259" t="s">
        <v>51</v>
      </c>
      <c r="BO5" s="265" t="s">
        <v>45</v>
      </c>
      <c r="BP5" s="550"/>
      <c r="BQ5" s="323" t="s">
        <v>43</v>
      </c>
      <c r="BR5" s="259" t="s">
        <v>44</v>
      </c>
      <c r="BS5" s="265" t="s">
        <v>45</v>
      </c>
      <c r="BT5" s="267" t="s">
        <v>83</v>
      </c>
      <c r="BU5" s="259" t="s">
        <v>47</v>
      </c>
      <c r="BV5" s="259" t="s">
        <v>48</v>
      </c>
      <c r="BW5" s="259" t="s">
        <v>49</v>
      </c>
      <c r="BX5" s="259" t="s">
        <v>50</v>
      </c>
      <c r="BY5" s="259" t="s">
        <v>51</v>
      </c>
      <c r="BZ5" s="265" t="s">
        <v>45</v>
      </c>
      <c r="CA5" s="550"/>
      <c r="CB5" s="323" t="s">
        <v>43</v>
      </c>
      <c r="CC5" s="259" t="s">
        <v>44</v>
      </c>
      <c r="CD5" s="265" t="s">
        <v>45</v>
      </c>
      <c r="CE5" s="267" t="s">
        <v>83</v>
      </c>
      <c r="CF5" s="259" t="s">
        <v>47</v>
      </c>
      <c r="CG5" s="259" t="s">
        <v>48</v>
      </c>
      <c r="CH5" s="259" t="s">
        <v>49</v>
      </c>
      <c r="CI5" s="259" t="s">
        <v>50</v>
      </c>
      <c r="CJ5" s="259" t="s">
        <v>51</v>
      </c>
      <c r="CK5" s="265" t="s">
        <v>45</v>
      </c>
      <c r="CL5" s="550"/>
      <c r="CM5" s="323" t="s">
        <v>43</v>
      </c>
      <c r="CN5" s="259" t="s">
        <v>44</v>
      </c>
      <c r="CO5" s="265" t="s">
        <v>45</v>
      </c>
      <c r="CP5" s="267" t="s">
        <v>83</v>
      </c>
      <c r="CQ5" s="259" t="s">
        <v>47</v>
      </c>
      <c r="CR5" s="259" t="s">
        <v>48</v>
      </c>
      <c r="CS5" s="259" t="s">
        <v>49</v>
      </c>
      <c r="CT5" s="259" t="s">
        <v>50</v>
      </c>
      <c r="CU5" s="259" t="s">
        <v>51</v>
      </c>
      <c r="CV5" s="265" t="s">
        <v>45</v>
      </c>
      <c r="CW5" s="550"/>
      <c r="CX5" s="323" t="s">
        <v>43</v>
      </c>
      <c r="CY5" s="259" t="s">
        <v>44</v>
      </c>
      <c r="CZ5" s="265" t="s">
        <v>45</v>
      </c>
      <c r="DA5" s="267" t="s">
        <v>83</v>
      </c>
      <c r="DB5" s="259" t="s">
        <v>47</v>
      </c>
      <c r="DC5" s="259" t="s">
        <v>48</v>
      </c>
      <c r="DD5" s="259" t="s">
        <v>49</v>
      </c>
      <c r="DE5" s="259" t="s">
        <v>50</v>
      </c>
      <c r="DF5" s="259" t="s">
        <v>51</v>
      </c>
      <c r="DG5" s="265" t="s">
        <v>45</v>
      </c>
      <c r="DH5" s="550"/>
      <c r="DI5" s="344" t="s">
        <v>43</v>
      </c>
      <c r="DJ5" s="259" t="s">
        <v>44</v>
      </c>
      <c r="DK5" s="265" t="s">
        <v>45</v>
      </c>
      <c r="DL5" s="267" t="s">
        <v>83</v>
      </c>
      <c r="DM5" s="259" t="s">
        <v>47</v>
      </c>
      <c r="DN5" s="259" t="s">
        <v>48</v>
      </c>
      <c r="DO5" s="259" t="s">
        <v>49</v>
      </c>
      <c r="DP5" s="259" t="s">
        <v>50</v>
      </c>
      <c r="DQ5" s="259" t="s">
        <v>51</v>
      </c>
      <c r="DR5" s="265" t="s">
        <v>45</v>
      </c>
      <c r="DS5" s="550"/>
      <c r="DT5" s="323" t="s">
        <v>43</v>
      </c>
      <c r="DU5" s="259" t="s">
        <v>44</v>
      </c>
      <c r="DV5" s="265" t="s">
        <v>45</v>
      </c>
      <c r="DW5" s="267" t="s">
        <v>83</v>
      </c>
      <c r="DX5" s="259" t="s">
        <v>47</v>
      </c>
      <c r="DY5" s="259" t="s">
        <v>48</v>
      </c>
      <c r="DZ5" s="259" t="s">
        <v>49</v>
      </c>
      <c r="EA5" s="259" t="s">
        <v>50</v>
      </c>
      <c r="EB5" s="259" t="s">
        <v>51</v>
      </c>
      <c r="EC5" s="265" t="s">
        <v>45</v>
      </c>
      <c r="ED5" s="550"/>
      <c r="EE5" s="323" t="s">
        <v>43</v>
      </c>
      <c r="EF5" s="259" t="s">
        <v>44</v>
      </c>
      <c r="EG5" s="265" t="s">
        <v>45</v>
      </c>
      <c r="EH5" s="267" t="s">
        <v>83</v>
      </c>
      <c r="EI5" s="259" t="s">
        <v>47</v>
      </c>
      <c r="EJ5" s="259" t="s">
        <v>48</v>
      </c>
      <c r="EK5" s="259" t="s">
        <v>49</v>
      </c>
      <c r="EL5" s="259" t="s">
        <v>50</v>
      </c>
      <c r="EM5" s="259" t="s">
        <v>51</v>
      </c>
      <c r="EN5" s="265" t="s">
        <v>45</v>
      </c>
      <c r="EO5" s="550"/>
      <c r="EP5" s="323" t="s">
        <v>43</v>
      </c>
      <c r="EQ5" s="259" t="s">
        <v>44</v>
      </c>
      <c r="ER5" s="265" t="s">
        <v>45</v>
      </c>
      <c r="ES5" s="267" t="s">
        <v>83</v>
      </c>
      <c r="ET5" s="259" t="s">
        <v>47</v>
      </c>
      <c r="EU5" s="259" t="s">
        <v>48</v>
      </c>
      <c r="EV5" s="259" t="s">
        <v>49</v>
      </c>
      <c r="EW5" s="259" t="s">
        <v>50</v>
      </c>
      <c r="EX5" s="259" t="s">
        <v>51</v>
      </c>
      <c r="EY5" s="265" t="s">
        <v>45</v>
      </c>
      <c r="EZ5" s="550"/>
    </row>
    <row r="6" spans="2:156" ht="21" customHeight="1" x14ac:dyDescent="0.2">
      <c r="B6" s="260" t="s">
        <v>4</v>
      </c>
      <c r="C6" s="269">
        <v>0</v>
      </c>
      <c r="D6" s="273">
        <v>0</v>
      </c>
      <c r="E6" s="383">
        <v>0</v>
      </c>
      <c r="F6" s="272">
        <v>0</v>
      </c>
      <c r="G6" s="273">
        <v>1285</v>
      </c>
      <c r="H6" s="273">
        <v>1345</v>
      </c>
      <c r="I6" s="273">
        <v>810</v>
      </c>
      <c r="J6" s="273">
        <v>591</v>
      </c>
      <c r="K6" s="273">
        <v>414</v>
      </c>
      <c r="L6" s="274">
        <v>4445</v>
      </c>
      <c r="M6" s="275">
        <v>4445</v>
      </c>
      <c r="N6" s="269">
        <v>1</v>
      </c>
      <c r="O6" s="273">
        <v>2</v>
      </c>
      <c r="P6" s="270">
        <v>3</v>
      </c>
      <c r="Q6" s="272">
        <v>0</v>
      </c>
      <c r="R6" s="273">
        <v>6</v>
      </c>
      <c r="S6" s="273">
        <v>37</v>
      </c>
      <c r="T6" s="273">
        <v>62</v>
      </c>
      <c r="U6" s="273">
        <v>134</v>
      </c>
      <c r="V6" s="273">
        <v>205</v>
      </c>
      <c r="W6" s="270">
        <v>444</v>
      </c>
      <c r="X6" s="275">
        <v>447</v>
      </c>
      <c r="Y6" s="269">
        <v>181</v>
      </c>
      <c r="Z6" s="273">
        <v>377</v>
      </c>
      <c r="AA6" s="270">
        <v>558</v>
      </c>
      <c r="AB6" s="272">
        <v>0</v>
      </c>
      <c r="AC6" s="273">
        <v>964</v>
      </c>
      <c r="AD6" s="273">
        <v>1217</v>
      </c>
      <c r="AE6" s="273">
        <v>751</v>
      </c>
      <c r="AF6" s="273">
        <v>596</v>
      </c>
      <c r="AG6" s="273">
        <v>396</v>
      </c>
      <c r="AH6" s="270">
        <v>3924</v>
      </c>
      <c r="AI6" s="275">
        <v>4482</v>
      </c>
      <c r="AJ6" s="269">
        <v>12</v>
      </c>
      <c r="AK6" s="273">
        <v>45</v>
      </c>
      <c r="AL6" s="270">
        <v>57</v>
      </c>
      <c r="AM6" s="272">
        <v>0</v>
      </c>
      <c r="AN6" s="273">
        <v>69</v>
      </c>
      <c r="AO6" s="273">
        <v>125</v>
      </c>
      <c r="AP6" s="273">
        <v>71</v>
      </c>
      <c r="AQ6" s="273">
        <v>76</v>
      </c>
      <c r="AR6" s="273">
        <v>28</v>
      </c>
      <c r="AS6" s="270">
        <v>369</v>
      </c>
      <c r="AT6" s="275">
        <v>426</v>
      </c>
      <c r="AU6" s="269">
        <v>285</v>
      </c>
      <c r="AV6" s="273">
        <v>329</v>
      </c>
      <c r="AW6" s="270">
        <v>614</v>
      </c>
      <c r="AX6" s="272">
        <v>0</v>
      </c>
      <c r="AY6" s="273">
        <v>1345</v>
      </c>
      <c r="AZ6" s="273">
        <v>1602</v>
      </c>
      <c r="BA6" s="273">
        <v>1448</v>
      </c>
      <c r="BB6" s="273">
        <v>1288</v>
      </c>
      <c r="BC6" s="273">
        <v>868</v>
      </c>
      <c r="BD6" s="274">
        <v>6551</v>
      </c>
      <c r="BE6" s="275">
        <v>7165</v>
      </c>
      <c r="BF6" s="269">
        <v>0</v>
      </c>
      <c r="BG6" s="273">
        <v>0</v>
      </c>
      <c r="BH6" s="270">
        <v>0</v>
      </c>
      <c r="BI6" s="272">
        <v>0</v>
      </c>
      <c r="BJ6" s="273">
        <v>1653</v>
      </c>
      <c r="BK6" s="273">
        <v>1449</v>
      </c>
      <c r="BL6" s="273">
        <v>793</v>
      </c>
      <c r="BM6" s="273">
        <v>367</v>
      </c>
      <c r="BN6" s="273">
        <v>158</v>
      </c>
      <c r="BO6" s="270">
        <v>4420</v>
      </c>
      <c r="BP6" s="275">
        <v>4420</v>
      </c>
      <c r="BQ6" s="269">
        <v>123</v>
      </c>
      <c r="BR6" s="273">
        <v>158</v>
      </c>
      <c r="BS6" s="270">
        <v>281</v>
      </c>
      <c r="BT6" s="272">
        <v>0</v>
      </c>
      <c r="BU6" s="273">
        <v>372</v>
      </c>
      <c r="BV6" s="273">
        <v>524</v>
      </c>
      <c r="BW6" s="273">
        <v>295</v>
      </c>
      <c r="BX6" s="273">
        <v>174</v>
      </c>
      <c r="BY6" s="273">
        <v>58</v>
      </c>
      <c r="BZ6" s="270">
        <v>1423</v>
      </c>
      <c r="CA6" s="275">
        <v>1704</v>
      </c>
      <c r="CB6" s="269">
        <v>9</v>
      </c>
      <c r="CC6" s="273">
        <v>21</v>
      </c>
      <c r="CD6" s="270">
        <v>30</v>
      </c>
      <c r="CE6" s="272">
        <v>0</v>
      </c>
      <c r="CF6" s="273">
        <v>187</v>
      </c>
      <c r="CG6" s="273">
        <v>252</v>
      </c>
      <c r="CH6" s="273">
        <v>310</v>
      </c>
      <c r="CI6" s="273">
        <v>225</v>
      </c>
      <c r="CJ6" s="273">
        <v>94</v>
      </c>
      <c r="CK6" s="270">
        <v>1068</v>
      </c>
      <c r="CL6" s="275">
        <v>1098</v>
      </c>
      <c r="CM6" s="269">
        <v>0</v>
      </c>
      <c r="CN6" s="273">
        <v>2</v>
      </c>
      <c r="CO6" s="270">
        <v>2</v>
      </c>
      <c r="CP6" s="272">
        <v>0</v>
      </c>
      <c r="CQ6" s="273">
        <v>22</v>
      </c>
      <c r="CR6" s="273">
        <v>42</v>
      </c>
      <c r="CS6" s="273">
        <v>47</v>
      </c>
      <c r="CT6" s="273">
        <v>45</v>
      </c>
      <c r="CU6" s="273">
        <v>21</v>
      </c>
      <c r="CV6" s="270">
        <v>177</v>
      </c>
      <c r="CW6" s="275">
        <v>179</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648</v>
      </c>
      <c r="DU6" s="273">
        <v>1214</v>
      </c>
      <c r="DV6" s="270">
        <v>1862</v>
      </c>
      <c r="DW6" s="272">
        <v>0</v>
      </c>
      <c r="DX6" s="273">
        <v>1804</v>
      </c>
      <c r="DY6" s="273">
        <v>3061</v>
      </c>
      <c r="DZ6" s="273">
        <v>1852</v>
      </c>
      <c r="EA6" s="273">
        <v>1349</v>
      </c>
      <c r="EB6" s="273">
        <v>766</v>
      </c>
      <c r="EC6" s="270">
        <v>8832</v>
      </c>
      <c r="ED6" s="275">
        <v>10694</v>
      </c>
      <c r="EE6" s="269">
        <v>179</v>
      </c>
      <c r="EF6" s="273">
        <v>142</v>
      </c>
      <c r="EG6" s="270">
        <v>321</v>
      </c>
      <c r="EH6" s="272">
        <v>0</v>
      </c>
      <c r="EI6" s="273">
        <v>550</v>
      </c>
      <c r="EJ6" s="273">
        <v>494</v>
      </c>
      <c r="EK6" s="273">
        <v>461</v>
      </c>
      <c r="EL6" s="273">
        <v>447</v>
      </c>
      <c r="EM6" s="273">
        <v>250</v>
      </c>
      <c r="EN6" s="270">
        <v>2202</v>
      </c>
      <c r="EO6" s="275">
        <v>2523</v>
      </c>
      <c r="EP6" s="269">
        <v>903</v>
      </c>
      <c r="EQ6" s="273">
        <v>1564</v>
      </c>
      <c r="ER6" s="270">
        <v>2467</v>
      </c>
      <c r="ES6" s="272">
        <v>0</v>
      </c>
      <c r="ET6" s="273">
        <v>4348</v>
      </c>
      <c r="EU6" s="273">
        <v>4306</v>
      </c>
      <c r="EV6" s="273">
        <v>2269</v>
      </c>
      <c r="EW6" s="273">
        <v>1443</v>
      </c>
      <c r="EX6" s="273">
        <v>784</v>
      </c>
      <c r="EY6" s="270">
        <v>13150</v>
      </c>
      <c r="EZ6" s="275">
        <v>15617</v>
      </c>
    </row>
    <row r="7" spans="2:156" ht="21" customHeight="1" x14ac:dyDescent="0.2">
      <c r="B7" s="261" t="s">
        <v>5</v>
      </c>
      <c r="C7" s="276">
        <v>0</v>
      </c>
      <c r="D7" s="280">
        <v>0</v>
      </c>
      <c r="E7" s="384">
        <v>0</v>
      </c>
      <c r="F7" s="279">
        <v>0</v>
      </c>
      <c r="G7" s="280">
        <v>535</v>
      </c>
      <c r="H7" s="280">
        <v>679</v>
      </c>
      <c r="I7" s="280">
        <v>374</v>
      </c>
      <c r="J7" s="280">
        <v>269</v>
      </c>
      <c r="K7" s="280">
        <v>189</v>
      </c>
      <c r="L7" s="281">
        <v>2046</v>
      </c>
      <c r="M7" s="282">
        <v>2046</v>
      </c>
      <c r="N7" s="276">
        <v>0</v>
      </c>
      <c r="O7" s="280">
        <v>1</v>
      </c>
      <c r="P7" s="277">
        <v>1</v>
      </c>
      <c r="Q7" s="279">
        <v>0</v>
      </c>
      <c r="R7" s="280">
        <v>2</v>
      </c>
      <c r="S7" s="280">
        <v>14</v>
      </c>
      <c r="T7" s="280">
        <v>22</v>
      </c>
      <c r="U7" s="280">
        <v>63</v>
      </c>
      <c r="V7" s="280">
        <v>96</v>
      </c>
      <c r="W7" s="277">
        <v>197</v>
      </c>
      <c r="X7" s="282">
        <v>198</v>
      </c>
      <c r="Y7" s="276">
        <v>86</v>
      </c>
      <c r="Z7" s="280">
        <v>210</v>
      </c>
      <c r="AA7" s="277">
        <v>296</v>
      </c>
      <c r="AB7" s="279">
        <v>0</v>
      </c>
      <c r="AC7" s="280">
        <v>363</v>
      </c>
      <c r="AD7" s="280">
        <v>643</v>
      </c>
      <c r="AE7" s="280">
        <v>363</v>
      </c>
      <c r="AF7" s="280">
        <v>287</v>
      </c>
      <c r="AG7" s="280">
        <v>180</v>
      </c>
      <c r="AH7" s="277">
        <v>1836</v>
      </c>
      <c r="AI7" s="282">
        <v>2132</v>
      </c>
      <c r="AJ7" s="276">
        <v>6</v>
      </c>
      <c r="AK7" s="280">
        <v>24</v>
      </c>
      <c r="AL7" s="277">
        <v>30</v>
      </c>
      <c r="AM7" s="279">
        <v>0</v>
      </c>
      <c r="AN7" s="280">
        <v>15</v>
      </c>
      <c r="AO7" s="280">
        <v>57</v>
      </c>
      <c r="AP7" s="280">
        <v>27</v>
      </c>
      <c r="AQ7" s="280">
        <v>29</v>
      </c>
      <c r="AR7" s="280">
        <v>11</v>
      </c>
      <c r="AS7" s="277">
        <v>139</v>
      </c>
      <c r="AT7" s="282">
        <v>169</v>
      </c>
      <c r="AU7" s="276">
        <v>131</v>
      </c>
      <c r="AV7" s="280">
        <v>179</v>
      </c>
      <c r="AW7" s="277">
        <v>310</v>
      </c>
      <c r="AX7" s="279">
        <v>0</v>
      </c>
      <c r="AY7" s="280">
        <v>473</v>
      </c>
      <c r="AZ7" s="280">
        <v>751</v>
      </c>
      <c r="BA7" s="280">
        <v>632</v>
      </c>
      <c r="BB7" s="280">
        <v>538</v>
      </c>
      <c r="BC7" s="280">
        <v>380</v>
      </c>
      <c r="BD7" s="281">
        <v>2774</v>
      </c>
      <c r="BE7" s="282">
        <v>3084</v>
      </c>
      <c r="BF7" s="276">
        <v>0</v>
      </c>
      <c r="BG7" s="280">
        <v>0</v>
      </c>
      <c r="BH7" s="277">
        <v>0</v>
      </c>
      <c r="BI7" s="279">
        <v>0</v>
      </c>
      <c r="BJ7" s="280">
        <v>633</v>
      </c>
      <c r="BK7" s="280">
        <v>650</v>
      </c>
      <c r="BL7" s="280">
        <v>309</v>
      </c>
      <c r="BM7" s="280">
        <v>133</v>
      </c>
      <c r="BN7" s="280">
        <v>59</v>
      </c>
      <c r="BO7" s="277">
        <v>1784</v>
      </c>
      <c r="BP7" s="282">
        <v>1784</v>
      </c>
      <c r="BQ7" s="276">
        <v>57</v>
      </c>
      <c r="BR7" s="280">
        <v>85</v>
      </c>
      <c r="BS7" s="277">
        <v>142</v>
      </c>
      <c r="BT7" s="279">
        <v>0</v>
      </c>
      <c r="BU7" s="280">
        <v>131</v>
      </c>
      <c r="BV7" s="280">
        <v>236</v>
      </c>
      <c r="BW7" s="280">
        <v>149</v>
      </c>
      <c r="BX7" s="280">
        <v>74</v>
      </c>
      <c r="BY7" s="280">
        <v>26</v>
      </c>
      <c r="BZ7" s="277">
        <v>616</v>
      </c>
      <c r="CA7" s="282">
        <v>758</v>
      </c>
      <c r="CB7" s="276">
        <v>1</v>
      </c>
      <c r="CC7" s="280">
        <v>10</v>
      </c>
      <c r="CD7" s="277">
        <v>11</v>
      </c>
      <c r="CE7" s="279">
        <v>0</v>
      </c>
      <c r="CF7" s="280">
        <v>63</v>
      </c>
      <c r="CG7" s="280">
        <v>101</v>
      </c>
      <c r="CH7" s="280">
        <v>125</v>
      </c>
      <c r="CI7" s="280">
        <v>87</v>
      </c>
      <c r="CJ7" s="280">
        <v>36</v>
      </c>
      <c r="CK7" s="277">
        <v>412</v>
      </c>
      <c r="CL7" s="282">
        <v>423</v>
      </c>
      <c r="CM7" s="276">
        <v>0</v>
      </c>
      <c r="CN7" s="280">
        <v>0</v>
      </c>
      <c r="CO7" s="277">
        <v>0</v>
      </c>
      <c r="CP7" s="279">
        <v>0</v>
      </c>
      <c r="CQ7" s="280">
        <v>11</v>
      </c>
      <c r="CR7" s="280">
        <v>24</v>
      </c>
      <c r="CS7" s="280">
        <v>33</v>
      </c>
      <c r="CT7" s="280">
        <v>29</v>
      </c>
      <c r="CU7" s="280">
        <v>17</v>
      </c>
      <c r="CV7" s="277">
        <v>114</v>
      </c>
      <c r="CW7" s="282">
        <v>114</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50</v>
      </c>
      <c r="DU7" s="280">
        <v>569</v>
      </c>
      <c r="DV7" s="277">
        <v>819</v>
      </c>
      <c r="DW7" s="279">
        <v>0</v>
      </c>
      <c r="DX7" s="280">
        <v>581</v>
      </c>
      <c r="DY7" s="280">
        <v>1390</v>
      </c>
      <c r="DZ7" s="280">
        <v>810</v>
      </c>
      <c r="EA7" s="280">
        <v>557</v>
      </c>
      <c r="EB7" s="280">
        <v>330</v>
      </c>
      <c r="EC7" s="277">
        <v>3668</v>
      </c>
      <c r="ED7" s="282">
        <v>4487</v>
      </c>
      <c r="EE7" s="276">
        <v>71</v>
      </c>
      <c r="EF7" s="280">
        <v>64</v>
      </c>
      <c r="EG7" s="277">
        <v>135</v>
      </c>
      <c r="EH7" s="279">
        <v>0</v>
      </c>
      <c r="EI7" s="280">
        <v>201</v>
      </c>
      <c r="EJ7" s="280">
        <v>241</v>
      </c>
      <c r="EK7" s="280">
        <v>217</v>
      </c>
      <c r="EL7" s="280">
        <v>204</v>
      </c>
      <c r="EM7" s="280">
        <v>118</v>
      </c>
      <c r="EN7" s="277">
        <v>981</v>
      </c>
      <c r="EO7" s="282">
        <v>1116</v>
      </c>
      <c r="EP7" s="276">
        <v>362</v>
      </c>
      <c r="EQ7" s="280">
        <v>761</v>
      </c>
      <c r="ER7" s="277">
        <v>1123</v>
      </c>
      <c r="ES7" s="279">
        <v>0</v>
      </c>
      <c r="ET7" s="280">
        <v>1621</v>
      </c>
      <c r="EU7" s="280">
        <v>2050</v>
      </c>
      <c r="EV7" s="280">
        <v>1016</v>
      </c>
      <c r="EW7" s="280">
        <v>610</v>
      </c>
      <c r="EX7" s="280">
        <v>345</v>
      </c>
      <c r="EY7" s="277">
        <v>5642</v>
      </c>
      <c r="EZ7" s="282">
        <v>6765</v>
      </c>
    </row>
    <row r="8" spans="2:156" ht="21" customHeight="1" x14ac:dyDescent="0.2">
      <c r="B8" s="261" t="s">
        <v>6</v>
      </c>
      <c r="C8" s="276">
        <v>0</v>
      </c>
      <c r="D8" s="280">
        <v>0</v>
      </c>
      <c r="E8" s="384">
        <v>0</v>
      </c>
      <c r="F8" s="279">
        <v>0</v>
      </c>
      <c r="G8" s="280">
        <v>182</v>
      </c>
      <c r="H8" s="280">
        <v>143</v>
      </c>
      <c r="I8" s="280">
        <v>93</v>
      </c>
      <c r="J8" s="280">
        <v>78</v>
      </c>
      <c r="K8" s="280">
        <v>60</v>
      </c>
      <c r="L8" s="281">
        <v>556</v>
      </c>
      <c r="M8" s="282">
        <v>556</v>
      </c>
      <c r="N8" s="276">
        <v>0</v>
      </c>
      <c r="O8" s="280">
        <v>0</v>
      </c>
      <c r="P8" s="277">
        <v>0</v>
      </c>
      <c r="Q8" s="279">
        <v>0</v>
      </c>
      <c r="R8" s="280">
        <v>2</v>
      </c>
      <c r="S8" s="280">
        <v>5</v>
      </c>
      <c r="T8" s="280">
        <v>6</v>
      </c>
      <c r="U8" s="280">
        <v>12</v>
      </c>
      <c r="V8" s="280">
        <v>27</v>
      </c>
      <c r="W8" s="277">
        <v>52</v>
      </c>
      <c r="X8" s="282">
        <v>52</v>
      </c>
      <c r="Y8" s="276">
        <v>21</v>
      </c>
      <c r="Z8" s="280">
        <v>42</v>
      </c>
      <c r="AA8" s="277">
        <v>63</v>
      </c>
      <c r="AB8" s="279">
        <v>0</v>
      </c>
      <c r="AC8" s="280">
        <v>134</v>
      </c>
      <c r="AD8" s="280">
        <v>129</v>
      </c>
      <c r="AE8" s="280">
        <v>81</v>
      </c>
      <c r="AF8" s="280">
        <v>86</v>
      </c>
      <c r="AG8" s="280">
        <v>58</v>
      </c>
      <c r="AH8" s="277">
        <v>488</v>
      </c>
      <c r="AI8" s="282">
        <v>551</v>
      </c>
      <c r="AJ8" s="276">
        <v>1</v>
      </c>
      <c r="AK8" s="280">
        <v>0</v>
      </c>
      <c r="AL8" s="277">
        <v>1</v>
      </c>
      <c r="AM8" s="279">
        <v>0</v>
      </c>
      <c r="AN8" s="280">
        <v>11</v>
      </c>
      <c r="AO8" s="280">
        <v>14</v>
      </c>
      <c r="AP8" s="280">
        <v>9</v>
      </c>
      <c r="AQ8" s="280">
        <v>12</v>
      </c>
      <c r="AR8" s="280">
        <v>4</v>
      </c>
      <c r="AS8" s="277">
        <v>50</v>
      </c>
      <c r="AT8" s="282">
        <v>51</v>
      </c>
      <c r="AU8" s="276">
        <v>45</v>
      </c>
      <c r="AV8" s="280">
        <v>36</v>
      </c>
      <c r="AW8" s="277">
        <v>81</v>
      </c>
      <c r="AX8" s="279">
        <v>0</v>
      </c>
      <c r="AY8" s="280">
        <v>219</v>
      </c>
      <c r="AZ8" s="280">
        <v>206</v>
      </c>
      <c r="BA8" s="280">
        <v>203</v>
      </c>
      <c r="BB8" s="280">
        <v>198</v>
      </c>
      <c r="BC8" s="280">
        <v>140</v>
      </c>
      <c r="BD8" s="281">
        <v>966</v>
      </c>
      <c r="BE8" s="282">
        <v>1047</v>
      </c>
      <c r="BF8" s="276">
        <v>0</v>
      </c>
      <c r="BG8" s="280">
        <v>0</v>
      </c>
      <c r="BH8" s="277">
        <v>0</v>
      </c>
      <c r="BI8" s="279">
        <v>0</v>
      </c>
      <c r="BJ8" s="280">
        <v>232</v>
      </c>
      <c r="BK8" s="280">
        <v>159</v>
      </c>
      <c r="BL8" s="280">
        <v>90</v>
      </c>
      <c r="BM8" s="280">
        <v>52</v>
      </c>
      <c r="BN8" s="280">
        <v>23</v>
      </c>
      <c r="BO8" s="277">
        <v>556</v>
      </c>
      <c r="BP8" s="282">
        <v>556</v>
      </c>
      <c r="BQ8" s="276">
        <v>6</v>
      </c>
      <c r="BR8" s="280">
        <v>10</v>
      </c>
      <c r="BS8" s="277">
        <v>16</v>
      </c>
      <c r="BT8" s="279">
        <v>0</v>
      </c>
      <c r="BU8" s="280">
        <v>48</v>
      </c>
      <c r="BV8" s="280">
        <v>54</v>
      </c>
      <c r="BW8" s="280">
        <v>35</v>
      </c>
      <c r="BX8" s="280">
        <v>23</v>
      </c>
      <c r="BY8" s="280">
        <v>11</v>
      </c>
      <c r="BZ8" s="277">
        <v>171</v>
      </c>
      <c r="CA8" s="282">
        <v>187</v>
      </c>
      <c r="CB8" s="276">
        <v>4</v>
      </c>
      <c r="CC8" s="280">
        <v>2</v>
      </c>
      <c r="CD8" s="277">
        <v>6</v>
      </c>
      <c r="CE8" s="279">
        <v>0</v>
      </c>
      <c r="CF8" s="280">
        <v>20</v>
      </c>
      <c r="CG8" s="280">
        <v>25</v>
      </c>
      <c r="CH8" s="280">
        <v>23</v>
      </c>
      <c r="CI8" s="280">
        <v>18</v>
      </c>
      <c r="CJ8" s="280">
        <v>12</v>
      </c>
      <c r="CK8" s="277">
        <v>98</v>
      </c>
      <c r="CL8" s="282">
        <v>104</v>
      </c>
      <c r="CM8" s="276">
        <v>0</v>
      </c>
      <c r="CN8" s="280">
        <v>1</v>
      </c>
      <c r="CO8" s="277">
        <v>1</v>
      </c>
      <c r="CP8" s="279">
        <v>0</v>
      </c>
      <c r="CQ8" s="280">
        <v>4</v>
      </c>
      <c r="CR8" s="280">
        <v>3</v>
      </c>
      <c r="CS8" s="280">
        <v>5</v>
      </c>
      <c r="CT8" s="280">
        <v>8</v>
      </c>
      <c r="CU8" s="280">
        <v>1</v>
      </c>
      <c r="CV8" s="277">
        <v>21</v>
      </c>
      <c r="CW8" s="282">
        <v>22</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88</v>
      </c>
      <c r="DU8" s="280">
        <v>112</v>
      </c>
      <c r="DV8" s="277">
        <v>200</v>
      </c>
      <c r="DW8" s="279">
        <v>0</v>
      </c>
      <c r="DX8" s="280">
        <v>257</v>
      </c>
      <c r="DY8" s="280">
        <v>332</v>
      </c>
      <c r="DZ8" s="280">
        <v>214</v>
      </c>
      <c r="EA8" s="280">
        <v>195</v>
      </c>
      <c r="EB8" s="280">
        <v>124</v>
      </c>
      <c r="EC8" s="277">
        <v>1122</v>
      </c>
      <c r="ED8" s="282">
        <v>1322</v>
      </c>
      <c r="EE8" s="276">
        <v>35</v>
      </c>
      <c r="EF8" s="280">
        <v>20</v>
      </c>
      <c r="EG8" s="277">
        <v>55</v>
      </c>
      <c r="EH8" s="279">
        <v>0</v>
      </c>
      <c r="EI8" s="280">
        <v>76</v>
      </c>
      <c r="EJ8" s="280">
        <v>62</v>
      </c>
      <c r="EK8" s="280">
        <v>64</v>
      </c>
      <c r="EL8" s="280">
        <v>55</v>
      </c>
      <c r="EM8" s="280">
        <v>36</v>
      </c>
      <c r="EN8" s="277">
        <v>293</v>
      </c>
      <c r="EO8" s="282">
        <v>348</v>
      </c>
      <c r="EP8" s="276">
        <v>108</v>
      </c>
      <c r="EQ8" s="280">
        <v>144</v>
      </c>
      <c r="ER8" s="277">
        <v>252</v>
      </c>
      <c r="ES8" s="279">
        <v>0</v>
      </c>
      <c r="ET8" s="280">
        <v>596</v>
      </c>
      <c r="EU8" s="280">
        <v>450</v>
      </c>
      <c r="EV8" s="280">
        <v>261</v>
      </c>
      <c r="EW8" s="280">
        <v>198</v>
      </c>
      <c r="EX8" s="280">
        <v>130</v>
      </c>
      <c r="EY8" s="277">
        <v>1635</v>
      </c>
      <c r="EZ8" s="282">
        <v>1887</v>
      </c>
    </row>
    <row r="9" spans="2:156" ht="21" customHeight="1" x14ac:dyDescent="0.2">
      <c r="B9" s="261" t="s">
        <v>14</v>
      </c>
      <c r="C9" s="276">
        <v>0</v>
      </c>
      <c r="D9" s="280">
        <v>0</v>
      </c>
      <c r="E9" s="384">
        <v>0</v>
      </c>
      <c r="F9" s="279">
        <v>0</v>
      </c>
      <c r="G9" s="280">
        <v>78</v>
      </c>
      <c r="H9" s="280">
        <v>96</v>
      </c>
      <c r="I9" s="280">
        <v>59</v>
      </c>
      <c r="J9" s="280">
        <v>23</v>
      </c>
      <c r="K9" s="280">
        <v>24</v>
      </c>
      <c r="L9" s="281">
        <v>280</v>
      </c>
      <c r="M9" s="282">
        <v>280</v>
      </c>
      <c r="N9" s="276">
        <v>0</v>
      </c>
      <c r="O9" s="280">
        <v>1</v>
      </c>
      <c r="P9" s="277">
        <v>1</v>
      </c>
      <c r="Q9" s="279">
        <v>0</v>
      </c>
      <c r="R9" s="280">
        <v>0</v>
      </c>
      <c r="S9" s="280">
        <v>0</v>
      </c>
      <c r="T9" s="280">
        <v>2</v>
      </c>
      <c r="U9" s="280">
        <v>6</v>
      </c>
      <c r="V9" s="280">
        <v>9</v>
      </c>
      <c r="W9" s="277">
        <v>17</v>
      </c>
      <c r="X9" s="282">
        <v>18</v>
      </c>
      <c r="Y9" s="276">
        <v>3</v>
      </c>
      <c r="Z9" s="280">
        <v>24</v>
      </c>
      <c r="AA9" s="277">
        <v>27</v>
      </c>
      <c r="AB9" s="279">
        <v>0</v>
      </c>
      <c r="AC9" s="280">
        <v>59</v>
      </c>
      <c r="AD9" s="280">
        <v>87</v>
      </c>
      <c r="AE9" s="280">
        <v>63</v>
      </c>
      <c r="AF9" s="280">
        <v>31</v>
      </c>
      <c r="AG9" s="280">
        <v>21</v>
      </c>
      <c r="AH9" s="277">
        <v>261</v>
      </c>
      <c r="AI9" s="282">
        <v>288</v>
      </c>
      <c r="AJ9" s="276">
        <v>0</v>
      </c>
      <c r="AK9" s="280">
        <v>3</v>
      </c>
      <c r="AL9" s="277">
        <v>3</v>
      </c>
      <c r="AM9" s="279">
        <v>0</v>
      </c>
      <c r="AN9" s="280">
        <v>1</v>
      </c>
      <c r="AO9" s="280">
        <v>2</v>
      </c>
      <c r="AP9" s="280">
        <v>1</v>
      </c>
      <c r="AQ9" s="280">
        <v>3</v>
      </c>
      <c r="AR9" s="280">
        <v>1</v>
      </c>
      <c r="AS9" s="277">
        <v>8</v>
      </c>
      <c r="AT9" s="282">
        <v>11</v>
      </c>
      <c r="AU9" s="276">
        <v>17</v>
      </c>
      <c r="AV9" s="280">
        <v>25</v>
      </c>
      <c r="AW9" s="277">
        <v>42</v>
      </c>
      <c r="AX9" s="279">
        <v>0</v>
      </c>
      <c r="AY9" s="280">
        <v>98</v>
      </c>
      <c r="AZ9" s="280">
        <v>110</v>
      </c>
      <c r="BA9" s="280">
        <v>118</v>
      </c>
      <c r="BB9" s="280">
        <v>88</v>
      </c>
      <c r="BC9" s="280">
        <v>51</v>
      </c>
      <c r="BD9" s="281">
        <v>465</v>
      </c>
      <c r="BE9" s="282">
        <v>507</v>
      </c>
      <c r="BF9" s="276">
        <v>0</v>
      </c>
      <c r="BG9" s="280">
        <v>0</v>
      </c>
      <c r="BH9" s="277">
        <v>0</v>
      </c>
      <c r="BI9" s="279">
        <v>0</v>
      </c>
      <c r="BJ9" s="280">
        <v>122</v>
      </c>
      <c r="BK9" s="280">
        <v>122</v>
      </c>
      <c r="BL9" s="280">
        <v>76</v>
      </c>
      <c r="BM9" s="280">
        <v>36</v>
      </c>
      <c r="BN9" s="280">
        <v>10</v>
      </c>
      <c r="BO9" s="277">
        <v>366</v>
      </c>
      <c r="BP9" s="282">
        <v>366</v>
      </c>
      <c r="BQ9" s="276">
        <v>8</v>
      </c>
      <c r="BR9" s="280">
        <v>9</v>
      </c>
      <c r="BS9" s="277">
        <v>17</v>
      </c>
      <c r="BT9" s="279">
        <v>0</v>
      </c>
      <c r="BU9" s="280">
        <v>12</v>
      </c>
      <c r="BV9" s="280">
        <v>29</v>
      </c>
      <c r="BW9" s="280">
        <v>11</v>
      </c>
      <c r="BX9" s="280">
        <v>13</v>
      </c>
      <c r="BY9" s="280">
        <v>1</v>
      </c>
      <c r="BZ9" s="277">
        <v>66</v>
      </c>
      <c r="CA9" s="282">
        <v>83</v>
      </c>
      <c r="CB9" s="276">
        <v>1</v>
      </c>
      <c r="CC9" s="280">
        <v>1</v>
      </c>
      <c r="CD9" s="277">
        <v>2</v>
      </c>
      <c r="CE9" s="279">
        <v>0</v>
      </c>
      <c r="CF9" s="280">
        <v>9</v>
      </c>
      <c r="CG9" s="280">
        <v>21</v>
      </c>
      <c r="CH9" s="280">
        <v>24</v>
      </c>
      <c r="CI9" s="280">
        <v>12</v>
      </c>
      <c r="CJ9" s="280">
        <v>4</v>
      </c>
      <c r="CK9" s="277">
        <v>70</v>
      </c>
      <c r="CL9" s="282">
        <v>72</v>
      </c>
      <c r="CM9" s="276">
        <v>0</v>
      </c>
      <c r="CN9" s="280">
        <v>0</v>
      </c>
      <c r="CO9" s="277">
        <v>0</v>
      </c>
      <c r="CP9" s="279">
        <v>0</v>
      </c>
      <c r="CQ9" s="280">
        <v>0</v>
      </c>
      <c r="CR9" s="280">
        <v>1</v>
      </c>
      <c r="CS9" s="280">
        <v>1</v>
      </c>
      <c r="CT9" s="280">
        <v>0</v>
      </c>
      <c r="CU9" s="280">
        <v>0</v>
      </c>
      <c r="CV9" s="277">
        <v>2</v>
      </c>
      <c r="CW9" s="282">
        <v>2</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37</v>
      </c>
      <c r="DU9" s="280">
        <v>114</v>
      </c>
      <c r="DV9" s="277">
        <v>151</v>
      </c>
      <c r="DW9" s="279">
        <v>0</v>
      </c>
      <c r="DX9" s="280">
        <v>118</v>
      </c>
      <c r="DY9" s="280">
        <v>240</v>
      </c>
      <c r="DZ9" s="280">
        <v>144</v>
      </c>
      <c r="EA9" s="280">
        <v>93</v>
      </c>
      <c r="EB9" s="280">
        <v>41</v>
      </c>
      <c r="EC9" s="277">
        <v>636</v>
      </c>
      <c r="ED9" s="282">
        <v>787</v>
      </c>
      <c r="EE9" s="276">
        <v>14</v>
      </c>
      <c r="EF9" s="280">
        <v>13</v>
      </c>
      <c r="EG9" s="277">
        <v>27</v>
      </c>
      <c r="EH9" s="279">
        <v>0</v>
      </c>
      <c r="EI9" s="280">
        <v>35</v>
      </c>
      <c r="EJ9" s="280">
        <v>25</v>
      </c>
      <c r="EK9" s="280">
        <v>31</v>
      </c>
      <c r="EL9" s="280">
        <v>18</v>
      </c>
      <c r="EM9" s="280">
        <v>14</v>
      </c>
      <c r="EN9" s="277">
        <v>123</v>
      </c>
      <c r="EO9" s="282">
        <v>150</v>
      </c>
      <c r="EP9" s="276">
        <v>47</v>
      </c>
      <c r="EQ9" s="280">
        <v>132</v>
      </c>
      <c r="ER9" s="277">
        <v>179</v>
      </c>
      <c r="ES9" s="279">
        <v>0</v>
      </c>
      <c r="ET9" s="280">
        <v>296</v>
      </c>
      <c r="EU9" s="280">
        <v>338</v>
      </c>
      <c r="EV9" s="280">
        <v>181</v>
      </c>
      <c r="EW9" s="280">
        <v>100</v>
      </c>
      <c r="EX9" s="280">
        <v>41</v>
      </c>
      <c r="EY9" s="277">
        <v>956</v>
      </c>
      <c r="EZ9" s="282">
        <v>1135</v>
      </c>
    </row>
    <row r="10" spans="2:156" ht="21" customHeight="1" x14ac:dyDescent="0.2">
      <c r="B10" s="261" t="s">
        <v>7</v>
      </c>
      <c r="C10" s="276">
        <v>0</v>
      </c>
      <c r="D10" s="280">
        <v>0</v>
      </c>
      <c r="E10" s="384">
        <v>0</v>
      </c>
      <c r="F10" s="279">
        <v>0</v>
      </c>
      <c r="G10" s="280">
        <v>125</v>
      </c>
      <c r="H10" s="280">
        <v>88</v>
      </c>
      <c r="I10" s="280">
        <v>56</v>
      </c>
      <c r="J10" s="280">
        <v>46</v>
      </c>
      <c r="K10" s="280">
        <v>25</v>
      </c>
      <c r="L10" s="281">
        <v>340</v>
      </c>
      <c r="M10" s="282">
        <v>340</v>
      </c>
      <c r="N10" s="276">
        <v>0</v>
      </c>
      <c r="O10" s="280">
        <v>0</v>
      </c>
      <c r="P10" s="277">
        <v>0</v>
      </c>
      <c r="Q10" s="279">
        <v>0</v>
      </c>
      <c r="R10" s="280">
        <v>1</v>
      </c>
      <c r="S10" s="280">
        <v>8</v>
      </c>
      <c r="T10" s="280">
        <v>12</v>
      </c>
      <c r="U10" s="280">
        <v>15</v>
      </c>
      <c r="V10" s="280">
        <v>12</v>
      </c>
      <c r="W10" s="277">
        <v>48</v>
      </c>
      <c r="X10" s="282">
        <v>48</v>
      </c>
      <c r="Y10" s="276">
        <v>2</v>
      </c>
      <c r="Z10" s="280">
        <v>5</v>
      </c>
      <c r="AA10" s="277">
        <v>7</v>
      </c>
      <c r="AB10" s="279">
        <v>0</v>
      </c>
      <c r="AC10" s="280">
        <v>62</v>
      </c>
      <c r="AD10" s="280">
        <v>49</v>
      </c>
      <c r="AE10" s="280">
        <v>30</v>
      </c>
      <c r="AF10" s="280">
        <v>21</v>
      </c>
      <c r="AG10" s="280">
        <v>15</v>
      </c>
      <c r="AH10" s="277">
        <v>177</v>
      </c>
      <c r="AI10" s="282">
        <v>184</v>
      </c>
      <c r="AJ10" s="276">
        <v>0</v>
      </c>
      <c r="AK10" s="280">
        <v>0</v>
      </c>
      <c r="AL10" s="277">
        <v>0</v>
      </c>
      <c r="AM10" s="279">
        <v>0</v>
      </c>
      <c r="AN10" s="280">
        <v>8</v>
      </c>
      <c r="AO10" s="280">
        <v>3</v>
      </c>
      <c r="AP10" s="280">
        <v>8</v>
      </c>
      <c r="AQ10" s="280">
        <v>4</v>
      </c>
      <c r="AR10" s="280">
        <v>0</v>
      </c>
      <c r="AS10" s="277">
        <v>23</v>
      </c>
      <c r="AT10" s="282">
        <v>23</v>
      </c>
      <c r="AU10" s="276">
        <v>12</v>
      </c>
      <c r="AV10" s="280">
        <v>12</v>
      </c>
      <c r="AW10" s="277">
        <v>24</v>
      </c>
      <c r="AX10" s="279">
        <v>0</v>
      </c>
      <c r="AY10" s="280">
        <v>132</v>
      </c>
      <c r="AZ10" s="280">
        <v>104</v>
      </c>
      <c r="BA10" s="280">
        <v>94</v>
      </c>
      <c r="BB10" s="280">
        <v>89</v>
      </c>
      <c r="BC10" s="280">
        <v>48</v>
      </c>
      <c r="BD10" s="281">
        <v>467</v>
      </c>
      <c r="BE10" s="282">
        <v>491</v>
      </c>
      <c r="BF10" s="276">
        <v>0</v>
      </c>
      <c r="BG10" s="280">
        <v>0</v>
      </c>
      <c r="BH10" s="277">
        <v>0</v>
      </c>
      <c r="BI10" s="279">
        <v>0</v>
      </c>
      <c r="BJ10" s="280">
        <v>149</v>
      </c>
      <c r="BK10" s="280">
        <v>97</v>
      </c>
      <c r="BL10" s="280">
        <v>55</v>
      </c>
      <c r="BM10" s="280">
        <v>21</v>
      </c>
      <c r="BN10" s="280">
        <v>9</v>
      </c>
      <c r="BO10" s="277">
        <v>331</v>
      </c>
      <c r="BP10" s="282">
        <v>331</v>
      </c>
      <c r="BQ10" s="276">
        <v>3</v>
      </c>
      <c r="BR10" s="280">
        <v>0</v>
      </c>
      <c r="BS10" s="277">
        <v>3</v>
      </c>
      <c r="BT10" s="279">
        <v>0</v>
      </c>
      <c r="BU10" s="280">
        <v>24</v>
      </c>
      <c r="BV10" s="280">
        <v>26</v>
      </c>
      <c r="BW10" s="280">
        <v>14</v>
      </c>
      <c r="BX10" s="280">
        <v>6</v>
      </c>
      <c r="BY10" s="280">
        <v>0</v>
      </c>
      <c r="BZ10" s="277">
        <v>70</v>
      </c>
      <c r="CA10" s="282">
        <v>73</v>
      </c>
      <c r="CB10" s="276">
        <v>0</v>
      </c>
      <c r="CC10" s="280">
        <v>0</v>
      </c>
      <c r="CD10" s="277">
        <v>0</v>
      </c>
      <c r="CE10" s="279">
        <v>0</v>
      </c>
      <c r="CF10" s="280">
        <v>26</v>
      </c>
      <c r="CG10" s="280">
        <v>26</v>
      </c>
      <c r="CH10" s="280">
        <v>23</v>
      </c>
      <c r="CI10" s="280">
        <v>14</v>
      </c>
      <c r="CJ10" s="280">
        <v>7</v>
      </c>
      <c r="CK10" s="277">
        <v>96</v>
      </c>
      <c r="CL10" s="282">
        <v>96</v>
      </c>
      <c r="CM10" s="276">
        <v>0</v>
      </c>
      <c r="CN10" s="280">
        <v>0</v>
      </c>
      <c r="CO10" s="277">
        <v>0</v>
      </c>
      <c r="CP10" s="279">
        <v>0</v>
      </c>
      <c r="CQ10" s="280">
        <v>1</v>
      </c>
      <c r="CR10" s="280">
        <v>2</v>
      </c>
      <c r="CS10" s="280">
        <v>0</v>
      </c>
      <c r="CT10" s="280">
        <v>0</v>
      </c>
      <c r="CU10" s="280">
        <v>0</v>
      </c>
      <c r="CV10" s="277">
        <v>3</v>
      </c>
      <c r="CW10" s="282">
        <v>3</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32</v>
      </c>
      <c r="DU10" s="280">
        <v>38</v>
      </c>
      <c r="DV10" s="277">
        <v>70</v>
      </c>
      <c r="DW10" s="279">
        <v>0</v>
      </c>
      <c r="DX10" s="280">
        <v>158</v>
      </c>
      <c r="DY10" s="280">
        <v>214</v>
      </c>
      <c r="DZ10" s="280">
        <v>112</v>
      </c>
      <c r="EA10" s="280">
        <v>78</v>
      </c>
      <c r="EB10" s="280">
        <v>38</v>
      </c>
      <c r="EC10" s="277">
        <v>600</v>
      </c>
      <c r="ED10" s="282">
        <v>670</v>
      </c>
      <c r="EE10" s="276">
        <v>9</v>
      </c>
      <c r="EF10" s="280">
        <v>4</v>
      </c>
      <c r="EG10" s="277">
        <v>13</v>
      </c>
      <c r="EH10" s="279">
        <v>0</v>
      </c>
      <c r="EI10" s="280">
        <v>57</v>
      </c>
      <c r="EJ10" s="280">
        <v>33</v>
      </c>
      <c r="EK10" s="280">
        <v>27</v>
      </c>
      <c r="EL10" s="280">
        <v>34</v>
      </c>
      <c r="EM10" s="280">
        <v>12</v>
      </c>
      <c r="EN10" s="277">
        <v>163</v>
      </c>
      <c r="EO10" s="282">
        <v>176</v>
      </c>
      <c r="EP10" s="276">
        <v>36</v>
      </c>
      <c r="EQ10" s="280">
        <v>40</v>
      </c>
      <c r="ER10" s="277">
        <v>76</v>
      </c>
      <c r="ES10" s="279">
        <v>0</v>
      </c>
      <c r="ET10" s="280">
        <v>385</v>
      </c>
      <c r="EU10" s="280">
        <v>282</v>
      </c>
      <c r="EV10" s="280">
        <v>141</v>
      </c>
      <c r="EW10" s="280">
        <v>86</v>
      </c>
      <c r="EX10" s="280">
        <v>40</v>
      </c>
      <c r="EY10" s="277">
        <v>934</v>
      </c>
      <c r="EZ10" s="282">
        <v>1010</v>
      </c>
    </row>
    <row r="11" spans="2:156" ht="21" customHeight="1" x14ac:dyDescent="0.2">
      <c r="B11" s="261" t="s">
        <v>8</v>
      </c>
      <c r="C11" s="276">
        <v>0</v>
      </c>
      <c r="D11" s="280">
        <v>0</v>
      </c>
      <c r="E11" s="384">
        <v>0</v>
      </c>
      <c r="F11" s="279">
        <v>0</v>
      </c>
      <c r="G11" s="280">
        <v>22</v>
      </c>
      <c r="H11" s="280">
        <v>34</v>
      </c>
      <c r="I11" s="280">
        <v>19</v>
      </c>
      <c r="J11" s="280">
        <v>7</v>
      </c>
      <c r="K11" s="280">
        <v>10</v>
      </c>
      <c r="L11" s="281">
        <v>92</v>
      </c>
      <c r="M11" s="282">
        <v>92</v>
      </c>
      <c r="N11" s="276">
        <v>0</v>
      </c>
      <c r="O11" s="280">
        <v>0</v>
      </c>
      <c r="P11" s="277">
        <v>0</v>
      </c>
      <c r="Q11" s="279">
        <v>0</v>
      </c>
      <c r="R11" s="280">
        <v>0</v>
      </c>
      <c r="S11" s="280">
        <v>0</v>
      </c>
      <c r="T11" s="280">
        <v>1</v>
      </c>
      <c r="U11" s="280">
        <v>2</v>
      </c>
      <c r="V11" s="280">
        <v>5</v>
      </c>
      <c r="W11" s="277">
        <v>8</v>
      </c>
      <c r="X11" s="282">
        <v>8</v>
      </c>
      <c r="Y11" s="276">
        <v>3</v>
      </c>
      <c r="Z11" s="280">
        <v>8</v>
      </c>
      <c r="AA11" s="277">
        <v>11</v>
      </c>
      <c r="AB11" s="279">
        <v>0</v>
      </c>
      <c r="AC11" s="280">
        <v>24</v>
      </c>
      <c r="AD11" s="280">
        <v>27</v>
      </c>
      <c r="AE11" s="280">
        <v>23</v>
      </c>
      <c r="AF11" s="280">
        <v>17</v>
      </c>
      <c r="AG11" s="280">
        <v>12</v>
      </c>
      <c r="AH11" s="277">
        <v>103</v>
      </c>
      <c r="AI11" s="282">
        <v>114</v>
      </c>
      <c r="AJ11" s="276">
        <v>0</v>
      </c>
      <c r="AK11" s="280">
        <v>1</v>
      </c>
      <c r="AL11" s="277">
        <v>1</v>
      </c>
      <c r="AM11" s="279">
        <v>0</v>
      </c>
      <c r="AN11" s="280">
        <v>2</v>
      </c>
      <c r="AO11" s="280">
        <v>3</v>
      </c>
      <c r="AP11" s="280">
        <v>4</v>
      </c>
      <c r="AQ11" s="280">
        <v>2</v>
      </c>
      <c r="AR11" s="280">
        <v>1</v>
      </c>
      <c r="AS11" s="277">
        <v>12</v>
      </c>
      <c r="AT11" s="282">
        <v>13</v>
      </c>
      <c r="AU11" s="276">
        <v>7</v>
      </c>
      <c r="AV11" s="280">
        <v>6</v>
      </c>
      <c r="AW11" s="277">
        <v>13</v>
      </c>
      <c r="AX11" s="279">
        <v>0</v>
      </c>
      <c r="AY11" s="280">
        <v>33</v>
      </c>
      <c r="AZ11" s="280">
        <v>38</v>
      </c>
      <c r="BA11" s="280">
        <v>31</v>
      </c>
      <c r="BB11" s="280">
        <v>28</v>
      </c>
      <c r="BC11" s="280">
        <v>19</v>
      </c>
      <c r="BD11" s="281">
        <v>149</v>
      </c>
      <c r="BE11" s="282">
        <v>162</v>
      </c>
      <c r="BF11" s="276">
        <v>0</v>
      </c>
      <c r="BG11" s="280">
        <v>0</v>
      </c>
      <c r="BH11" s="277">
        <v>0</v>
      </c>
      <c r="BI11" s="279">
        <v>0</v>
      </c>
      <c r="BJ11" s="280">
        <v>33</v>
      </c>
      <c r="BK11" s="280">
        <v>42</v>
      </c>
      <c r="BL11" s="280">
        <v>23</v>
      </c>
      <c r="BM11" s="280">
        <v>10</v>
      </c>
      <c r="BN11" s="280">
        <v>3</v>
      </c>
      <c r="BO11" s="277">
        <v>111</v>
      </c>
      <c r="BP11" s="282">
        <v>111</v>
      </c>
      <c r="BQ11" s="276">
        <v>6</v>
      </c>
      <c r="BR11" s="280">
        <v>3</v>
      </c>
      <c r="BS11" s="277">
        <v>9</v>
      </c>
      <c r="BT11" s="279">
        <v>0</v>
      </c>
      <c r="BU11" s="280">
        <v>9</v>
      </c>
      <c r="BV11" s="280">
        <v>9</v>
      </c>
      <c r="BW11" s="280">
        <v>6</v>
      </c>
      <c r="BX11" s="280">
        <v>4</v>
      </c>
      <c r="BY11" s="280">
        <v>0</v>
      </c>
      <c r="BZ11" s="277">
        <v>28</v>
      </c>
      <c r="CA11" s="282">
        <v>37</v>
      </c>
      <c r="CB11" s="276">
        <v>1</v>
      </c>
      <c r="CC11" s="280">
        <v>0</v>
      </c>
      <c r="CD11" s="277">
        <v>1</v>
      </c>
      <c r="CE11" s="279">
        <v>0</v>
      </c>
      <c r="CF11" s="280">
        <v>8</v>
      </c>
      <c r="CG11" s="280">
        <v>2</v>
      </c>
      <c r="CH11" s="280">
        <v>11</v>
      </c>
      <c r="CI11" s="280">
        <v>4</v>
      </c>
      <c r="CJ11" s="280">
        <v>2</v>
      </c>
      <c r="CK11" s="277">
        <v>27</v>
      </c>
      <c r="CL11" s="282">
        <v>28</v>
      </c>
      <c r="CM11" s="276">
        <v>0</v>
      </c>
      <c r="CN11" s="280">
        <v>0</v>
      </c>
      <c r="CO11" s="277">
        <v>0</v>
      </c>
      <c r="CP11" s="279">
        <v>0</v>
      </c>
      <c r="CQ11" s="280">
        <v>0</v>
      </c>
      <c r="CR11" s="280">
        <v>1</v>
      </c>
      <c r="CS11" s="280">
        <v>0</v>
      </c>
      <c r="CT11" s="280">
        <v>0</v>
      </c>
      <c r="CU11" s="280">
        <v>0</v>
      </c>
      <c r="CV11" s="277">
        <v>1</v>
      </c>
      <c r="CW11" s="282">
        <v>1</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23</v>
      </c>
      <c r="DU11" s="280">
        <v>17</v>
      </c>
      <c r="DV11" s="277">
        <v>40</v>
      </c>
      <c r="DW11" s="279">
        <v>0</v>
      </c>
      <c r="DX11" s="280">
        <v>55</v>
      </c>
      <c r="DY11" s="280">
        <v>90</v>
      </c>
      <c r="DZ11" s="280">
        <v>51</v>
      </c>
      <c r="EA11" s="280">
        <v>31</v>
      </c>
      <c r="EB11" s="280">
        <v>17</v>
      </c>
      <c r="EC11" s="277">
        <v>244</v>
      </c>
      <c r="ED11" s="282">
        <v>284</v>
      </c>
      <c r="EE11" s="276">
        <v>6</v>
      </c>
      <c r="EF11" s="280">
        <v>4</v>
      </c>
      <c r="EG11" s="277">
        <v>10</v>
      </c>
      <c r="EH11" s="279">
        <v>0</v>
      </c>
      <c r="EI11" s="280">
        <v>11</v>
      </c>
      <c r="EJ11" s="280">
        <v>8</v>
      </c>
      <c r="EK11" s="280">
        <v>10</v>
      </c>
      <c r="EL11" s="280">
        <v>6</v>
      </c>
      <c r="EM11" s="280">
        <v>8</v>
      </c>
      <c r="EN11" s="277">
        <v>43</v>
      </c>
      <c r="EO11" s="282">
        <v>53</v>
      </c>
      <c r="EP11" s="276">
        <v>34</v>
      </c>
      <c r="EQ11" s="280">
        <v>26</v>
      </c>
      <c r="ER11" s="277">
        <v>60</v>
      </c>
      <c r="ES11" s="279">
        <v>0</v>
      </c>
      <c r="ET11" s="280">
        <v>109</v>
      </c>
      <c r="EU11" s="280">
        <v>112</v>
      </c>
      <c r="EV11" s="280">
        <v>59</v>
      </c>
      <c r="EW11" s="280">
        <v>32</v>
      </c>
      <c r="EX11" s="280">
        <v>17</v>
      </c>
      <c r="EY11" s="277">
        <v>329</v>
      </c>
      <c r="EZ11" s="282">
        <v>389</v>
      </c>
    </row>
    <row r="12" spans="2:156" ht="21" customHeight="1" x14ac:dyDescent="0.2">
      <c r="B12" s="261" t="s">
        <v>9</v>
      </c>
      <c r="C12" s="276">
        <v>0</v>
      </c>
      <c r="D12" s="280">
        <v>0</v>
      </c>
      <c r="E12" s="384">
        <v>0</v>
      </c>
      <c r="F12" s="279">
        <v>0</v>
      </c>
      <c r="G12" s="280">
        <v>53</v>
      </c>
      <c r="H12" s="280">
        <v>48</v>
      </c>
      <c r="I12" s="280">
        <v>37</v>
      </c>
      <c r="J12" s="280">
        <v>29</v>
      </c>
      <c r="K12" s="280">
        <v>22</v>
      </c>
      <c r="L12" s="281">
        <v>189</v>
      </c>
      <c r="M12" s="282">
        <v>189</v>
      </c>
      <c r="N12" s="276">
        <v>0</v>
      </c>
      <c r="O12" s="280">
        <v>0</v>
      </c>
      <c r="P12" s="277">
        <v>0</v>
      </c>
      <c r="Q12" s="279">
        <v>0</v>
      </c>
      <c r="R12" s="280">
        <v>0</v>
      </c>
      <c r="S12" s="280">
        <v>0</v>
      </c>
      <c r="T12" s="280">
        <v>3</v>
      </c>
      <c r="U12" s="280">
        <v>3</v>
      </c>
      <c r="V12" s="280">
        <v>7</v>
      </c>
      <c r="W12" s="277">
        <v>13</v>
      </c>
      <c r="X12" s="282">
        <v>13</v>
      </c>
      <c r="Y12" s="276">
        <v>3</v>
      </c>
      <c r="Z12" s="280">
        <v>9</v>
      </c>
      <c r="AA12" s="277">
        <v>12</v>
      </c>
      <c r="AB12" s="279">
        <v>0</v>
      </c>
      <c r="AC12" s="280">
        <v>47</v>
      </c>
      <c r="AD12" s="280">
        <v>25</v>
      </c>
      <c r="AE12" s="280">
        <v>27</v>
      </c>
      <c r="AF12" s="280">
        <v>27</v>
      </c>
      <c r="AG12" s="280">
        <v>20</v>
      </c>
      <c r="AH12" s="277">
        <v>146</v>
      </c>
      <c r="AI12" s="282">
        <v>158</v>
      </c>
      <c r="AJ12" s="276">
        <v>0</v>
      </c>
      <c r="AK12" s="280">
        <v>0</v>
      </c>
      <c r="AL12" s="277">
        <v>0</v>
      </c>
      <c r="AM12" s="279">
        <v>0</v>
      </c>
      <c r="AN12" s="280">
        <v>1</v>
      </c>
      <c r="AO12" s="280">
        <v>5</v>
      </c>
      <c r="AP12" s="280">
        <v>6</v>
      </c>
      <c r="AQ12" s="280">
        <v>6</v>
      </c>
      <c r="AR12" s="280">
        <v>2</v>
      </c>
      <c r="AS12" s="277">
        <v>20</v>
      </c>
      <c r="AT12" s="282">
        <v>20</v>
      </c>
      <c r="AU12" s="276">
        <v>12</v>
      </c>
      <c r="AV12" s="280">
        <v>7</v>
      </c>
      <c r="AW12" s="277">
        <v>19</v>
      </c>
      <c r="AX12" s="279">
        <v>0</v>
      </c>
      <c r="AY12" s="280">
        <v>61</v>
      </c>
      <c r="AZ12" s="280">
        <v>44</v>
      </c>
      <c r="BA12" s="280">
        <v>57</v>
      </c>
      <c r="BB12" s="280">
        <v>42</v>
      </c>
      <c r="BC12" s="280">
        <v>33</v>
      </c>
      <c r="BD12" s="281">
        <v>237</v>
      </c>
      <c r="BE12" s="282">
        <v>256</v>
      </c>
      <c r="BF12" s="276">
        <v>0</v>
      </c>
      <c r="BG12" s="280">
        <v>0</v>
      </c>
      <c r="BH12" s="277">
        <v>0</v>
      </c>
      <c r="BI12" s="279">
        <v>0</v>
      </c>
      <c r="BJ12" s="280">
        <v>44</v>
      </c>
      <c r="BK12" s="280">
        <v>43</v>
      </c>
      <c r="BL12" s="280">
        <v>33</v>
      </c>
      <c r="BM12" s="280">
        <v>15</v>
      </c>
      <c r="BN12" s="280">
        <v>8</v>
      </c>
      <c r="BO12" s="277">
        <v>143</v>
      </c>
      <c r="BP12" s="282">
        <v>143</v>
      </c>
      <c r="BQ12" s="276">
        <v>0</v>
      </c>
      <c r="BR12" s="280">
        <v>4</v>
      </c>
      <c r="BS12" s="277">
        <v>4</v>
      </c>
      <c r="BT12" s="279">
        <v>0</v>
      </c>
      <c r="BU12" s="280">
        <v>18</v>
      </c>
      <c r="BV12" s="280">
        <v>22</v>
      </c>
      <c r="BW12" s="280">
        <v>9</v>
      </c>
      <c r="BX12" s="280">
        <v>10</v>
      </c>
      <c r="BY12" s="280">
        <v>2</v>
      </c>
      <c r="BZ12" s="277">
        <v>61</v>
      </c>
      <c r="CA12" s="282">
        <v>65</v>
      </c>
      <c r="CB12" s="276">
        <v>0</v>
      </c>
      <c r="CC12" s="280">
        <v>0</v>
      </c>
      <c r="CD12" s="277">
        <v>0</v>
      </c>
      <c r="CE12" s="279">
        <v>0</v>
      </c>
      <c r="CF12" s="280">
        <v>8</v>
      </c>
      <c r="CG12" s="280">
        <v>8</v>
      </c>
      <c r="CH12" s="280">
        <v>14</v>
      </c>
      <c r="CI12" s="280">
        <v>8</v>
      </c>
      <c r="CJ12" s="280">
        <v>5</v>
      </c>
      <c r="CK12" s="277">
        <v>43</v>
      </c>
      <c r="CL12" s="282">
        <v>43</v>
      </c>
      <c r="CM12" s="276">
        <v>0</v>
      </c>
      <c r="CN12" s="280">
        <v>0</v>
      </c>
      <c r="CO12" s="277">
        <v>0</v>
      </c>
      <c r="CP12" s="279">
        <v>0</v>
      </c>
      <c r="CQ12" s="280">
        <v>0</v>
      </c>
      <c r="CR12" s="280">
        <v>1</v>
      </c>
      <c r="CS12" s="280">
        <v>0</v>
      </c>
      <c r="CT12" s="280">
        <v>1</v>
      </c>
      <c r="CU12" s="280">
        <v>1</v>
      </c>
      <c r="CV12" s="277">
        <v>3</v>
      </c>
      <c r="CW12" s="282">
        <v>3</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31</v>
      </c>
      <c r="DU12" s="280">
        <v>32</v>
      </c>
      <c r="DV12" s="277">
        <v>63</v>
      </c>
      <c r="DW12" s="279">
        <v>0</v>
      </c>
      <c r="DX12" s="280">
        <v>84</v>
      </c>
      <c r="DY12" s="280">
        <v>86</v>
      </c>
      <c r="DZ12" s="280">
        <v>72</v>
      </c>
      <c r="EA12" s="280">
        <v>53</v>
      </c>
      <c r="EB12" s="280">
        <v>35</v>
      </c>
      <c r="EC12" s="277">
        <v>330</v>
      </c>
      <c r="ED12" s="282">
        <v>393</v>
      </c>
      <c r="EE12" s="276">
        <v>8</v>
      </c>
      <c r="EF12" s="280">
        <v>3</v>
      </c>
      <c r="EG12" s="277">
        <v>11</v>
      </c>
      <c r="EH12" s="279">
        <v>0</v>
      </c>
      <c r="EI12" s="280">
        <v>22</v>
      </c>
      <c r="EJ12" s="280">
        <v>15</v>
      </c>
      <c r="EK12" s="280">
        <v>14</v>
      </c>
      <c r="EL12" s="280">
        <v>14</v>
      </c>
      <c r="EM12" s="280">
        <v>8</v>
      </c>
      <c r="EN12" s="277">
        <v>73</v>
      </c>
      <c r="EO12" s="282">
        <v>84</v>
      </c>
      <c r="EP12" s="276">
        <v>34</v>
      </c>
      <c r="EQ12" s="280">
        <v>40</v>
      </c>
      <c r="ER12" s="277">
        <v>74</v>
      </c>
      <c r="ES12" s="279">
        <v>0</v>
      </c>
      <c r="ET12" s="280">
        <v>164</v>
      </c>
      <c r="EU12" s="280">
        <v>124</v>
      </c>
      <c r="EV12" s="280">
        <v>87</v>
      </c>
      <c r="EW12" s="280">
        <v>58</v>
      </c>
      <c r="EX12" s="280">
        <v>35</v>
      </c>
      <c r="EY12" s="277">
        <v>468</v>
      </c>
      <c r="EZ12" s="282">
        <v>542</v>
      </c>
    </row>
    <row r="13" spans="2:156" ht="21" customHeight="1" x14ac:dyDescent="0.2">
      <c r="B13" s="261" t="s">
        <v>10</v>
      </c>
      <c r="C13" s="276">
        <v>0</v>
      </c>
      <c r="D13" s="280">
        <v>0</v>
      </c>
      <c r="E13" s="384">
        <v>0</v>
      </c>
      <c r="F13" s="279">
        <v>0</v>
      </c>
      <c r="G13" s="280">
        <v>85</v>
      </c>
      <c r="H13" s="280">
        <v>49</v>
      </c>
      <c r="I13" s="280">
        <v>37</v>
      </c>
      <c r="J13" s="280">
        <v>30</v>
      </c>
      <c r="K13" s="280">
        <v>17</v>
      </c>
      <c r="L13" s="281">
        <v>218</v>
      </c>
      <c r="M13" s="282">
        <v>218</v>
      </c>
      <c r="N13" s="276">
        <v>0</v>
      </c>
      <c r="O13" s="280">
        <v>0</v>
      </c>
      <c r="P13" s="277">
        <v>0</v>
      </c>
      <c r="Q13" s="279">
        <v>0</v>
      </c>
      <c r="R13" s="280">
        <v>0</v>
      </c>
      <c r="S13" s="280">
        <v>0</v>
      </c>
      <c r="T13" s="280">
        <v>2</v>
      </c>
      <c r="U13" s="280">
        <v>10</v>
      </c>
      <c r="V13" s="280">
        <v>12</v>
      </c>
      <c r="W13" s="277">
        <v>24</v>
      </c>
      <c r="X13" s="282">
        <v>24</v>
      </c>
      <c r="Y13" s="276">
        <v>16</v>
      </c>
      <c r="Z13" s="280">
        <v>20</v>
      </c>
      <c r="AA13" s="277">
        <v>36</v>
      </c>
      <c r="AB13" s="279">
        <v>0</v>
      </c>
      <c r="AC13" s="280">
        <v>62</v>
      </c>
      <c r="AD13" s="280">
        <v>35</v>
      </c>
      <c r="AE13" s="280">
        <v>30</v>
      </c>
      <c r="AF13" s="280">
        <v>22</v>
      </c>
      <c r="AG13" s="280">
        <v>15</v>
      </c>
      <c r="AH13" s="277">
        <v>164</v>
      </c>
      <c r="AI13" s="282">
        <v>200</v>
      </c>
      <c r="AJ13" s="276">
        <v>2</v>
      </c>
      <c r="AK13" s="280">
        <v>3</v>
      </c>
      <c r="AL13" s="277">
        <v>5</v>
      </c>
      <c r="AM13" s="279">
        <v>0</v>
      </c>
      <c r="AN13" s="280">
        <v>9</v>
      </c>
      <c r="AO13" s="280">
        <v>6</v>
      </c>
      <c r="AP13" s="280">
        <v>2</v>
      </c>
      <c r="AQ13" s="280">
        <v>3</v>
      </c>
      <c r="AR13" s="280">
        <v>4</v>
      </c>
      <c r="AS13" s="277">
        <v>24</v>
      </c>
      <c r="AT13" s="282">
        <v>29</v>
      </c>
      <c r="AU13" s="276">
        <v>17</v>
      </c>
      <c r="AV13" s="280">
        <v>14</v>
      </c>
      <c r="AW13" s="277">
        <v>31</v>
      </c>
      <c r="AX13" s="279">
        <v>0</v>
      </c>
      <c r="AY13" s="280">
        <v>83</v>
      </c>
      <c r="AZ13" s="280">
        <v>82</v>
      </c>
      <c r="BA13" s="280">
        <v>64</v>
      </c>
      <c r="BB13" s="280">
        <v>64</v>
      </c>
      <c r="BC13" s="280">
        <v>44</v>
      </c>
      <c r="BD13" s="281">
        <v>337</v>
      </c>
      <c r="BE13" s="282">
        <v>368</v>
      </c>
      <c r="BF13" s="276">
        <v>0</v>
      </c>
      <c r="BG13" s="280">
        <v>0</v>
      </c>
      <c r="BH13" s="277">
        <v>0</v>
      </c>
      <c r="BI13" s="279">
        <v>0</v>
      </c>
      <c r="BJ13" s="280">
        <v>112</v>
      </c>
      <c r="BK13" s="280">
        <v>70</v>
      </c>
      <c r="BL13" s="280">
        <v>41</v>
      </c>
      <c r="BM13" s="280">
        <v>22</v>
      </c>
      <c r="BN13" s="280">
        <v>11</v>
      </c>
      <c r="BO13" s="277">
        <v>256</v>
      </c>
      <c r="BP13" s="282">
        <v>256</v>
      </c>
      <c r="BQ13" s="276">
        <v>3</v>
      </c>
      <c r="BR13" s="280">
        <v>6</v>
      </c>
      <c r="BS13" s="277">
        <v>9</v>
      </c>
      <c r="BT13" s="279">
        <v>0</v>
      </c>
      <c r="BU13" s="280">
        <v>19</v>
      </c>
      <c r="BV13" s="280">
        <v>9</v>
      </c>
      <c r="BW13" s="280">
        <v>9</v>
      </c>
      <c r="BX13" s="280">
        <v>4</v>
      </c>
      <c r="BY13" s="280">
        <v>2</v>
      </c>
      <c r="BZ13" s="277">
        <v>43</v>
      </c>
      <c r="CA13" s="282">
        <v>52</v>
      </c>
      <c r="CB13" s="276">
        <v>0</v>
      </c>
      <c r="CC13" s="280">
        <v>0</v>
      </c>
      <c r="CD13" s="277">
        <v>0</v>
      </c>
      <c r="CE13" s="279">
        <v>0</v>
      </c>
      <c r="CF13" s="280">
        <v>10</v>
      </c>
      <c r="CG13" s="280">
        <v>19</v>
      </c>
      <c r="CH13" s="280">
        <v>18</v>
      </c>
      <c r="CI13" s="280">
        <v>14</v>
      </c>
      <c r="CJ13" s="280">
        <v>2</v>
      </c>
      <c r="CK13" s="277">
        <v>63</v>
      </c>
      <c r="CL13" s="282">
        <v>63</v>
      </c>
      <c r="CM13" s="276">
        <v>0</v>
      </c>
      <c r="CN13" s="280">
        <v>0</v>
      </c>
      <c r="CO13" s="277">
        <v>0</v>
      </c>
      <c r="CP13" s="279">
        <v>0</v>
      </c>
      <c r="CQ13" s="280">
        <v>2</v>
      </c>
      <c r="CR13" s="280">
        <v>3</v>
      </c>
      <c r="CS13" s="280">
        <v>2</v>
      </c>
      <c r="CT13" s="280">
        <v>2</v>
      </c>
      <c r="CU13" s="280">
        <v>0</v>
      </c>
      <c r="CV13" s="277">
        <v>9</v>
      </c>
      <c r="CW13" s="282">
        <v>9</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61</v>
      </c>
      <c r="DU13" s="280">
        <v>73</v>
      </c>
      <c r="DV13" s="277">
        <v>134</v>
      </c>
      <c r="DW13" s="279">
        <v>0</v>
      </c>
      <c r="DX13" s="280">
        <v>129</v>
      </c>
      <c r="DY13" s="280">
        <v>118</v>
      </c>
      <c r="DZ13" s="280">
        <v>74</v>
      </c>
      <c r="EA13" s="280">
        <v>69</v>
      </c>
      <c r="EB13" s="280">
        <v>33</v>
      </c>
      <c r="EC13" s="277">
        <v>423</v>
      </c>
      <c r="ED13" s="282">
        <v>557</v>
      </c>
      <c r="EE13" s="276">
        <v>9</v>
      </c>
      <c r="EF13" s="280">
        <v>5</v>
      </c>
      <c r="EG13" s="277">
        <v>14</v>
      </c>
      <c r="EH13" s="279">
        <v>0</v>
      </c>
      <c r="EI13" s="280">
        <v>30</v>
      </c>
      <c r="EJ13" s="280">
        <v>18</v>
      </c>
      <c r="EK13" s="280">
        <v>14</v>
      </c>
      <c r="EL13" s="280">
        <v>18</v>
      </c>
      <c r="EM13" s="280">
        <v>8</v>
      </c>
      <c r="EN13" s="277">
        <v>88</v>
      </c>
      <c r="EO13" s="282">
        <v>102</v>
      </c>
      <c r="EP13" s="276">
        <v>78</v>
      </c>
      <c r="EQ13" s="280">
        <v>88</v>
      </c>
      <c r="ER13" s="277">
        <v>166</v>
      </c>
      <c r="ES13" s="279">
        <v>0</v>
      </c>
      <c r="ET13" s="280">
        <v>269</v>
      </c>
      <c r="EU13" s="280">
        <v>154</v>
      </c>
      <c r="EV13" s="280">
        <v>85</v>
      </c>
      <c r="EW13" s="280">
        <v>68</v>
      </c>
      <c r="EX13" s="280">
        <v>31</v>
      </c>
      <c r="EY13" s="277">
        <v>607</v>
      </c>
      <c r="EZ13" s="282">
        <v>773</v>
      </c>
    </row>
    <row r="14" spans="2:156" ht="21" customHeight="1" x14ac:dyDescent="0.2">
      <c r="B14" s="261" t="s">
        <v>11</v>
      </c>
      <c r="C14" s="276">
        <v>0</v>
      </c>
      <c r="D14" s="280">
        <v>0</v>
      </c>
      <c r="E14" s="384">
        <v>0</v>
      </c>
      <c r="F14" s="279">
        <v>0</v>
      </c>
      <c r="G14" s="280">
        <v>12</v>
      </c>
      <c r="H14" s="280">
        <v>18</v>
      </c>
      <c r="I14" s="280">
        <v>16</v>
      </c>
      <c r="J14" s="280">
        <v>14</v>
      </c>
      <c r="K14" s="280">
        <v>7</v>
      </c>
      <c r="L14" s="281">
        <v>67</v>
      </c>
      <c r="M14" s="282">
        <v>67</v>
      </c>
      <c r="N14" s="276">
        <v>0</v>
      </c>
      <c r="O14" s="280">
        <v>0</v>
      </c>
      <c r="P14" s="277">
        <v>0</v>
      </c>
      <c r="Q14" s="279">
        <v>0</v>
      </c>
      <c r="R14" s="280">
        <v>0</v>
      </c>
      <c r="S14" s="280">
        <v>3</v>
      </c>
      <c r="T14" s="280">
        <v>3</v>
      </c>
      <c r="U14" s="280">
        <v>3</v>
      </c>
      <c r="V14" s="280">
        <v>3</v>
      </c>
      <c r="W14" s="277">
        <v>12</v>
      </c>
      <c r="X14" s="282">
        <v>12</v>
      </c>
      <c r="Y14" s="276">
        <v>6</v>
      </c>
      <c r="Z14" s="280">
        <v>4</v>
      </c>
      <c r="AA14" s="277">
        <v>10</v>
      </c>
      <c r="AB14" s="279">
        <v>0</v>
      </c>
      <c r="AC14" s="280">
        <v>24</v>
      </c>
      <c r="AD14" s="280">
        <v>20</v>
      </c>
      <c r="AE14" s="280">
        <v>12</v>
      </c>
      <c r="AF14" s="280">
        <v>13</v>
      </c>
      <c r="AG14" s="280">
        <v>8</v>
      </c>
      <c r="AH14" s="277">
        <v>77</v>
      </c>
      <c r="AI14" s="282">
        <v>87</v>
      </c>
      <c r="AJ14" s="276">
        <v>0</v>
      </c>
      <c r="AK14" s="280">
        <v>2</v>
      </c>
      <c r="AL14" s="277">
        <v>2</v>
      </c>
      <c r="AM14" s="279">
        <v>0</v>
      </c>
      <c r="AN14" s="280">
        <v>2</v>
      </c>
      <c r="AO14" s="280">
        <v>1</v>
      </c>
      <c r="AP14" s="280">
        <v>0</v>
      </c>
      <c r="AQ14" s="280">
        <v>4</v>
      </c>
      <c r="AR14" s="280">
        <v>0</v>
      </c>
      <c r="AS14" s="277">
        <v>7</v>
      </c>
      <c r="AT14" s="282">
        <v>9</v>
      </c>
      <c r="AU14" s="276">
        <v>4</v>
      </c>
      <c r="AV14" s="280">
        <v>7</v>
      </c>
      <c r="AW14" s="277">
        <v>11</v>
      </c>
      <c r="AX14" s="279">
        <v>0</v>
      </c>
      <c r="AY14" s="280">
        <v>27</v>
      </c>
      <c r="AZ14" s="280">
        <v>23</v>
      </c>
      <c r="BA14" s="280">
        <v>27</v>
      </c>
      <c r="BB14" s="280">
        <v>27</v>
      </c>
      <c r="BC14" s="280">
        <v>18</v>
      </c>
      <c r="BD14" s="281">
        <v>122</v>
      </c>
      <c r="BE14" s="282">
        <v>133</v>
      </c>
      <c r="BF14" s="276">
        <v>0</v>
      </c>
      <c r="BG14" s="280">
        <v>0</v>
      </c>
      <c r="BH14" s="277">
        <v>0</v>
      </c>
      <c r="BI14" s="279">
        <v>0</v>
      </c>
      <c r="BJ14" s="280">
        <v>35</v>
      </c>
      <c r="BK14" s="280">
        <v>17</v>
      </c>
      <c r="BL14" s="280">
        <v>20</v>
      </c>
      <c r="BM14" s="280">
        <v>9</v>
      </c>
      <c r="BN14" s="280">
        <v>1</v>
      </c>
      <c r="BO14" s="277">
        <v>82</v>
      </c>
      <c r="BP14" s="282">
        <v>82</v>
      </c>
      <c r="BQ14" s="276">
        <v>5</v>
      </c>
      <c r="BR14" s="280">
        <v>4</v>
      </c>
      <c r="BS14" s="277">
        <v>9</v>
      </c>
      <c r="BT14" s="279">
        <v>0</v>
      </c>
      <c r="BU14" s="280">
        <v>17</v>
      </c>
      <c r="BV14" s="280">
        <v>8</v>
      </c>
      <c r="BW14" s="280">
        <v>3</v>
      </c>
      <c r="BX14" s="280">
        <v>7</v>
      </c>
      <c r="BY14" s="280">
        <v>1</v>
      </c>
      <c r="BZ14" s="277">
        <v>36</v>
      </c>
      <c r="CA14" s="282">
        <v>45</v>
      </c>
      <c r="CB14" s="276">
        <v>1</v>
      </c>
      <c r="CC14" s="280">
        <v>1</v>
      </c>
      <c r="CD14" s="277">
        <v>2</v>
      </c>
      <c r="CE14" s="279">
        <v>0</v>
      </c>
      <c r="CF14" s="280">
        <v>4</v>
      </c>
      <c r="CG14" s="280">
        <v>5</v>
      </c>
      <c r="CH14" s="280">
        <v>6</v>
      </c>
      <c r="CI14" s="280">
        <v>3</v>
      </c>
      <c r="CJ14" s="280">
        <v>0</v>
      </c>
      <c r="CK14" s="277">
        <v>18</v>
      </c>
      <c r="CL14" s="282">
        <v>20</v>
      </c>
      <c r="CM14" s="276">
        <v>0</v>
      </c>
      <c r="CN14" s="280">
        <v>0</v>
      </c>
      <c r="CO14" s="277">
        <v>0</v>
      </c>
      <c r="CP14" s="279">
        <v>0</v>
      </c>
      <c r="CQ14" s="280">
        <v>0</v>
      </c>
      <c r="CR14" s="280">
        <v>1</v>
      </c>
      <c r="CS14" s="280">
        <v>0</v>
      </c>
      <c r="CT14" s="280">
        <v>0</v>
      </c>
      <c r="CU14" s="280">
        <v>0</v>
      </c>
      <c r="CV14" s="277">
        <v>1</v>
      </c>
      <c r="CW14" s="282">
        <v>1</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20</v>
      </c>
      <c r="DU14" s="280">
        <v>36</v>
      </c>
      <c r="DV14" s="277">
        <v>56</v>
      </c>
      <c r="DW14" s="279">
        <v>0</v>
      </c>
      <c r="DX14" s="280">
        <v>49</v>
      </c>
      <c r="DY14" s="280">
        <v>50</v>
      </c>
      <c r="DZ14" s="280">
        <v>36</v>
      </c>
      <c r="EA14" s="280">
        <v>30</v>
      </c>
      <c r="EB14" s="280">
        <v>12</v>
      </c>
      <c r="EC14" s="277">
        <v>177</v>
      </c>
      <c r="ED14" s="282">
        <v>233</v>
      </c>
      <c r="EE14" s="276">
        <v>1</v>
      </c>
      <c r="EF14" s="280">
        <v>4</v>
      </c>
      <c r="EG14" s="277">
        <v>5</v>
      </c>
      <c r="EH14" s="279">
        <v>0</v>
      </c>
      <c r="EI14" s="280">
        <v>21</v>
      </c>
      <c r="EJ14" s="280">
        <v>10</v>
      </c>
      <c r="EK14" s="280">
        <v>9</v>
      </c>
      <c r="EL14" s="280">
        <v>15</v>
      </c>
      <c r="EM14" s="280">
        <v>5</v>
      </c>
      <c r="EN14" s="277">
        <v>60</v>
      </c>
      <c r="EO14" s="282">
        <v>65</v>
      </c>
      <c r="EP14" s="276">
        <v>31</v>
      </c>
      <c r="EQ14" s="280">
        <v>40</v>
      </c>
      <c r="ER14" s="277">
        <v>71</v>
      </c>
      <c r="ES14" s="279">
        <v>0</v>
      </c>
      <c r="ET14" s="280">
        <v>95</v>
      </c>
      <c r="EU14" s="280">
        <v>66</v>
      </c>
      <c r="EV14" s="280">
        <v>46</v>
      </c>
      <c r="EW14" s="280">
        <v>29</v>
      </c>
      <c r="EX14" s="280">
        <v>12</v>
      </c>
      <c r="EY14" s="277">
        <v>248</v>
      </c>
      <c r="EZ14" s="282">
        <v>319</v>
      </c>
    </row>
    <row r="15" spans="2:156" ht="21" customHeight="1" x14ac:dyDescent="0.2">
      <c r="B15" s="261" t="s">
        <v>12</v>
      </c>
      <c r="C15" s="276">
        <v>0</v>
      </c>
      <c r="D15" s="280">
        <v>0</v>
      </c>
      <c r="E15" s="384">
        <v>0</v>
      </c>
      <c r="F15" s="279">
        <v>0</v>
      </c>
      <c r="G15" s="280">
        <v>33</v>
      </c>
      <c r="H15" s="280">
        <v>28</v>
      </c>
      <c r="I15" s="280">
        <v>18</v>
      </c>
      <c r="J15" s="280">
        <v>24</v>
      </c>
      <c r="K15" s="280">
        <v>14</v>
      </c>
      <c r="L15" s="281">
        <v>117</v>
      </c>
      <c r="M15" s="282">
        <v>117</v>
      </c>
      <c r="N15" s="276">
        <v>0</v>
      </c>
      <c r="O15" s="280">
        <v>0</v>
      </c>
      <c r="P15" s="277">
        <v>0</v>
      </c>
      <c r="Q15" s="279">
        <v>0</v>
      </c>
      <c r="R15" s="280">
        <v>0</v>
      </c>
      <c r="S15" s="280">
        <v>1</v>
      </c>
      <c r="T15" s="280">
        <v>2</v>
      </c>
      <c r="U15" s="280">
        <v>4</v>
      </c>
      <c r="V15" s="280">
        <v>4</v>
      </c>
      <c r="W15" s="277">
        <v>11</v>
      </c>
      <c r="X15" s="282">
        <v>11</v>
      </c>
      <c r="Y15" s="276">
        <v>17</v>
      </c>
      <c r="Z15" s="280">
        <v>18</v>
      </c>
      <c r="AA15" s="277">
        <v>35</v>
      </c>
      <c r="AB15" s="279">
        <v>0</v>
      </c>
      <c r="AC15" s="280">
        <v>22</v>
      </c>
      <c r="AD15" s="280">
        <v>39</v>
      </c>
      <c r="AE15" s="280">
        <v>23</v>
      </c>
      <c r="AF15" s="280">
        <v>18</v>
      </c>
      <c r="AG15" s="280">
        <v>10</v>
      </c>
      <c r="AH15" s="277">
        <v>112</v>
      </c>
      <c r="AI15" s="282">
        <v>147</v>
      </c>
      <c r="AJ15" s="276">
        <v>0</v>
      </c>
      <c r="AK15" s="280">
        <v>0</v>
      </c>
      <c r="AL15" s="277">
        <v>0</v>
      </c>
      <c r="AM15" s="279">
        <v>0</v>
      </c>
      <c r="AN15" s="280">
        <v>0</v>
      </c>
      <c r="AO15" s="280">
        <v>5</v>
      </c>
      <c r="AP15" s="280">
        <v>4</v>
      </c>
      <c r="AQ15" s="280">
        <v>2</v>
      </c>
      <c r="AR15" s="280">
        <v>1</v>
      </c>
      <c r="AS15" s="277">
        <v>12</v>
      </c>
      <c r="AT15" s="282">
        <v>12</v>
      </c>
      <c r="AU15" s="276">
        <v>6</v>
      </c>
      <c r="AV15" s="280">
        <v>9</v>
      </c>
      <c r="AW15" s="277">
        <v>15</v>
      </c>
      <c r="AX15" s="279">
        <v>0</v>
      </c>
      <c r="AY15" s="280">
        <v>24</v>
      </c>
      <c r="AZ15" s="280">
        <v>29</v>
      </c>
      <c r="BA15" s="280">
        <v>35</v>
      </c>
      <c r="BB15" s="280">
        <v>34</v>
      </c>
      <c r="BC15" s="280">
        <v>16</v>
      </c>
      <c r="BD15" s="281">
        <v>138</v>
      </c>
      <c r="BE15" s="282">
        <v>153</v>
      </c>
      <c r="BF15" s="276">
        <v>0</v>
      </c>
      <c r="BG15" s="280">
        <v>0</v>
      </c>
      <c r="BH15" s="277">
        <v>0</v>
      </c>
      <c r="BI15" s="279">
        <v>0</v>
      </c>
      <c r="BJ15" s="280">
        <v>46</v>
      </c>
      <c r="BK15" s="280">
        <v>29</v>
      </c>
      <c r="BL15" s="280">
        <v>21</v>
      </c>
      <c r="BM15" s="280">
        <v>15</v>
      </c>
      <c r="BN15" s="280">
        <v>4</v>
      </c>
      <c r="BO15" s="277">
        <v>115</v>
      </c>
      <c r="BP15" s="282">
        <v>115</v>
      </c>
      <c r="BQ15" s="276">
        <v>13</v>
      </c>
      <c r="BR15" s="280">
        <v>4</v>
      </c>
      <c r="BS15" s="277">
        <v>17</v>
      </c>
      <c r="BT15" s="279">
        <v>0</v>
      </c>
      <c r="BU15" s="280">
        <v>6</v>
      </c>
      <c r="BV15" s="280">
        <v>13</v>
      </c>
      <c r="BW15" s="280">
        <v>13</v>
      </c>
      <c r="BX15" s="280">
        <v>7</v>
      </c>
      <c r="BY15" s="280">
        <v>3</v>
      </c>
      <c r="BZ15" s="277">
        <v>42</v>
      </c>
      <c r="CA15" s="282">
        <v>59</v>
      </c>
      <c r="CB15" s="276">
        <v>0</v>
      </c>
      <c r="CC15" s="280">
        <v>3</v>
      </c>
      <c r="CD15" s="277">
        <v>3</v>
      </c>
      <c r="CE15" s="279">
        <v>0</v>
      </c>
      <c r="CF15" s="280">
        <v>11</v>
      </c>
      <c r="CG15" s="280">
        <v>4</v>
      </c>
      <c r="CH15" s="280">
        <v>10</v>
      </c>
      <c r="CI15" s="280">
        <v>13</v>
      </c>
      <c r="CJ15" s="280">
        <v>3</v>
      </c>
      <c r="CK15" s="277">
        <v>41</v>
      </c>
      <c r="CL15" s="282">
        <v>44</v>
      </c>
      <c r="CM15" s="276">
        <v>0</v>
      </c>
      <c r="CN15" s="280">
        <v>0</v>
      </c>
      <c r="CO15" s="277">
        <v>0</v>
      </c>
      <c r="CP15" s="279">
        <v>0</v>
      </c>
      <c r="CQ15" s="280">
        <v>0</v>
      </c>
      <c r="CR15" s="280">
        <v>1</v>
      </c>
      <c r="CS15" s="280">
        <v>1</v>
      </c>
      <c r="CT15" s="280">
        <v>1</v>
      </c>
      <c r="CU15" s="280">
        <v>0</v>
      </c>
      <c r="CV15" s="277">
        <v>3</v>
      </c>
      <c r="CW15" s="282">
        <v>3</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18</v>
      </c>
      <c r="DU15" s="280">
        <v>44</v>
      </c>
      <c r="DV15" s="277">
        <v>62</v>
      </c>
      <c r="DW15" s="279">
        <v>0</v>
      </c>
      <c r="DX15" s="280">
        <v>33</v>
      </c>
      <c r="DY15" s="280">
        <v>75</v>
      </c>
      <c r="DZ15" s="280">
        <v>62</v>
      </c>
      <c r="EA15" s="280">
        <v>53</v>
      </c>
      <c r="EB15" s="280">
        <v>24</v>
      </c>
      <c r="EC15" s="277">
        <v>247</v>
      </c>
      <c r="ED15" s="282">
        <v>309</v>
      </c>
      <c r="EE15" s="276">
        <v>1</v>
      </c>
      <c r="EF15" s="280">
        <v>6</v>
      </c>
      <c r="EG15" s="277">
        <v>7</v>
      </c>
      <c r="EH15" s="279">
        <v>0</v>
      </c>
      <c r="EI15" s="280">
        <v>9</v>
      </c>
      <c r="EJ15" s="280">
        <v>7</v>
      </c>
      <c r="EK15" s="280">
        <v>13</v>
      </c>
      <c r="EL15" s="280">
        <v>12</v>
      </c>
      <c r="EM15" s="280">
        <v>3</v>
      </c>
      <c r="EN15" s="277">
        <v>44</v>
      </c>
      <c r="EO15" s="282">
        <v>51</v>
      </c>
      <c r="EP15" s="276">
        <v>44</v>
      </c>
      <c r="EQ15" s="280">
        <v>61</v>
      </c>
      <c r="ER15" s="277">
        <v>105</v>
      </c>
      <c r="ES15" s="279">
        <v>0</v>
      </c>
      <c r="ET15" s="280">
        <v>114</v>
      </c>
      <c r="EU15" s="280">
        <v>98</v>
      </c>
      <c r="EV15" s="280">
        <v>67</v>
      </c>
      <c r="EW15" s="280">
        <v>53</v>
      </c>
      <c r="EX15" s="280">
        <v>24</v>
      </c>
      <c r="EY15" s="277">
        <v>356</v>
      </c>
      <c r="EZ15" s="282">
        <v>461</v>
      </c>
    </row>
    <row r="16" spans="2:156" ht="21" customHeight="1" x14ac:dyDescent="0.2">
      <c r="B16" s="261" t="s">
        <v>13</v>
      </c>
      <c r="C16" s="276">
        <v>0</v>
      </c>
      <c r="D16" s="280">
        <v>0</v>
      </c>
      <c r="E16" s="384">
        <v>0</v>
      </c>
      <c r="F16" s="279">
        <v>0</v>
      </c>
      <c r="G16" s="280">
        <v>19</v>
      </c>
      <c r="H16" s="280">
        <v>21</v>
      </c>
      <c r="I16" s="280">
        <v>10</v>
      </c>
      <c r="J16" s="280">
        <v>8</v>
      </c>
      <c r="K16" s="280">
        <v>8</v>
      </c>
      <c r="L16" s="281">
        <v>66</v>
      </c>
      <c r="M16" s="282">
        <v>66</v>
      </c>
      <c r="N16" s="276">
        <v>0</v>
      </c>
      <c r="O16" s="280">
        <v>0</v>
      </c>
      <c r="P16" s="277">
        <v>0</v>
      </c>
      <c r="Q16" s="279">
        <v>0</v>
      </c>
      <c r="R16" s="280">
        <v>0</v>
      </c>
      <c r="S16" s="280">
        <v>1</v>
      </c>
      <c r="T16" s="280">
        <v>0</v>
      </c>
      <c r="U16" s="280">
        <v>2</v>
      </c>
      <c r="V16" s="280">
        <v>4</v>
      </c>
      <c r="W16" s="277">
        <v>7</v>
      </c>
      <c r="X16" s="282">
        <v>7</v>
      </c>
      <c r="Y16" s="276">
        <v>0</v>
      </c>
      <c r="Z16" s="280">
        <v>2</v>
      </c>
      <c r="AA16" s="277">
        <v>2</v>
      </c>
      <c r="AB16" s="279">
        <v>0</v>
      </c>
      <c r="AC16" s="280">
        <v>13</v>
      </c>
      <c r="AD16" s="280">
        <v>17</v>
      </c>
      <c r="AE16" s="280">
        <v>11</v>
      </c>
      <c r="AF16" s="280">
        <v>7</v>
      </c>
      <c r="AG16" s="280">
        <v>8</v>
      </c>
      <c r="AH16" s="277">
        <v>56</v>
      </c>
      <c r="AI16" s="282">
        <v>58</v>
      </c>
      <c r="AJ16" s="276">
        <v>1</v>
      </c>
      <c r="AK16" s="280">
        <v>1</v>
      </c>
      <c r="AL16" s="277">
        <v>2</v>
      </c>
      <c r="AM16" s="279">
        <v>0</v>
      </c>
      <c r="AN16" s="280">
        <v>2</v>
      </c>
      <c r="AO16" s="280">
        <v>0</v>
      </c>
      <c r="AP16" s="280">
        <v>0</v>
      </c>
      <c r="AQ16" s="280">
        <v>1</v>
      </c>
      <c r="AR16" s="280">
        <v>1</v>
      </c>
      <c r="AS16" s="277">
        <v>4</v>
      </c>
      <c r="AT16" s="282">
        <v>6</v>
      </c>
      <c r="AU16" s="276">
        <v>3</v>
      </c>
      <c r="AV16" s="280">
        <v>2</v>
      </c>
      <c r="AW16" s="277">
        <v>5</v>
      </c>
      <c r="AX16" s="279">
        <v>0</v>
      </c>
      <c r="AY16" s="280">
        <v>15</v>
      </c>
      <c r="AZ16" s="280">
        <v>17</v>
      </c>
      <c r="BA16" s="280">
        <v>12</v>
      </c>
      <c r="BB16" s="280">
        <v>17</v>
      </c>
      <c r="BC16" s="280">
        <v>12</v>
      </c>
      <c r="BD16" s="281">
        <v>73</v>
      </c>
      <c r="BE16" s="282">
        <v>78</v>
      </c>
      <c r="BF16" s="276">
        <v>0</v>
      </c>
      <c r="BG16" s="280">
        <v>0</v>
      </c>
      <c r="BH16" s="277">
        <v>0</v>
      </c>
      <c r="BI16" s="279">
        <v>0</v>
      </c>
      <c r="BJ16" s="280">
        <v>20</v>
      </c>
      <c r="BK16" s="280">
        <v>21</v>
      </c>
      <c r="BL16" s="280">
        <v>13</v>
      </c>
      <c r="BM16" s="280">
        <v>5</v>
      </c>
      <c r="BN16" s="280">
        <v>5</v>
      </c>
      <c r="BO16" s="277">
        <v>64</v>
      </c>
      <c r="BP16" s="282">
        <v>64</v>
      </c>
      <c r="BQ16" s="276">
        <v>0</v>
      </c>
      <c r="BR16" s="280">
        <v>1</v>
      </c>
      <c r="BS16" s="277">
        <v>1</v>
      </c>
      <c r="BT16" s="279">
        <v>0</v>
      </c>
      <c r="BU16" s="280">
        <v>3</v>
      </c>
      <c r="BV16" s="280">
        <v>5</v>
      </c>
      <c r="BW16" s="280">
        <v>2</v>
      </c>
      <c r="BX16" s="280">
        <v>4</v>
      </c>
      <c r="BY16" s="280">
        <v>1</v>
      </c>
      <c r="BZ16" s="277">
        <v>15</v>
      </c>
      <c r="CA16" s="282">
        <v>16</v>
      </c>
      <c r="CB16" s="276">
        <v>1</v>
      </c>
      <c r="CC16" s="280">
        <v>0</v>
      </c>
      <c r="CD16" s="277">
        <v>1</v>
      </c>
      <c r="CE16" s="279">
        <v>0</v>
      </c>
      <c r="CF16" s="280">
        <v>1</v>
      </c>
      <c r="CG16" s="280">
        <v>1</v>
      </c>
      <c r="CH16" s="280">
        <v>7</v>
      </c>
      <c r="CI16" s="280">
        <v>6</v>
      </c>
      <c r="CJ16" s="280">
        <v>2</v>
      </c>
      <c r="CK16" s="277">
        <v>17</v>
      </c>
      <c r="CL16" s="282">
        <v>18</v>
      </c>
      <c r="CM16" s="276">
        <v>0</v>
      </c>
      <c r="CN16" s="280">
        <v>0</v>
      </c>
      <c r="CO16" s="277">
        <v>0</v>
      </c>
      <c r="CP16" s="279">
        <v>0</v>
      </c>
      <c r="CQ16" s="280">
        <v>0</v>
      </c>
      <c r="CR16" s="280">
        <v>0</v>
      </c>
      <c r="CS16" s="280">
        <v>1</v>
      </c>
      <c r="CT16" s="280">
        <v>0</v>
      </c>
      <c r="CU16" s="280">
        <v>0</v>
      </c>
      <c r="CV16" s="277">
        <v>1</v>
      </c>
      <c r="CW16" s="282">
        <v>1</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3</v>
      </c>
      <c r="DU16" s="280">
        <v>15</v>
      </c>
      <c r="DV16" s="277">
        <v>18</v>
      </c>
      <c r="DW16" s="279">
        <v>0</v>
      </c>
      <c r="DX16" s="280">
        <v>23</v>
      </c>
      <c r="DY16" s="280">
        <v>29</v>
      </c>
      <c r="DZ16" s="280">
        <v>23</v>
      </c>
      <c r="EA16" s="280">
        <v>19</v>
      </c>
      <c r="EB16" s="280">
        <v>11</v>
      </c>
      <c r="EC16" s="277">
        <v>105</v>
      </c>
      <c r="ED16" s="282">
        <v>123</v>
      </c>
      <c r="EE16" s="276">
        <v>2</v>
      </c>
      <c r="EF16" s="280">
        <v>0</v>
      </c>
      <c r="EG16" s="277">
        <v>2</v>
      </c>
      <c r="EH16" s="279">
        <v>0</v>
      </c>
      <c r="EI16" s="280">
        <v>6</v>
      </c>
      <c r="EJ16" s="280">
        <v>6</v>
      </c>
      <c r="EK16" s="280">
        <v>6</v>
      </c>
      <c r="EL16" s="280">
        <v>7</v>
      </c>
      <c r="EM16" s="280">
        <v>5</v>
      </c>
      <c r="EN16" s="277">
        <v>30</v>
      </c>
      <c r="EO16" s="282">
        <v>32</v>
      </c>
      <c r="EP16" s="276">
        <v>5</v>
      </c>
      <c r="EQ16" s="280">
        <v>17</v>
      </c>
      <c r="ER16" s="277">
        <v>22</v>
      </c>
      <c r="ES16" s="279">
        <v>0</v>
      </c>
      <c r="ET16" s="280">
        <v>58</v>
      </c>
      <c r="EU16" s="280">
        <v>48</v>
      </c>
      <c r="EV16" s="280">
        <v>30</v>
      </c>
      <c r="EW16" s="280">
        <v>23</v>
      </c>
      <c r="EX16" s="280">
        <v>13</v>
      </c>
      <c r="EY16" s="277">
        <v>172</v>
      </c>
      <c r="EZ16" s="282">
        <v>194</v>
      </c>
    </row>
    <row r="17" spans="2:156" ht="21" customHeight="1" x14ac:dyDescent="0.2">
      <c r="B17" s="261" t="s">
        <v>15</v>
      </c>
      <c r="C17" s="276">
        <v>0</v>
      </c>
      <c r="D17" s="280">
        <v>0</v>
      </c>
      <c r="E17" s="384">
        <v>0</v>
      </c>
      <c r="F17" s="279">
        <v>0</v>
      </c>
      <c r="G17" s="280">
        <v>2</v>
      </c>
      <c r="H17" s="280">
        <v>7</v>
      </c>
      <c r="I17" s="280">
        <v>6</v>
      </c>
      <c r="J17" s="280">
        <v>4</v>
      </c>
      <c r="K17" s="280">
        <v>1</v>
      </c>
      <c r="L17" s="281">
        <v>20</v>
      </c>
      <c r="M17" s="282">
        <v>20</v>
      </c>
      <c r="N17" s="276">
        <v>0</v>
      </c>
      <c r="O17" s="280">
        <v>0</v>
      </c>
      <c r="P17" s="277">
        <v>0</v>
      </c>
      <c r="Q17" s="279">
        <v>0</v>
      </c>
      <c r="R17" s="280">
        <v>0</v>
      </c>
      <c r="S17" s="280">
        <v>0</v>
      </c>
      <c r="T17" s="280">
        <v>0</v>
      </c>
      <c r="U17" s="280">
        <v>1</v>
      </c>
      <c r="V17" s="280">
        <v>0</v>
      </c>
      <c r="W17" s="277">
        <v>1</v>
      </c>
      <c r="X17" s="282">
        <v>1</v>
      </c>
      <c r="Y17" s="276">
        <v>0</v>
      </c>
      <c r="Z17" s="280">
        <v>1</v>
      </c>
      <c r="AA17" s="277">
        <v>1</v>
      </c>
      <c r="AB17" s="279">
        <v>0</v>
      </c>
      <c r="AC17" s="280">
        <v>2</v>
      </c>
      <c r="AD17" s="280">
        <v>6</v>
      </c>
      <c r="AE17" s="280">
        <v>2</v>
      </c>
      <c r="AF17" s="280">
        <v>2</v>
      </c>
      <c r="AG17" s="280">
        <v>1</v>
      </c>
      <c r="AH17" s="277">
        <v>13</v>
      </c>
      <c r="AI17" s="282">
        <v>14</v>
      </c>
      <c r="AJ17" s="276">
        <v>0</v>
      </c>
      <c r="AK17" s="280">
        <v>0</v>
      </c>
      <c r="AL17" s="277">
        <v>0</v>
      </c>
      <c r="AM17" s="279">
        <v>0</v>
      </c>
      <c r="AN17" s="280">
        <v>1</v>
      </c>
      <c r="AO17" s="280">
        <v>1</v>
      </c>
      <c r="AP17" s="280">
        <v>0</v>
      </c>
      <c r="AQ17" s="280">
        <v>0</v>
      </c>
      <c r="AR17" s="280">
        <v>1</v>
      </c>
      <c r="AS17" s="277">
        <v>3</v>
      </c>
      <c r="AT17" s="282">
        <v>3</v>
      </c>
      <c r="AU17" s="276">
        <v>1</v>
      </c>
      <c r="AV17" s="280">
        <v>0</v>
      </c>
      <c r="AW17" s="277">
        <v>1</v>
      </c>
      <c r="AX17" s="279">
        <v>0</v>
      </c>
      <c r="AY17" s="280">
        <v>7</v>
      </c>
      <c r="AZ17" s="280">
        <v>5</v>
      </c>
      <c r="BA17" s="280">
        <v>8</v>
      </c>
      <c r="BB17" s="280">
        <v>3</v>
      </c>
      <c r="BC17" s="280">
        <v>3</v>
      </c>
      <c r="BD17" s="281">
        <v>26</v>
      </c>
      <c r="BE17" s="282">
        <v>27</v>
      </c>
      <c r="BF17" s="276">
        <v>0</v>
      </c>
      <c r="BG17" s="280">
        <v>0</v>
      </c>
      <c r="BH17" s="277">
        <v>0</v>
      </c>
      <c r="BI17" s="279">
        <v>0</v>
      </c>
      <c r="BJ17" s="280">
        <v>3</v>
      </c>
      <c r="BK17" s="280">
        <v>5</v>
      </c>
      <c r="BL17" s="280">
        <v>2</v>
      </c>
      <c r="BM17" s="280">
        <v>0</v>
      </c>
      <c r="BN17" s="280">
        <v>0</v>
      </c>
      <c r="BO17" s="277">
        <v>10</v>
      </c>
      <c r="BP17" s="282">
        <v>10</v>
      </c>
      <c r="BQ17" s="276">
        <v>0</v>
      </c>
      <c r="BR17" s="280">
        <v>0</v>
      </c>
      <c r="BS17" s="277">
        <v>0</v>
      </c>
      <c r="BT17" s="279">
        <v>0</v>
      </c>
      <c r="BU17" s="280">
        <v>0</v>
      </c>
      <c r="BV17" s="280">
        <v>3</v>
      </c>
      <c r="BW17" s="280">
        <v>3</v>
      </c>
      <c r="BX17" s="280">
        <v>0</v>
      </c>
      <c r="BY17" s="280">
        <v>0</v>
      </c>
      <c r="BZ17" s="277">
        <v>6</v>
      </c>
      <c r="CA17" s="282">
        <v>6</v>
      </c>
      <c r="CB17" s="276">
        <v>0</v>
      </c>
      <c r="CC17" s="280">
        <v>0</v>
      </c>
      <c r="CD17" s="277">
        <v>0</v>
      </c>
      <c r="CE17" s="279">
        <v>0</v>
      </c>
      <c r="CF17" s="280">
        <v>0</v>
      </c>
      <c r="CG17" s="280">
        <v>1</v>
      </c>
      <c r="CH17" s="280">
        <v>1</v>
      </c>
      <c r="CI17" s="280">
        <v>3</v>
      </c>
      <c r="CJ17" s="280">
        <v>2</v>
      </c>
      <c r="CK17" s="277">
        <v>7</v>
      </c>
      <c r="CL17" s="282">
        <v>7</v>
      </c>
      <c r="CM17" s="276">
        <v>0</v>
      </c>
      <c r="CN17" s="280">
        <v>0</v>
      </c>
      <c r="CO17" s="277">
        <v>0</v>
      </c>
      <c r="CP17" s="279">
        <v>0</v>
      </c>
      <c r="CQ17" s="280">
        <v>0</v>
      </c>
      <c r="CR17" s="280">
        <v>0</v>
      </c>
      <c r="CS17" s="280">
        <v>1</v>
      </c>
      <c r="CT17" s="280">
        <v>0</v>
      </c>
      <c r="CU17" s="280">
        <v>0</v>
      </c>
      <c r="CV17" s="277">
        <v>1</v>
      </c>
      <c r="CW17" s="282">
        <v>1</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2</v>
      </c>
      <c r="DU17" s="280">
        <v>6</v>
      </c>
      <c r="DV17" s="277">
        <v>8</v>
      </c>
      <c r="DW17" s="279">
        <v>0</v>
      </c>
      <c r="DX17" s="280">
        <v>4</v>
      </c>
      <c r="DY17" s="280">
        <v>15</v>
      </c>
      <c r="DZ17" s="280">
        <v>12</v>
      </c>
      <c r="EA17" s="280">
        <v>7</v>
      </c>
      <c r="EB17" s="280">
        <v>3</v>
      </c>
      <c r="EC17" s="277">
        <v>41</v>
      </c>
      <c r="ED17" s="282">
        <v>49</v>
      </c>
      <c r="EE17" s="276">
        <v>4</v>
      </c>
      <c r="EF17" s="280">
        <v>2</v>
      </c>
      <c r="EG17" s="277">
        <v>6</v>
      </c>
      <c r="EH17" s="279">
        <v>0</v>
      </c>
      <c r="EI17" s="280">
        <v>6</v>
      </c>
      <c r="EJ17" s="280">
        <v>3</v>
      </c>
      <c r="EK17" s="280">
        <v>6</v>
      </c>
      <c r="EL17" s="280">
        <v>1</v>
      </c>
      <c r="EM17" s="280">
        <v>2</v>
      </c>
      <c r="EN17" s="277">
        <v>18</v>
      </c>
      <c r="EO17" s="282">
        <v>24</v>
      </c>
      <c r="EP17" s="276">
        <v>2</v>
      </c>
      <c r="EQ17" s="280">
        <v>7</v>
      </c>
      <c r="ER17" s="277">
        <v>9</v>
      </c>
      <c r="ES17" s="279">
        <v>0</v>
      </c>
      <c r="ET17" s="280">
        <v>12</v>
      </c>
      <c r="EU17" s="280">
        <v>22</v>
      </c>
      <c r="EV17" s="280">
        <v>14</v>
      </c>
      <c r="EW17" s="280">
        <v>9</v>
      </c>
      <c r="EX17" s="280">
        <v>3</v>
      </c>
      <c r="EY17" s="277">
        <v>60</v>
      </c>
      <c r="EZ17" s="282">
        <v>69</v>
      </c>
    </row>
    <row r="18" spans="2:156" ht="21" customHeight="1" x14ac:dyDescent="0.2">
      <c r="B18" s="261" t="s">
        <v>16</v>
      </c>
      <c r="C18" s="276">
        <v>0</v>
      </c>
      <c r="D18" s="280">
        <v>0</v>
      </c>
      <c r="E18" s="384">
        <v>0</v>
      </c>
      <c r="F18" s="279">
        <v>0</v>
      </c>
      <c r="G18" s="280">
        <v>11</v>
      </c>
      <c r="H18" s="280">
        <v>9</v>
      </c>
      <c r="I18" s="280">
        <v>7</v>
      </c>
      <c r="J18" s="280">
        <v>2</v>
      </c>
      <c r="K18" s="280">
        <v>2</v>
      </c>
      <c r="L18" s="281">
        <v>31</v>
      </c>
      <c r="M18" s="282">
        <v>31</v>
      </c>
      <c r="N18" s="276">
        <v>0</v>
      </c>
      <c r="O18" s="280">
        <v>0</v>
      </c>
      <c r="P18" s="277">
        <v>0</v>
      </c>
      <c r="Q18" s="279">
        <v>0</v>
      </c>
      <c r="R18" s="280">
        <v>0</v>
      </c>
      <c r="S18" s="280">
        <v>1</v>
      </c>
      <c r="T18" s="280">
        <v>0</v>
      </c>
      <c r="U18" s="280">
        <v>1</v>
      </c>
      <c r="V18" s="280">
        <v>2</v>
      </c>
      <c r="W18" s="277">
        <v>4</v>
      </c>
      <c r="X18" s="282">
        <v>4</v>
      </c>
      <c r="Y18" s="276">
        <v>2</v>
      </c>
      <c r="Z18" s="280">
        <v>4</v>
      </c>
      <c r="AA18" s="277">
        <v>6</v>
      </c>
      <c r="AB18" s="279">
        <v>0</v>
      </c>
      <c r="AC18" s="280">
        <v>18</v>
      </c>
      <c r="AD18" s="280">
        <v>15</v>
      </c>
      <c r="AE18" s="280">
        <v>9</v>
      </c>
      <c r="AF18" s="280">
        <v>9</v>
      </c>
      <c r="AG18" s="280">
        <v>5</v>
      </c>
      <c r="AH18" s="277">
        <v>56</v>
      </c>
      <c r="AI18" s="282">
        <v>62</v>
      </c>
      <c r="AJ18" s="276">
        <v>0</v>
      </c>
      <c r="AK18" s="280">
        <v>0</v>
      </c>
      <c r="AL18" s="277">
        <v>0</v>
      </c>
      <c r="AM18" s="279">
        <v>0</v>
      </c>
      <c r="AN18" s="280">
        <v>1</v>
      </c>
      <c r="AO18" s="280">
        <v>1</v>
      </c>
      <c r="AP18" s="280">
        <v>1</v>
      </c>
      <c r="AQ18" s="280">
        <v>0</v>
      </c>
      <c r="AR18" s="280">
        <v>0</v>
      </c>
      <c r="AS18" s="277">
        <v>3</v>
      </c>
      <c r="AT18" s="282">
        <v>3</v>
      </c>
      <c r="AU18" s="276">
        <v>3</v>
      </c>
      <c r="AV18" s="280">
        <v>5</v>
      </c>
      <c r="AW18" s="277">
        <v>8</v>
      </c>
      <c r="AX18" s="279">
        <v>0</v>
      </c>
      <c r="AY18" s="280">
        <v>20</v>
      </c>
      <c r="AZ18" s="280">
        <v>19</v>
      </c>
      <c r="BA18" s="280">
        <v>25</v>
      </c>
      <c r="BB18" s="280">
        <v>23</v>
      </c>
      <c r="BC18" s="280">
        <v>7</v>
      </c>
      <c r="BD18" s="281">
        <v>94</v>
      </c>
      <c r="BE18" s="282">
        <v>102</v>
      </c>
      <c r="BF18" s="276">
        <v>0</v>
      </c>
      <c r="BG18" s="280">
        <v>0</v>
      </c>
      <c r="BH18" s="277">
        <v>0</v>
      </c>
      <c r="BI18" s="279">
        <v>0</v>
      </c>
      <c r="BJ18" s="280">
        <v>17</v>
      </c>
      <c r="BK18" s="280">
        <v>21</v>
      </c>
      <c r="BL18" s="280">
        <v>5</v>
      </c>
      <c r="BM18" s="280">
        <v>7</v>
      </c>
      <c r="BN18" s="280">
        <v>1</v>
      </c>
      <c r="BO18" s="277">
        <v>51</v>
      </c>
      <c r="BP18" s="282">
        <v>51</v>
      </c>
      <c r="BQ18" s="276">
        <v>2</v>
      </c>
      <c r="BR18" s="280">
        <v>4</v>
      </c>
      <c r="BS18" s="277">
        <v>6</v>
      </c>
      <c r="BT18" s="279">
        <v>0</v>
      </c>
      <c r="BU18" s="280">
        <v>16</v>
      </c>
      <c r="BV18" s="280">
        <v>29</v>
      </c>
      <c r="BW18" s="280">
        <v>1</v>
      </c>
      <c r="BX18" s="280">
        <v>5</v>
      </c>
      <c r="BY18" s="280">
        <v>0</v>
      </c>
      <c r="BZ18" s="277">
        <v>51</v>
      </c>
      <c r="CA18" s="282">
        <v>57</v>
      </c>
      <c r="CB18" s="276">
        <v>0</v>
      </c>
      <c r="CC18" s="280">
        <v>0</v>
      </c>
      <c r="CD18" s="277">
        <v>0</v>
      </c>
      <c r="CE18" s="279">
        <v>0</v>
      </c>
      <c r="CF18" s="280">
        <v>3</v>
      </c>
      <c r="CG18" s="280">
        <v>5</v>
      </c>
      <c r="CH18" s="280">
        <v>1</v>
      </c>
      <c r="CI18" s="280">
        <v>1</v>
      </c>
      <c r="CJ18" s="280">
        <v>2</v>
      </c>
      <c r="CK18" s="277">
        <v>12</v>
      </c>
      <c r="CL18" s="282">
        <v>12</v>
      </c>
      <c r="CM18" s="276">
        <v>0</v>
      </c>
      <c r="CN18" s="280">
        <v>0</v>
      </c>
      <c r="CO18" s="277">
        <v>0</v>
      </c>
      <c r="CP18" s="279">
        <v>0</v>
      </c>
      <c r="CQ18" s="280">
        <v>0</v>
      </c>
      <c r="CR18" s="280">
        <v>4</v>
      </c>
      <c r="CS18" s="280">
        <v>0</v>
      </c>
      <c r="CT18" s="280">
        <v>1</v>
      </c>
      <c r="CU18" s="280">
        <v>0</v>
      </c>
      <c r="CV18" s="277">
        <v>5</v>
      </c>
      <c r="CW18" s="282">
        <v>5</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9</v>
      </c>
      <c r="DU18" s="280">
        <v>13</v>
      </c>
      <c r="DV18" s="277">
        <v>22</v>
      </c>
      <c r="DW18" s="279">
        <v>0</v>
      </c>
      <c r="DX18" s="280">
        <v>30</v>
      </c>
      <c r="DY18" s="280">
        <v>53</v>
      </c>
      <c r="DZ18" s="280">
        <v>20</v>
      </c>
      <c r="EA18" s="280">
        <v>20</v>
      </c>
      <c r="EB18" s="280">
        <v>7</v>
      </c>
      <c r="EC18" s="277">
        <v>130</v>
      </c>
      <c r="ED18" s="282">
        <v>152</v>
      </c>
      <c r="EE18" s="276">
        <v>2</v>
      </c>
      <c r="EF18" s="280">
        <v>4</v>
      </c>
      <c r="EG18" s="277">
        <v>6</v>
      </c>
      <c r="EH18" s="279">
        <v>0</v>
      </c>
      <c r="EI18" s="280">
        <v>11</v>
      </c>
      <c r="EJ18" s="280">
        <v>9</v>
      </c>
      <c r="EK18" s="280">
        <v>11</v>
      </c>
      <c r="EL18" s="280">
        <v>14</v>
      </c>
      <c r="EM18" s="280">
        <v>3</v>
      </c>
      <c r="EN18" s="277">
        <v>48</v>
      </c>
      <c r="EO18" s="282">
        <v>54</v>
      </c>
      <c r="EP18" s="276">
        <v>12</v>
      </c>
      <c r="EQ18" s="280">
        <v>19</v>
      </c>
      <c r="ER18" s="277">
        <v>31</v>
      </c>
      <c r="ES18" s="279">
        <v>0</v>
      </c>
      <c r="ET18" s="280">
        <v>56</v>
      </c>
      <c r="EU18" s="280">
        <v>75</v>
      </c>
      <c r="EV18" s="280">
        <v>21</v>
      </c>
      <c r="EW18" s="280">
        <v>22</v>
      </c>
      <c r="EX18" s="280">
        <v>6</v>
      </c>
      <c r="EY18" s="277">
        <v>180</v>
      </c>
      <c r="EZ18" s="282">
        <v>211</v>
      </c>
    </row>
    <row r="19" spans="2:156" ht="21" customHeight="1" x14ac:dyDescent="0.2">
      <c r="B19" s="261" t="s">
        <v>17</v>
      </c>
      <c r="C19" s="276">
        <v>0</v>
      </c>
      <c r="D19" s="280">
        <v>0</v>
      </c>
      <c r="E19" s="384">
        <v>0</v>
      </c>
      <c r="F19" s="279">
        <v>0</v>
      </c>
      <c r="G19" s="280">
        <v>9</v>
      </c>
      <c r="H19" s="280">
        <v>20</v>
      </c>
      <c r="I19" s="280">
        <v>10</v>
      </c>
      <c r="J19" s="280">
        <v>6</v>
      </c>
      <c r="K19" s="280">
        <v>10</v>
      </c>
      <c r="L19" s="281">
        <v>55</v>
      </c>
      <c r="M19" s="282">
        <v>55</v>
      </c>
      <c r="N19" s="276">
        <v>0</v>
      </c>
      <c r="O19" s="280">
        <v>0</v>
      </c>
      <c r="P19" s="277">
        <v>0</v>
      </c>
      <c r="Q19" s="279">
        <v>0</v>
      </c>
      <c r="R19" s="280">
        <v>0</v>
      </c>
      <c r="S19" s="280">
        <v>0</v>
      </c>
      <c r="T19" s="280">
        <v>1</v>
      </c>
      <c r="U19" s="280">
        <v>0</v>
      </c>
      <c r="V19" s="280">
        <v>6</v>
      </c>
      <c r="W19" s="277">
        <v>7</v>
      </c>
      <c r="X19" s="282">
        <v>7</v>
      </c>
      <c r="Y19" s="276">
        <v>2</v>
      </c>
      <c r="Z19" s="280">
        <v>5</v>
      </c>
      <c r="AA19" s="277">
        <v>7</v>
      </c>
      <c r="AB19" s="279">
        <v>0</v>
      </c>
      <c r="AC19" s="280">
        <v>13</v>
      </c>
      <c r="AD19" s="280">
        <v>15</v>
      </c>
      <c r="AE19" s="280">
        <v>8</v>
      </c>
      <c r="AF19" s="280">
        <v>9</v>
      </c>
      <c r="AG19" s="280">
        <v>11</v>
      </c>
      <c r="AH19" s="277">
        <v>56</v>
      </c>
      <c r="AI19" s="282">
        <v>63</v>
      </c>
      <c r="AJ19" s="276">
        <v>0</v>
      </c>
      <c r="AK19" s="280">
        <v>2</v>
      </c>
      <c r="AL19" s="277">
        <v>2</v>
      </c>
      <c r="AM19" s="279">
        <v>0</v>
      </c>
      <c r="AN19" s="280">
        <v>0</v>
      </c>
      <c r="AO19" s="280">
        <v>3</v>
      </c>
      <c r="AP19" s="280">
        <v>0</v>
      </c>
      <c r="AQ19" s="280">
        <v>1</v>
      </c>
      <c r="AR19" s="280">
        <v>0</v>
      </c>
      <c r="AS19" s="277">
        <v>4</v>
      </c>
      <c r="AT19" s="282">
        <v>6</v>
      </c>
      <c r="AU19" s="276">
        <v>2</v>
      </c>
      <c r="AV19" s="280">
        <v>5</v>
      </c>
      <c r="AW19" s="277">
        <v>7</v>
      </c>
      <c r="AX19" s="279">
        <v>0</v>
      </c>
      <c r="AY19" s="280">
        <v>12</v>
      </c>
      <c r="AZ19" s="280">
        <v>28</v>
      </c>
      <c r="BA19" s="280">
        <v>13</v>
      </c>
      <c r="BB19" s="280">
        <v>16</v>
      </c>
      <c r="BC19" s="280">
        <v>18</v>
      </c>
      <c r="BD19" s="281">
        <v>87</v>
      </c>
      <c r="BE19" s="282">
        <v>94</v>
      </c>
      <c r="BF19" s="276">
        <v>0</v>
      </c>
      <c r="BG19" s="280">
        <v>0</v>
      </c>
      <c r="BH19" s="277">
        <v>0</v>
      </c>
      <c r="BI19" s="279">
        <v>0</v>
      </c>
      <c r="BJ19" s="280">
        <v>29</v>
      </c>
      <c r="BK19" s="280">
        <v>21</v>
      </c>
      <c r="BL19" s="280">
        <v>8</v>
      </c>
      <c r="BM19" s="280">
        <v>10</v>
      </c>
      <c r="BN19" s="280">
        <v>6</v>
      </c>
      <c r="BO19" s="277">
        <v>74</v>
      </c>
      <c r="BP19" s="282">
        <v>74</v>
      </c>
      <c r="BQ19" s="276">
        <v>2</v>
      </c>
      <c r="BR19" s="280">
        <v>6</v>
      </c>
      <c r="BS19" s="277">
        <v>8</v>
      </c>
      <c r="BT19" s="279">
        <v>0</v>
      </c>
      <c r="BU19" s="280">
        <v>3</v>
      </c>
      <c r="BV19" s="280">
        <v>18</v>
      </c>
      <c r="BW19" s="280">
        <v>2</v>
      </c>
      <c r="BX19" s="280">
        <v>1</v>
      </c>
      <c r="BY19" s="280">
        <v>3</v>
      </c>
      <c r="BZ19" s="277">
        <v>27</v>
      </c>
      <c r="CA19" s="282">
        <v>35</v>
      </c>
      <c r="CB19" s="276">
        <v>0</v>
      </c>
      <c r="CC19" s="280">
        <v>0</v>
      </c>
      <c r="CD19" s="277">
        <v>0</v>
      </c>
      <c r="CE19" s="279">
        <v>0</v>
      </c>
      <c r="CF19" s="280">
        <v>9</v>
      </c>
      <c r="CG19" s="280">
        <v>4</v>
      </c>
      <c r="CH19" s="280">
        <v>3</v>
      </c>
      <c r="CI19" s="280">
        <v>11</v>
      </c>
      <c r="CJ19" s="280">
        <v>2</v>
      </c>
      <c r="CK19" s="277">
        <v>29</v>
      </c>
      <c r="CL19" s="282">
        <v>29</v>
      </c>
      <c r="CM19" s="276">
        <v>0</v>
      </c>
      <c r="CN19" s="280">
        <v>0</v>
      </c>
      <c r="CO19" s="277">
        <v>0</v>
      </c>
      <c r="CP19" s="279">
        <v>0</v>
      </c>
      <c r="CQ19" s="280">
        <v>1</v>
      </c>
      <c r="CR19" s="280">
        <v>1</v>
      </c>
      <c r="CS19" s="280">
        <v>0</v>
      </c>
      <c r="CT19" s="280">
        <v>0</v>
      </c>
      <c r="CU19" s="280">
        <v>0</v>
      </c>
      <c r="CV19" s="277">
        <v>2</v>
      </c>
      <c r="CW19" s="282">
        <v>2</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3</v>
      </c>
      <c r="DU19" s="280">
        <v>23</v>
      </c>
      <c r="DV19" s="277">
        <v>36</v>
      </c>
      <c r="DW19" s="279">
        <v>0</v>
      </c>
      <c r="DX19" s="280">
        <v>27</v>
      </c>
      <c r="DY19" s="280">
        <v>66</v>
      </c>
      <c r="DZ19" s="280">
        <v>34</v>
      </c>
      <c r="EA19" s="280">
        <v>20</v>
      </c>
      <c r="EB19" s="280">
        <v>22</v>
      </c>
      <c r="EC19" s="277">
        <v>169</v>
      </c>
      <c r="ED19" s="282">
        <v>205</v>
      </c>
      <c r="EE19" s="276">
        <v>3</v>
      </c>
      <c r="EF19" s="280">
        <v>2</v>
      </c>
      <c r="EG19" s="277">
        <v>5</v>
      </c>
      <c r="EH19" s="279">
        <v>0</v>
      </c>
      <c r="EI19" s="280">
        <v>7</v>
      </c>
      <c r="EJ19" s="280">
        <v>6</v>
      </c>
      <c r="EK19" s="280">
        <v>6</v>
      </c>
      <c r="EL19" s="280">
        <v>7</v>
      </c>
      <c r="EM19" s="280">
        <v>3</v>
      </c>
      <c r="EN19" s="277">
        <v>29</v>
      </c>
      <c r="EO19" s="282">
        <v>34</v>
      </c>
      <c r="EP19" s="276">
        <v>17</v>
      </c>
      <c r="EQ19" s="280">
        <v>29</v>
      </c>
      <c r="ER19" s="277">
        <v>46</v>
      </c>
      <c r="ES19" s="279">
        <v>0</v>
      </c>
      <c r="ET19" s="280">
        <v>68</v>
      </c>
      <c r="EU19" s="280">
        <v>80</v>
      </c>
      <c r="EV19" s="280">
        <v>33</v>
      </c>
      <c r="EW19" s="280">
        <v>23</v>
      </c>
      <c r="EX19" s="280">
        <v>19</v>
      </c>
      <c r="EY19" s="277">
        <v>223</v>
      </c>
      <c r="EZ19" s="282">
        <v>269</v>
      </c>
    </row>
    <row r="20" spans="2:156" ht="21" customHeight="1" x14ac:dyDescent="0.2">
      <c r="B20" s="261" t="s">
        <v>18</v>
      </c>
      <c r="C20" s="276">
        <v>0</v>
      </c>
      <c r="D20" s="280">
        <v>0</v>
      </c>
      <c r="E20" s="384">
        <v>0</v>
      </c>
      <c r="F20" s="279">
        <v>0</v>
      </c>
      <c r="G20" s="280">
        <v>22</v>
      </c>
      <c r="H20" s="280">
        <v>25</v>
      </c>
      <c r="I20" s="280">
        <v>16</v>
      </c>
      <c r="J20" s="280">
        <v>11</v>
      </c>
      <c r="K20" s="280">
        <v>7</v>
      </c>
      <c r="L20" s="281">
        <v>81</v>
      </c>
      <c r="M20" s="282">
        <v>81</v>
      </c>
      <c r="N20" s="276">
        <v>0</v>
      </c>
      <c r="O20" s="280">
        <v>0</v>
      </c>
      <c r="P20" s="277">
        <v>0</v>
      </c>
      <c r="Q20" s="279">
        <v>0</v>
      </c>
      <c r="R20" s="280">
        <v>1</v>
      </c>
      <c r="S20" s="280">
        <v>0</v>
      </c>
      <c r="T20" s="280">
        <v>2</v>
      </c>
      <c r="U20" s="280">
        <v>3</v>
      </c>
      <c r="V20" s="280">
        <v>2</v>
      </c>
      <c r="W20" s="277">
        <v>8</v>
      </c>
      <c r="X20" s="282">
        <v>8</v>
      </c>
      <c r="Y20" s="276">
        <v>4</v>
      </c>
      <c r="Z20" s="280">
        <v>4</v>
      </c>
      <c r="AA20" s="277">
        <v>8</v>
      </c>
      <c r="AB20" s="279">
        <v>0</v>
      </c>
      <c r="AC20" s="280">
        <v>29</v>
      </c>
      <c r="AD20" s="280">
        <v>24</v>
      </c>
      <c r="AE20" s="280">
        <v>17</v>
      </c>
      <c r="AF20" s="280">
        <v>12</v>
      </c>
      <c r="AG20" s="280">
        <v>3</v>
      </c>
      <c r="AH20" s="277">
        <v>85</v>
      </c>
      <c r="AI20" s="282">
        <v>93</v>
      </c>
      <c r="AJ20" s="276">
        <v>0</v>
      </c>
      <c r="AK20" s="280">
        <v>1</v>
      </c>
      <c r="AL20" s="277">
        <v>1</v>
      </c>
      <c r="AM20" s="279">
        <v>0</v>
      </c>
      <c r="AN20" s="280">
        <v>3</v>
      </c>
      <c r="AO20" s="280">
        <v>3</v>
      </c>
      <c r="AP20" s="280">
        <v>0</v>
      </c>
      <c r="AQ20" s="280">
        <v>0</v>
      </c>
      <c r="AR20" s="280">
        <v>0</v>
      </c>
      <c r="AS20" s="277">
        <v>6</v>
      </c>
      <c r="AT20" s="282">
        <v>7</v>
      </c>
      <c r="AU20" s="276">
        <v>2</v>
      </c>
      <c r="AV20" s="280">
        <v>4</v>
      </c>
      <c r="AW20" s="277">
        <v>6</v>
      </c>
      <c r="AX20" s="279">
        <v>0</v>
      </c>
      <c r="AY20" s="280">
        <v>33</v>
      </c>
      <c r="AZ20" s="280">
        <v>38</v>
      </c>
      <c r="BA20" s="280">
        <v>32</v>
      </c>
      <c r="BB20" s="280">
        <v>25</v>
      </c>
      <c r="BC20" s="280">
        <v>20</v>
      </c>
      <c r="BD20" s="281">
        <v>148</v>
      </c>
      <c r="BE20" s="282">
        <v>154</v>
      </c>
      <c r="BF20" s="276">
        <v>0</v>
      </c>
      <c r="BG20" s="280">
        <v>0</v>
      </c>
      <c r="BH20" s="277">
        <v>0</v>
      </c>
      <c r="BI20" s="279">
        <v>0</v>
      </c>
      <c r="BJ20" s="280">
        <v>39</v>
      </c>
      <c r="BK20" s="280">
        <v>29</v>
      </c>
      <c r="BL20" s="280">
        <v>29</v>
      </c>
      <c r="BM20" s="280">
        <v>7</v>
      </c>
      <c r="BN20" s="280">
        <v>3</v>
      </c>
      <c r="BO20" s="277">
        <v>107</v>
      </c>
      <c r="BP20" s="282">
        <v>107</v>
      </c>
      <c r="BQ20" s="276">
        <v>3</v>
      </c>
      <c r="BR20" s="280">
        <v>7</v>
      </c>
      <c r="BS20" s="277">
        <v>10</v>
      </c>
      <c r="BT20" s="279">
        <v>0</v>
      </c>
      <c r="BU20" s="280">
        <v>15</v>
      </c>
      <c r="BV20" s="280">
        <v>10</v>
      </c>
      <c r="BW20" s="280">
        <v>9</v>
      </c>
      <c r="BX20" s="280">
        <v>1</v>
      </c>
      <c r="BY20" s="280">
        <v>3</v>
      </c>
      <c r="BZ20" s="277">
        <v>38</v>
      </c>
      <c r="CA20" s="282">
        <v>48</v>
      </c>
      <c r="CB20" s="276">
        <v>0</v>
      </c>
      <c r="CC20" s="280">
        <v>1</v>
      </c>
      <c r="CD20" s="277">
        <v>1</v>
      </c>
      <c r="CE20" s="279">
        <v>0</v>
      </c>
      <c r="CF20" s="280">
        <v>4</v>
      </c>
      <c r="CG20" s="280">
        <v>9</v>
      </c>
      <c r="CH20" s="280">
        <v>11</v>
      </c>
      <c r="CI20" s="280">
        <v>3</v>
      </c>
      <c r="CJ20" s="280">
        <v>3</v>
      </c>
      <c r="CK20" s="277">
        <v>30</v>
      </c>
      <c r="CL20" s="282">
        <v>31</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0</v>
      </c>
      <c r="DU20" s="280">
        <v>24</v>
      </c>
      <c r="DV20" s="277">
        <v>34</v>
      </c>
      <c r="DW20" s="279">
        <v>0</v>
      </c>
      <c r="DX20" s="280">
        <v>50</v>
      </c>
      <c r="DY20" s="280">
        <v>57</v>
      </c>
      <c r="DZ20" s="280">
        <v>52</v>
      </c>
      <c r="EA20" s="280">
        <v>29</v>
      </c>
      <c r="EB20" s="280">
        <v>13</v>
      </c>
      <c r="EC20" s="277">
        <v>201</v>
      </c>
      <c r="ED20" s="282">
        <v>235</v>
      </c>
      <c r="EE20" s="276">
        <v>2</v>
      </c>
      <c r="EF20" s="280">
        <v>1</v>
      </c>
      <c r="EG20" s="277">
        <v>3</v>
      </c>
      <c r="EH20" s="279">
        <v>0</v>
      </c>
      <c r="EI20" s="280">
        <v>11</v>
      </c>
      <c r="EJ20" s="280">
        <v>13</v>
      </c>
      <c r="EK20" s="280">
        <v>7</v>
      </c>
      <c r="EL20" s="280">
        <v>8</v>
      </c>
      <c r="EM20" s="280">
        <v>6</v>
      </c>
      <c r="EN20" s="277">
        <v>45</v>
      </c>
      <c r="EO20" s="282">
        <v>48</v>
      </c>
      <c r="EP20" s="276">
        <v>16</v>
      </c>
      <c r="EQ20" s="280">
        <v>33</v>
      </c>
      <c r="ER20" s="277">
        <v>49</v>
      </c>
      <c r="ES20" s="279">
        <v>0</v>
      </c>
      <c r="ET20" s="280">
        <v>110</v>
      </c>
      <c r="EU20" s="280">
        <v>81</v>
      </c>
      <c r="EV20" s="280">
        <v>63</v>
      </c>
      <c r="EW20" s="280">
        <v>26</v>
      </c>
      <c r="EX20" s="280">
        <v>13</v>
      </c>
      <c r="EY20" s="277">
        <v>293</v>
      </c>
      <c r="EZ20" s="282">
        <v>342</v>
      </c>
    </row>
    <row r="21" spans="2:156" ht="21" customHeight="1" x14ac:dyDescent="0.2">
      <c r="B21" s="261" t="s">
        <v>19</v>
      </c>
      <c r="C21" s="276">
        <v>0</v>
      </c>
      <c r="D21" s="280">
        <v>0</v>
      </c>
      <c r="E21" s="384">
        <v>0</v>
      </c>
      <c r="F21" s="279">
        <v>0</v>
      </c>
      <c r="G21" s="280">
        <v>12</v>
      </c>
      <c r="H21" s="280">
        <v>9</v>
      </c>
      <c r="I21" s="280">
        <v>4</v>
      </c>
      <c r="J21" s="280">
        <v>7</v>
      </c>
      <c r="K21" s="280">
        <v>1</v>
      </c>
      <c r="L21" s="281">
        <v>33</v>
      </c>
      <c r="M21" s="282">
        <v>33</v>
      </c>
      <c r="N21" s="276">
        <v>0</v>
      </c>
      <c r="O21" s="280">
        <v>0</v>
      </c>
      <c r="P21" s="277">
        <v>0</v>
      </c>
      <c r="Q21" s="279">
        <v>0</v>
      </c>
      <c r="R21" s="280">
        <v>0</v>
      </c>
      <c r="S21" s="280">
        <v>2</v>
      </c>
      <c r="T21" s="280">
        <v>1</v>
      </c>
      <c r="U21" s="280">
        <v>2</v>
      </c>
      <c r="V21" s="280">
        <v>2</v>
      </c>
      <c r="W21" s="277">
        <v>7</v>
      </c>
      <c r="X21" s="282">
        <v>7</v>
      </c>
      <c r="Y21" s="276">
        <v>1</v>
      </c>
      <c r="Z21" s="280">
        <v>1</v>
      </c>
      <c r="AA21" s="277">
        <v>2</v>
      </c>
      <c r="AB21" s="279">
        <v>0</v>
      </c>
      <c r="AC21" s="280">
        <v>11</v>
      </c>
      <c r="AD21" s="280">
        <v>10</v>
      </c>
      <c r="AE21" s="280">
        <v>7</v>
      </c>
      <c r="AF21" s="280">
        <v>7</v>
      </c>
      <c r="AG21" s="280">
        <v>4</v>
      </c>
      <c r="AH21" s="277">
        <v>39</v>
      </c>
      <c r="AI21" s="282">
        <v>41</v>
      </c>
      <c r="AJ21" s="276">
        <v>0</v>
      </c>
      <c r="AK21" s="280">
        <v>0</v>
      </c>
      <c r="AL21" s="277">
        <v>0</v>
      </c>
      <c r="AM21" s="279">
        <v>0</v>
      </c>
      <c r="AN21" s="280">
        <v>1</v>
      </c>
      <c r="AO21" s="280">
        <v>3</v>
      </c>
      <c r="AP21" s="280">
        <v>1</v>
      </c>
      <c r="AQ21" s="280">
        <v>1</v>
      </c>
      <c r="AR21" s="280">
        <v>0</v>
      </c>
      <c r="AS21" s="277">
        <v>6</v>
      </c>
      <c r="AT21" s="282">
        <v>6</v>
      </c>
      <c r="AU21" s="276">
        <v>4</v>
      </c>
      <c r="AV21" s="280">
        <v>2</v>
      </c>
      <c r="AW21" s="277">
        <v>6</v>
      </c>
      <c r="AX21" s="279">
        <v>0</v>
      </c>
      <c r="AY21" s="280">
        <v>22</v>
      </c>
      <c r="AZ21" s="280">
        <v>17</v>
      </c>
      <c r="BA21" s="280">
        <v>9</v>
      </c>
      <c r="BB21" s="280">
        <v>16</v>
      </c>
      <c r="BC21" s="280">
        <v>6</v>
      </c>
      <c r="BD21" s="281">
        <v>70</v>
      </c>
      <c r="BE21" s="282">
        <v>76</v>
      </c>
      <c r="BF21" s="276">
        <v>0</v>
      </c>
      <c r="BG21" s="280">
        <v>0</v>
      </c>
      <c r="BH21" s="277">
        <v>0</v>
      </c>
      <c r="BI21" s="279">
        <v>0</v>
      </c>
      <c r="BJ21" s="280">
        <v>19</v>
      </c>
      <c r="BK21" s="280">
        <v>16</v>
      </c>
      <c r="BL21" s="280">
        <v>7</v>
      </c>
      <c r="BM21" s="280">
        <v>2</v>
      </c>
      <c r="BN21" s="280">
        <v>1</v>
      </c>
      <c r="BO21" s="277">
        <v>45</v>
      </c>
      <c r="BP21" s="282">
        <v>45</v>
      </c>
      <c r="BQ21" s="276">
        <v>1</v>
      </c>
      <c r="BR21" s="280">
        <v>3</v>
      </c>
      <c r="BS21" s="277">
        <v>4</v>
      </c>
      <c r="BT21" s="279">
        <v>0</v>
      </c>
      <c r="BU21" s="280">
        <v>11</v>
      </c>
      <c r="BV21" s="280">
        <v>7</v>
      </c>
      <c r="BW21" s="280">
        <v>2</v>
      </c>
      <c r="BX21" s="280">
        <v>2</v>
      </c>
      <c r="BY21" s="280">
        <v>0</v>
      </c>
      <c r="BZ21" s="277">
        <v>22</v>
      </c>
      <c r="CA21" s="282">
        <v>26</v>
      </c>
      <c r="CB21" s="276">
        <v>0</v>
      </c>
      <c r="CC21" s="280">
        <v>0</v>
      </c>
      <c r="CD21" s="277">
        <v>0</v>
      </c>
      <c r="CE21" s="279">
        <v>0</v>
      </c>
      <c r="CF21" s="280">
        <v>1</v>
      </c>
      <c r="CG21" s="280">
        <v>0</v>
      </c>
      <c r="CH21" s="280">
        <v>3</v>
      </c>
      <c r="CI21" s="280">
        <v>0</v>
      </c>
      <c r="CJ21" s="280">
        <v>1</v>
      </c>
      <c r="CK21" s="277">
        <v>5</v>
      </c>
      <c r="CL21" s="282">
        <v>5</v>
      </c>
      <c r="CM21" s="276">
        <v>0</v>
      </c>
      <c r="CN21" s="280">
        <v>0</v>
      </c>
      <c r="CO21" s="277">
        <v>0</v>
      </c>
      <c r="CP21" s="279">
        <v>0</v>
      </c>
      <c r="CQ21" s="280">
        <v>1</v>
      </c>
      <c r="CR21" s="280">
        <v>0</v>
      </c>
      <c r="CS21" s="280">
        <v>0</v>
      </c>
      <c r="CT21" s="280">
        <v>0</v>
      </c>
      <c r="CU21" s="280">
        <v>0</v>
      </c>
      <c r="CV21" s="277">
        <v>1</v>
      </c>
      <c r="CW21" s="282">
        <v>1</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4</v>
      </c>
      <c r="DU21" s="280">
        <v>11</v>
      </c>
      <c r="DV21" s="277">
        <v>15</v>
      </c>
      <c r="DW21" s="279">
        <v>0</v>
      </c>
      <c r="DX21" s="280">
        <v>29</v>
      </c>
      <c r="DY21" s="280">
        <v>28</v>
      </c>
      <c r="DZ21" s="280">
        <v>10</v>
      </c>
      <c r="EA21" s="280">
        <v>13</v>
      </c>
      <c r="EB21" s="280">
        <v>10</v>
      </c>
      <c r="EC21" s="277">
        <v>90</v>
      </c>
      <c r="ED21" s="282">
        <v>105</v>
      </c>
      <c r="EE21" s="276">
        <v>0</v>
      </c>
      <c r="EF21" s="280">
        <v>2</v>
      </c>
      <c r="EG21" s="277">
        <v>2</v>
      </c>
      <c r="EH21" s="279">
        <v>0</v>
      </c>
      <c r="EI21" s="280">
        <v>8</v>
      </c>
      <c r="EJ21" s="280">
        <v>6</v>
      </c>
      <c r="EK21" s="280">
        <v>3</v>
      </c>
      <c r="EL21" s="280">
        <v>6</v>
      </c>
      <c r="EM21" s="280">
        <v>0</v>
      </c>
      <c r="EN21" s="277">
        <v>23</v>
      </c>
      <c r="EO21" s="282">
        <v>25</v>
      </c>
      <c r="EP21" s="276">
        <v>6</v>
      </c>
      <c r="EQ21" s="280">
        <v>12</v>
      </c>
      <c r="ER21" s="277">
        <v>18</v>
      </c>
      <c r="ES21" s="279">
        <v>0</v>
      </c>
      <c r="ET21" s="280">
        <v>47</v>
      </c>
      <c r="EU21" s="280">
        <v>37</v>
      </c>
      <c r="EV21" s="280">
        <v>13</v>
      </c>
      <c r="EW21" s="280">
        <v>12</v>
      </c>
      <c r="EX21" s="280">
        <v>8</v>
      </c>
      <c r="EY21" s="277">
        <v>117</v>
      </c>
      <c r="EZ21" s="282">
        <v>135</v>
      </c>
    </row>
    <row r="22" spans="2:156" ht="21" customHeight="1" x14ac:dyDescent="0.2">
      <c r="B22" s="261" t="s">
        <v>20</v>
      </c>
      <c r="C22" s="276">
        <v>0</v>
      </c>
      <c r="D22" s="280">
        <v>0</v>
      </c>
      <c r="E22" s="384">
        <v>0</v>
      </c>
      <c r="F22" s="279">
        <v>0</v>
      </c>
      <c r="G22" s="280">
        <v>22</v>
      </c>
      <c r="H22" s="280">
        <v>17</v>
      </c>
      <c r="I22" s="280">
        <v>9</v>
      </c>
      <c r="J22" s="280">
        <v>5</v>
      </c>
      <c r="K22" s="280">
        <v>3</v>
      </c>
      <c r="L22" s="281">
        <v>56</v>
      </c>
      <c r="M22" s="282">
        <v>56</v>
      </c>
      <c r="N22" s="276">
        <v>0</v>
      </c>
      <c r="O22" s="280">
        <v>0</v>
      </c>
      <c r="P22" s="277">
        <v>0</v>
      </c>
      <c r="Q22" s="279">
        <v>0</v>
      </c>
      <c r="R22" s="280">
        <v>0</v>
      </c>
      <c r="S22" s="280">
        <v>0</v>
      </c>
      <c r="T22" s="280">
        <v>0</v>
      </c>
      <c r="U22" s="280">
        <v>1</v>
      </c>
      <c r="V22" s="280">
        <v>2</v>
      </c>
      <c r="W22" s="277">
        <v>3</v>
      </c>
      <c r="X22" s="282">
        <v>3</v>
      </c>
      <c r="Y22" s="276">
        <v>4</v>
      </c>
      <c r="Z22" s="280">
        <v>5</v>
      </c>
      <c r="AA22" s="277">
        <v>9</v>
      </c>
      <c r="AB22" s="279">
        <v>0</v>
      </c>
      <c r="AC22" s="280">
        <v>25</v>
      </c>
      <c r="AD22" s="280">
        <v>20</v>
      </c>
      <c r="AE22" s="280">
        <v>8</v>
      </c>
      <c r="AF22" s="280">
        <v>4</v>
      </c>
      <c r="AG22" s="280">
        <v>2</v>
      </c>
      <c r="AH22" s="277">
        <v>59</v>
      </c>
      <c r="AI22" s="282">
        <v>68</v>
      </c>
      <c r="AJ22" s="276">
        <v>0</v>
      </c>
      <c r="AK22" s="280">
        <v>4</v>
      </c>
      <c r="AL22" s="277">
        <v>4</v>
      </c>
      <c r="AM22" s="279">
        <v>0</v>
      </c>
      <c r="AN22" s="280">
        <v>6</v>
      </c>
      <c r="AO22" s="280">
        <v>3</v>
      </c>
      <c r="AP22" s="280">
        <v>3</v>
      </c>
      <c r="AQ22" s="280">
        <v>3</v>
      </c>
      <c r="AR22" s="280">
        <v>0</v>
      </c>
      <c r="AS22" s="277">
        <v>15</v>
      </c>
      <c r="AT22" s="282">
        <v>19</v>
      </c>
      <c r="AU22" s="276">
        <v>3</v>
      </c>
      <c r="AV22" s="280">
        <v>7</v>
      </c>
      <c r="AW22" s="277">
        <v>10</v>
      </c>
      <c r="AX22" s="279">
        <v>0</v>
      </c>
      <c r="AY22" s="280">
        <v>18</v>
      </c>
      <c r="AZ22" s="280">
        <v>22</v>
      </c>
      <c r="BA22" s="280">
        <v>21</v>
      </c>
      <c r="BB22" s="280">
        <v>19</v>
      </c>
      <c r="BC22" s="280">
        <v>11</v>
      </c>
      <c r="BD22" s="281">
        <v>91</v>
      </c>
      <c r="BE22" s="282">
        <v>101</v>
      </c>
      <c r="BF22" s="276">
        <v>0</v>
      </c>
      <c r="BG22" s="280">
        <v>0</v>
      </c>
      <c r="BH22" s="277">
        <v>0</v>
      </c>
      <c r="BI22" s="279">
        <v>0</v>
      </c>
      <c r="BJ22" s="280">
        <v>24</v>
      </c>
      <c r="BK22" s="280">
        <v>22</v>
      </c>
      <c r="BL22" s="280">
        <v>11</v>
      </c>
      <c r="BM22" s="280">
        <v>5</v>
      </c>
      <c r="BN22" s="280">
        <v>1</v>
      </c>
      <c r="BO22" s="277">
        <v>63</v>
      </c>
      <c r="BP22" s="282">
        <v>63</v>
      </c>
      <c r="BQ22" s="276">
        <v>4</v>
      </c>
      <c r="BR22" s="280">
        <v>3</v>
      </c>
      <c r="BS22" s="277">
        <v>7</v>
      </c>
      <c r="BT22" s="279">
        <v>0</v>
      </c>
      <c r="BU22" s="280">
        <v>13</v>
      </c>
      <c r="BV22" s="280">
        <v>5</v>
      </c>
      <c r="BW22" s="280">
        <v>7</v>
      </c>
      <c r="BX22" s="280">
        <v>7</v>
      </c>
      <c r="BY22" s="280">
        <v>1</v>
      </c>
      <c r="BZ22" s="277">
        <v>33</v>
      </c>
      <c r="CA22" s="282">
        <v>40</v>
      </c>
      <c r="CB22" s="276">
        <v>0</v>
      </c>
      <c r="CC22" s="280">
        <v>1</v>
      </c>
      <c r="CD22" s="277">
        <v>1</v>
      </c>
      <c r="CE22" s="279">
        <v>0</v>
      </c>
      <c r="CF22" s="280">
        <v>1</v>
      </c>
      <c r="CG22" s="280">
        <v>3</v>
      </c>
      <c r="CH22" s="280">
        <v>5</v>
      </c>
      <c r="CI22" s="280">
        <v>11</v>
      </c>
      <c r="CJ22" s="280">
        <v>1</v>
      </c>
      <c r="CK22" s="277">
        <v>21</v>
      </c>
      <c r="CL22" s="282">
        <v>22</v>
      </c>
      <c r="CM22" s="276">
        <v>0</v>
      </c>
      <c r="CN22" s="280">
        <v>0</v>
      </c>
      <c r="CO22" s="277">
        <v>0</v>
      </c>
      <c r="CP22" s="279">
        <v>0</v>
      </c>
      <c r="CQ22" s="280">
        <v>0</v>
      </c>
      <c r="CR22" s="280">
        <v>0</v>
      </c>
      <c r="CS22" s="280">
        <v>1</v>
      </c>
      <c r="CT22" s="280">
        <v>1</v>
      </c>
      <c r="CU22" s="280">
        <v>0</v>
      </c>
      <c r="CV22" s="277">
        <v>2</v>
      </c>
      <c r="CW22" s="282">
        <v>2</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10</v>
      </c>
      <c r="DU22" s="280">
        <v>19</v>
      </c>
      <c r="DV22" s="277">
        <v>29</v>
      </c>
      <c r="DW22" s="279">
        <v>0</v>
      </c>
      <c r="DX22" s="280">
        <v>52</v>
      </c>
      <c r="DY22" s="280">
        <v>37</v>
      </c>
      <c r="DZ22" s="280">
        <v>24</v>
      </c>
      <c r="EA22" s="280">
        <v>15</v>
      </c>
      <c r="EB22" s="280">
        <v>6</v>
      </c>
      <c r="EC22" s="277">
        <v>134</v>
      </c>
      <c r="ED22" s="282">
        <v>163</v>
      </c>
      <c r="EE22" s="276">
        <v>2</v>
      </c>
      <c r="EF22" s="280">
        <v>3</v>
      </c>
      <c r="EG22" s="277">
        <v>5</v>
      </c>
      <c r="EH22" s="279">
        <v>0</v>
      </c>
      <c r="EI22" s="280">
        <v>4</v>
      </c>
      <c r="EJ22" s="280">
        <v>8</v>
      </c>
      <c r="EK22" s="280">
        <v>5</v>
      </c>
      <c r="EL22" s="280">
        <v>6</v>
      </c>
      <c r="EM22" s="280">
        <v>7</v>
      </c>
      <c r="EN22" s="277">
        <v>30</v>
      </c>
      <c r="EO22" s="282">
        <v>35</v>
      </c>
      <c r="EP22" s="276">
        <v>16</v>
      </c>
      <c r="EQ22" s="280">
        <v>29</v>
      </c>
      <c r="ER22" s="277">
        <v>45</v>
      </c>
      <c r="ES22" s="279">
        <v>0</v>
      </c>
      <c r="ET22" s="280">
        <v>89</v>
      </c>
      <c r="EU22" s="280">
        <v>55</v>
      </c>
      <c r="EV22" s="280">
        <v>32</v>
      </c>
      <c r="EW22" s="280">
        <v>21</v>
      </c>
      <c r="EX22" s="280">
        <v>5</v>
      </c>
      <c r="EY22" s="277">
        <v>202</v>
      </c>
      <c r="EZ22" s="282">
        <v>247</v>
      </c>
    </row>
    <row r="23" spans="2:156" ht="21" customHeight="1" x14ac:dyDescent="0.2">
      <c r="B23" s="261" t="s">
        <v>21</v>
      </c>
      <c r="C23" s="276">
        <v>0</v>
      </c>
      <c r="D23" s="280">
        <v>0</v>
      </c>
      <c r="E23" s="384">
        <v>0</v>
      </c>
      <c r="F23" s="279">
        <v>0</v>
      </c>
      <c r="G23" s="280">
        <v>18</v>
      </c>
      <c r="H23" s="280">
        <v>8</v>
      </c>
      <c r="I23" s="280">
        <v>7</v>
      </c>
      <c r="J23" s="280">
        <v>9</v>
      </c>
      <c r="K23" s="280">
        <v>4</v>
      </c>
      <c r="L23" s="281">
        <v>46</v>
      </c>
      <c r="M23" s="282">
        <v>46</v>
      </c>
      <c r="N23" s="276">
        <v>0</v>
      </c>
      <c r="O23" s="280">
        <v>0</v>
      </c>
      <c r="P23" s="277">
        <v>0</v>
      </c>
      <c r="Q23" s="279">
        <v>0</v>
      </c>
      <c r="R23" s="280">
        <v>0</v>
      </c>
      <c r="S23" s="280">
        <v>0</v>
      </c>
      <c r="T23" s="280">
        <v>1</v>
      </c>
      <c r="U23" s="280">
        <v>1</v>
      </c>
      <c r="V23" s="280">
        <v>3</v>
      </c>
      <c r="W23" s="277">
        <v>5</v>
      </c>
      <c r="X23" s="282">
        <v>5</v>
      </c>
      <c r="Y23" s="276">
        <v>4</v>
      </c>
      <c r="Z23" s="280">
        <v>2</v>
      </c>
      <c r="AA23" s="277">
        <v>6</v>
      </c>
      <c r="AB23" s="279">
        <v>0</v>
      </c>
      <c r="AC23" s="280">
        <v>18</v>
      </c>
      <c r="AD23" s="280">
        <v>16</v>
      </c>
      <c r="AE23" s="280">
        <v>8</v>
      </c>
      <c r="AF23" s="280">
        <v>9</v>
      </c>
      <c r="AG23" s="280">
        <v>8</v>
      </c>
      <c r="AH23" s="277">
        <v>59</v>
      </c>
      <c r="AI23" s="282">
        <v>65</v>
      </c>
      <c r="AJ23" s="276">
        <v>0</v>
      </c>
      <c r="AK23" s="280">
        <v>1</v>
      </c>
      <c r="AL23" s="277">
        <v>1</v>
      </c>
      <c r="AM23" s="279">
        <v>0</v>
      </c>
      <c r="AN23" s="280">
        <v>1</v>
      </c>
      <c r="AO23" s="280">
        <v>3</v>
      </c>
      <c r="AP23" s="280">
        <v>0</v>
      </c>
      <c r="AQ23" s="280">
        <v>1</v>
      </c>
      <c r="AR23" s="280">
        <v>0</v>
      </c>
      <c r="AS23" s="277">
        <v>5</v>
      </c>
      <c r="AT23" s="282">
        <v>6</v>
      </c>
      <c r="AU23" s="276">
        <v>4</v>
      </c>
      <c r="AV23" s="280">
        <v>4</v>
      </c>
      <c r="AW23" s="277">
        <v>8</v>
      </c>
      <c r="AX23" s="279">
        <v>0</v>
      </c>
      <c r="AY23" s="280">
        <v>11</v>
      </c>
      <c r="AZ23" s="280">
        <v>16</v>
      </c>
      <c r="BA23" s="280">
        <v>14</v>
      </c>
      <c r="BB23" s="280">
        <v>19</v>
      </c>
      <c r="BC23" s="280">
        <v>11</v>
      </c>
      <c r="BD23" s="281">
        <v>71</v>
      </c>
      <c r="BE23" s="282">
        <v>79</v>
      </c>
      <c r="BF23" s="276">
        <v>0</v>
      </c>
      <c r="BG23" s="280">
        <v>0</v>
      </c>
      <c r="BH23" s="277">
        <v>0</v>
      </c>
      <c r="BI23" s="279">
        <v>0</v>
      </c>
      <c r="BJ23" s="280">
        <v>16</v>
      </c>
      <c r="BK23" s="280">
        <v>17</v>
      </c>
      <c r="BL23" s="280">
        <v>10</v>
      </c>
      <c r="BM23" s="280">
        <v>4</v>
      </c>
      <c r="BN23" s="280">
        <v>4</v>
      </c>
      <c r="BO23" s="277">
        <v>51</v>
      </c>
      <c r="BP23" s="282">
        <v>51</v>
      </c>
      <c r="BQ23" s="276">
        <v>2</v>
      </c>
      <c r="BR23" s="280">
        <v>0</v>
      </c>
      <c r="BS23" s="277">
        <v>2</v>
      </c>
      <c r="BT23" s="279">
        <v>0</v>
      </c>
      <c r="BU23" s="280">
        <v>7</v>
      </c>
      <c r="BV23" s="280">
        <v>8</v>
      </c>
      <c r="BW23" s="280">
        <v>1</v>
      </c>
      <c r="BX23" s="280">
        <v>1</v>
      </c>
      <c r="BY23" s="280">
        <v>0</v>
      </c>
      <c r="BZ23" s="277">
        <v>17</v>
      </c>
      <c r="CA23" s="282">
        <v>19</v>
      </c>
      <c r="CB23" s="276">
        <v>0</v>
      </c>
      <c r="CC23" s="280">
        <v>1</v>
      </c>
      <c r="CD23" s="277">
        <v>1</v>
      </c>
      <c r="CE23" s="279">
        <v>0</v>
      </c>
      <c r="CF23" s="280">
        <v>2</v>
      </c>
      <c r="CG23" s="280">
        <v>4</v>
      </c>
      <c r="CH23" s="280">
        <v>8</v>
      </c>
      <c r="CI23" s="280">
        <v>6</v>
      </c>
      <c r="CJ23" s="280">
        <v>3</v>
      </c>
      <c r="CK23" s="277">
        <v>23</v>
      </c>
      <c r="CL23" s="282">
        <v>24</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4</v>
      </c>
      <c r="DU23" s="280">
        <v>14</v>
      </c>
      <c r="DV23" s="277">
        <v>18</v>
      </c>
      <c r="DW23" s="279">
        <v>0</v>
      </c>
      <c r="DX23" s="280">
        <v>22</v>
      </c>
      <c r="DY23" s="280">
        <v>39</v>
      </c>
      <c r="DZ23" s="280">
        <v>24</v>
      </c>
      <c r="EA23" s="280">
        <v>20</v>
      </c>
      <c r="EB23" s="280">
        <v>9</v>
      </c>
      <c r="EC23" s="277">
        <v>114</v>
      </c>
      <c r="ED23" s="282">
        <v>132</v>
      </c>
      <c r="EE23" s="276">
        <v>1</v>
      </c>
      <c r="EF23" s="280">
        <v>1</v>
      </c>
      <c r="EG23" s="277">
        <v>2</v>
      </c>
      <c r="EH23" s="279">
        <v>0</v>
      </c>
      <c r="EI23" s="280">
        <v>6</v>
      </c>
      <c r="EJ23" s="280">
        <v>3</v>
      </c>
      <c r="EK23" s="280">
        <v>7</v>
      </c>
      <c r="EL23" s="280">
        <v>3</v>
      </c>
      <c r="EM23" s="280">
        <v>2</v>
      </c>
      <c r="EN23" s="277">
        <v>21</v>
      </c>
      <c r="EO23" s="282">
        <v>23</v>
      </c>
      <c r="EP23" s="276">
        <v>10</v>
      </c>
      <c r="EQ23" s="280">
        <v>15</v>
      </c>
      <c r="ER23" s="277">
        <v>25</v>
      </c>
      <c r="ES23" s="279">
        <v>0</v>
      </c>
      <c r="ET23" s="280">
        <v>51</v>
      </c>
      <c r="EU23" s="280">
        <v>53</v>
      </c>
      <c r="EV23" s="280">
        <v>28</v>
      </c>
      <c r="EW23" s="280">
        <v>21</v>
      </c>
      <c r="EX23" s="280">
        <v>9</v>
      </c>
      <c r="EY23" s="277">
        <v>162</v>
      </c>
      <c r="EZ23" s="282">
        <v>187</v>
      </c>
    </row>
    <row r="24" spans="2:156" ht="21" customHeight="1" x14ac:dyDescent="0.2">
      <c r="B24" s="261" t="s">
        <v>22</v>
      </c>
      <c r="C24" s="276">
        <v>0</v>
      </c>
      <c r="D24" s="280">
        <v>0</v>
      </c>
      <c r="E24" s="384">
        <v>0</v>
      </c>
      <c r="F24" s="279">
        <v>0</v>
      </c>
      <c r="G24" s="280">
        <v>6</v>
      </c>
      <c r="H24" s="280">
        <v>8</v>
      </c>
      <c r="I24" s="280">
        <v>3</v>
      </c>
      <c r="J24" s="280">
        <v>7</v>
      </c>
      <c r="K24" s="280">
        <v>1</v>
      </c>
      <c r="L24" s="281">
        <v>25</v>
      </c>
      <c r="M24" s="282">
        <v>25</v>
      </c>
      <c r="N24" s="276">
        <v>0</v>
      </c>
      <c r="O24" s="280">
        <v>0</v>
      </c>
      <c r="P24" s="277">
        <v>0</v>
      </c>
      <c r="Q24" s="279">
        <v>0</v>
      </c>
      <c r="R24" s="280">
        <v>0</v>
      </c>
      <c r="S24" s="280">
        <v>0</v>
      </c>
      <c r="T24" s="280">
        <v>0</v>
      </c>
      <c r="U24" s="280">
        <v>1</v>
      </c>
      <c r="V24" s="280">
        <v>0</v>
      </c>
      <c r="W24" s="277">
        <v>1</v>
      </c>
      <c r="X24" s="282">
        <v>1</v>
      </c>
      <c r="Y24" s="276">
        <v>0</v>
      </c>
      <c r="Z24" s="280">
        <v>1</v>
      </c>
      <c r="AA24" s="277">
        <v>1</v>
      </c>
      <c r="AB24" s="279">
        <v>0</v>
      </c>
      <c r="AC24" s="280">
        <v>2</v>
      </c>
      <c r="AD24" s="280">
        <v>2</v>
      </c>
      <c r="AE24" s="280">
        <v>2</v>
      </c>
      <c r="AF24" s="280">
        <v>2</v>
      </c>
      <c r="AG24" s="280">
        <v>0</v>
      </c>
      <c r="AH24" s="277">
        <v>8</v>
      </c>
      <c r="AI24" s="282">
        <v>9</v>
      </c>
      <c r="AJ24" s="276">
        <v>0</v>
      </c>
      <c r="AK24" s="280">
        <v>0</v>
      </c>
      <c r="AL24" s="277">
        <v>0</v>
      </c>
      <c r="AM24" s="279">
        <v>0</v>
      </c>
      <c r="AN24" s="280">
        <v>1</v>
      </c>
      <c r="AO24" s="280">
        <v>1</v>
      </c>
      <c r="AP24" s="280">
        <v>1</v>
      </c>
      <c r="AQ24" s="280">
        <v>0</v>
      </c>
      <c r="AR24" s="280">
        <v>0</v>
      </c>
      <c r="AS24" s="277">
        <v>3</v>
      </c>
      <c r="AT24" s="282">
        <v>3</v>
      </c>
      <c r="AU24" s="276">
        <v>0</v>
      </c>
      <c r="AV24" s="280">
        <v>0</v>
      </c>
      <c r="AW24" s="277">
        <v>0</v>
      </c>
      <c r="AX24" s="279">
        <v>0</v>
      </c>
      <c r="AY24" s="280">
        <v>3</v>
      </c>
      <c r="AZ24" s="280">
        <v>6</v>
      </c>
      <c r="BA24" s="280">
        <v>3</v>
      </c>
      <c r="BB24" s="280">
        <v>5</v>
      </c>
      <c r="BC24" s="280">
        <v>2</v>
      </c>
      <c r="BD24" s="281">
        <v>19</v>
      </c>
      <c r="BE24" s="282">
        <v>19</v>
      </c>
      <c r="BF24" s="276">
        <v>0</v>
      </c>
      <c r="BG24" s="280">
        <v>0</v>
      </c>
      <c r="BH24" s="277">
        <v>0</v>
      </c>
      <c r="BI24" s="279">
        <v>0</v>
      </c>
      <c r="BJ24" s="280">
        <v>8</v>
      </c>
      <c r="BK24" s="280">
        <v>8</v>
      </c>
      <c r="BL24" s="280">
        <v>7</v>
      </c>
      <c r="BM24" s="280">
        <v>2</v>
      </c>
      <c r="BN24" s="280">
        <v>2</v>
      </c>
      <c r="BO24" s="277">
        <v>27</v>
      </c>
      <c r="BP24" s="282">
        <v>27</v>
      </c>
      <c r="BQ24" s="276">
        <v>0</v>
      </c>
      <c r="BR24" s="280">
        <v>0</v>
      </c>
      <c r="BS24" s="277">
        <v>0</v>
      </c>
      <c r="BT24" s="279">
        <v>0</v>
      </c>
      <c r="BU24" s="280">
        <v>2</v>
      </c>
      <c r="BV24" s="280">
        <v>3</v>
      </c>
      <c r="BW24" s="280">
        <v>2</v>
      </c>
      <c r="BX24" s="280">
        <v>1</v>
      </c>
      <c r="BY24" s="280">
        <v>1</v>
      </c>
      <c r="BZ24" s="277">
        <v>9</v>
      </c>
      <c r="CA24" s="282">
        <v>9</v>
      </c>
      <c r="CB24" s="276">
        <v>0</v>
      </c>
      <c r="CC24" s="280">
        <v>0</v>
      </c>
      <c r="CD24" s="277">
        <v>0</v>
      </c>
      <c r="CE24" s="279">
        <v>0</v>
      </c>
      <c r="CF24" s="280">
        <v>1</v>
      </c>
      <c r="CG24" s="280">
        <v>2</v>
      </c>
      <c r="CH24" s="280">
        <v>2</v>
      </c>
      <c r="CI24" s="280">
        <v>3</v>
      </c>
      <c r="CJ24" s="280">
        <v>0</v>
      </c>
      <c r="CK24" s="277">
        <v>8</v>
      </c>
      <c r="CL24" s="282">
        <v>8</v>
      </c>
      <c r="CM24" s="276">
        <v>0</v>
      </c>
      <c r="CN24" s="280">
        <v>0</v>
      </c>
      <c r="CO24" s="277">
        <v>0</v>
      </c>
      <c r="CP24" s="279">
        <v>0</v>
      </c>
      <c r="CQ24" s="280">
        <v>0</v>
      </c>
      <c r="CR24" s="280">
        <v>0</v>
      </c>
      <c r="CS24" s="280">
        <v>1</v>
      </c>
      <c r="CT24" s="280">
        <v>1</v>
      </c>
      <c r="CU24" s="280">
        <v>0</v>
      </c>
      <c r="CV24" s="277">
        <v>2</v>
      </c>
      <c r="CW24" s="282">
        <v>2</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1</v>
      </c>
      <c r="DU24" s="280">
        <v>7</v>
      </c>
      <c r="DV24" s="277">
        <v>8</v>
      </c>
      <c r="DW24" s="279">
        <v>0</v>
      </c>
      <c r="DX24" s="280">
        <v>13</v>
      </c>
      <c r="DY24" s="280">
        <v>18</v>
      </c>
      <c r="DZ24" s="280">
        <v>8</v>
      </c>
      <c r="EA24" s="280">
        <v>10</v>
      </c>
      <c r="EB24" s="280">
        <v>4</v>
      </c>
      <c r="EC24" s="277">
        <v>53</v>
      </c>
      <c r="ED24" s="282">
        <v>61</v>
      </c>
      <c r="EE24" s="276">
        <v>0</v>
      </c>
      <c r="EF24" s="280">
        <v>0</v>
      </c>
      <c r="EG24" s="277">
        <v>0</v>
      </c>
      <c r="EH24" s="279">
        <v>0</v>
      </c>
      <c r="EI24" s="280">
        <v>4</v>
      </c>
      <c r="EJ24" s="280">
        <v>2</v>
      </c>
      <c r="EK24" s="280">
        <v>1</v>
      </c>
      <c r="EL24" s="280">
        <v>2</v>
      </c>
      <c r="EM24" s="280">
        <v>0</v>
      </c>
      <c r="EN24" s="277">
        <v>9</v>
      </c>
      <c r="EO24" s="282">
        <v>9</v>
      </c>
      <c r="EP24" s="276">
        <v>1</v>
      </c>
      <c r="EQ24" s="280">
        <v>8</v>
      </c>
      <c r="ER24" s="277">
        <v>9</v>
      </c>
      <c r="ES24" s="279">
        <v>0</v>
      </c>
      <c r="ET24" s="280">
        <v>26</v>
      </c>
      <c r="EU24" s="280">
        <v>24</v>
      </c>
      <c r="EV24" s="280">
        <v>13</v>
      </c>
      <c r="EW24" s="280">
        <v>11</v>
      </c>
      <c r="EX24" s="280">
        <v>4</v>
      </c>
      <c r="EY24" s="277">
        <v>78</v>
      </c>
      <c r="EZ24" s="282">
        <v>87</v>
      </c>
    </row>
    <row r="25" spans="2:156" ht="21" customHeight="1" x14ac:dyDescent="0.2">
      <c r="B25" s="261" t="s">
        <v>23</v>
      </c>
      <c r="C25" s="276">
        <v>0</v>
      </c>
      <c r="D25" s="280">
        <v>0</v>
      </c>
      <c r="E25" s="384">
        <v>0</v>
      </c>
      <c r="F25" s="279">
        <v>0</v>
      </c>
      <c r="G25" s="280">
        <v>3</v>
      </c>
      <c r="H25" s="280">
        <v>10</v>
      </c>
      <c r="I25" s="280">
        <v>6</v>
      </c>
      <c r="J25" s="280">
        <v>2</v>
      </c>
      <c r="K25" s="280">
        <v>2</v>
      </c>
      <c r="L25" s="281">
        <v>23</v>
      </c>
      <c r="M25" s="282">
        <v>23</v>
      </c>
      <c r="N25" s="276">
        <v>0</v>
      </c>
      <c r="O25" s="280">
        <v>0</v>
      </c>
      <c r="P25" s="277">
        <v>0</v>
      </c>
      <c r="Q25" s="279">
        <v>0</v>
      </c>
      <c r="R25" s="280">
        <v>0</v>
      </c>
      <c r="S25" s="280">
        <v>1</v>
      </c>
      <c r="T25" s="280">
        <v>1</v>
      </c>
      <c r="U25" s="280">
        <v>0</v>
      </c>
      <c r="V25" s="280">
        <v>1</v>
      </c>
      <c r="W25" s="277">
        <v>3</v>
      </c>
      <c r="X25" s="282">
        <v>3</v>
      </c>
      <c r="Y25" s="276">
        <v>2</v>
      </c>
      <c r="Z25" s="280">
        <v>5</v>
      </c>
      <c r="AA25" s="277">
        <v>7</v>
      </c>
      <c r="AB25" s="279">
        <v>0</v>
      </c>
      <c r="AC25" s="280">
        <v>5</v>
      </c>
      <c r="AD25" s="280">
        <v>14</v>
      </c>
      <c r="AE25" s="280">
        <v>6</v>
      </c>
      <c r="AF25" s="280">
        <v>1</v>
      </c>
      <c r="AG25" s="280">
        <v>2</v>
      </c>
      <c r="AH25" s="277">
        <v>28</v>
      </c>
      <c r="AI25" s="282">
        <v>35</v>
      </c>
      <c r="AJ25" s="276">
        <v>1</v>
      </c>
      <c r="AK25" s="280">
        <v>0</v>
      </c>
      <c r="AL25" s="277">
        <v>1</v>
      </c>
      <c r="AM25" s="279">
        <v>0</v>
      </c>
      <c r="AN25" s="280">
        <v>1</v>
      </c>
      <c r="AO25" s="280">
        <v>1</v>
      </c>
      <c r="AP25" s="280">
        <v>0</v>
      </c>
      <c r="AQ25" s="280">
        <v>0</v>
      </c>
      <c r="AR25" s="280">
        <v>0</v>
      </c>
      <c r="AS25" s="277">
        <v>2</v>
      </c>
      <c r="AT25" s="282">
        <v>3</v>
      </c>
      <c r="AU25" s="276">
        <v>3</v>
      </c>
      <c r="AV25" s="280">
        <v>0</v>
      </c>
      <c r="AW25" s="277">
        <v>3</v>
      </c>
      <c r="AX25" s="279">
        <v>0</v>
      </c>
      <c r="AY25" s="280">
        <v>15</v>
      </c>
      <c r="AZ25" s="280">
        <v>10</v>
      </c>
      <c r="BA25" s="280">
        <v>7</v>
      </c>
      <c r="BB25" s="280">
        <v>9</v>
      </c>
      <c r="BC25" s="280">
        <v>7</v>
      </c>
      <c r="BD25" s="281">
        <v>48</v>
      </c>
      <c r="BE25" s="282">
        <v>51</v>
      </c>
      <c r="BF25" s="276">
        <v>0</v>
      </c>
      <c r="BG25" s="280">
        <v>0</v>
      </c>
      <c r="BH25" s="277">
        <v>0</v>
      </c>
      <c r="BI25" s="279">
        <v>0</v>
      </c>
      <c r="BJ25" s="280">
        <v>17</v>
      </c>
      <c r="BK25" s="280">
        <v>16</v>
      </c>
      <c r="BL25" s="280">
        <v>10</v>
      </c>
      <c r="BM25" s="280">
        <v>3</v>
      </c>
      <c r="BN25" s="280">
        <v>2</v>
      </c>
      <c r="BO25" s="277">
        <v>48</v>
      </c>
      <c r="BP25" s="282">
        <v>48</v>
      </c>
      <c r="BQ25" s="276">
        <v>0</v>
      </c>
      <c r="BR25" s="280">
        <v>0</v>
      </c>
      <c r="BS25" s="277">
        <v>0</v>
      </c>
      <c r="BT25" s="279">
        <v>0</v>
      </c>
      <c r="BU25" s="280">
        <v>3</v>
      </c>
      <c r="BV25" s="280">
        <v>6</v>
      </c>
      <c r="BW25" s="280">
        <v>3</v>
      </c>
      <c r="BX25" s="280">
        <v>0</v>
      </c>
      <c r="BY25" s="280">
        <v>2</v>
      </c>
      <c r="BZ25" s="277">
        <v>14</v>
      </c>
      <c r="CA25" s="282">
        <v>14</v>
      </c>
      <c r="CB25" s="276">
        <v>0</v>
      </c>
      <c r="CC25" s="280">
        <v>0</v>
      </c>
      <c r="CD25" s="277">
        <v>0</v>
      </c>
      <c r="CE25" s="279">
        <v>0</v>
      </c>
      <c r="CF25" s="280">
        <v>2</v>
      </c>
      <c r="CG25" s="280">
        <v>2</v>
      </c>
      <c r="CH25" s="280">
        <v>5</v>
      </c>
      <c r="CI25" s="280">
        <v>2</v>
      </c>
      <c r="CJ25" s="280">
        <v>1</v>
      </c>
      <c r="CK25" s="277">
        <v>12</v>
      </c>
      <c r="CL25" s="282">
        <v>12</v>
      </c>
      <c r="CM25" s="276">
        <v>0</v>
      </c>
      <c r="CN25" s="280">
        <v>1</v>
      </c>
      <c r="CO25" s="277">
        <v>1</v>
      </c>
      <c r="CP25" s="279">
        <v>0</v>
      </c>
      <c r="CQ25" s="280">
        <v>1</v>
      </c>
      <c r="CR25" s="280">
        <v>0</v>
      </c>
      <c r="CS25" s="280">
        <v>0</v>
      </c>
      <c r="CT25" s="280">
        <v>0</v>
      </c>
      <c r="CU25" s="280">
        <v>1</v>
      </c>
      <c r="CV25" s="277">
        <v>2</v>
      </c>
      <c r="CW25" s="282">
        <v>3</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3</v>
      </c>
      <c r="DU25" s="280">
        <v>7</v>
      </c>
      <c r="DV25" s="277">
        <v>10</v>
      </c>
      <c r="DW25" s="279">
        <v>0</v>
      </c>
      <c r="DX25" s="280">
        <v>12</v>
      </c>
      <c r="DY25" s="280">
        <v>25</v>
      </c>
      <c r="DZ25" s="280">
        <v>11</v>
      </c>
      <c r="EA25" s="280">
        <v>4</v>
      </c>
      <c r="EB25" s="280">
        <v>6</v>
      </c>
      <c r="EC25" s="277">
        <v>58</v>
      </c>
      <c r="ED25" s="282">
        <v>68</v>
      </c>
      <c r="EE25" s="276">
        <v>2</v>
      </c>
      <c r="EF25" s="280">
        <v>0</v>
      </c>
      <c r="EG25" s="277">
        <v>2</v>
      </c>
      <c r="EH25" s="279">
        <v>0</v>
      </c>
      <c r="EI25" s="280">
        <v>8</v>
      </c>
      <c r="EJ25" s="280">
        <v>3</v>
      </c>
      <c r="EK25" s="280">
        <v>0</v>
      </c>
      <c r="EL25" s="280">
        <v>4</v>
      </c>
      <c r="EM25" s="280">
        <v>2</v>
      </c>
      <c r="EN25" s="277">
        <v>17</v>
      </c>
      <c r="EO25" s="282">
        <v>19</v>
      </c>
      <c r="EP25" s="276">
        <v>5</v>
      </c>
      <c r="EQ25" s="280">
        <v>11</v>
      </c>
      <c r="ER25" s="277">
        <v>16</v>
      </c>
      <c r="ES25" s="279">
        <v>0</v>
      </c>
      <c r="ET25" s="280">
        <v>26</v>
      </c>
      <c r="EU25" s="280">
        <v>32</v>
      </c>
      <c r="EV25" s="280">
        <v>15</v>
      </c>
      <c r="EW25" s="280">
        <v>5</v>
      </c>
      <c r="EX25" s="280">
        <v>5</v>
      </c>
      <c r="EY25" s="277">
        <v>83</v>
      </c>
      <c r="EZ25" s="282">
        <v>99</v>
      </c>
    </row>
    <row r="26" spans="2:156" ht="21" customHeight="1" x14ac:dyDescent="0.2">
      <c r="B26" s="261" t="s">
        <v>24</v>
      </c>
      <c r="C26" s="276">
        <v>0</v>
      </c>
      <c r="D26" s="280">
        <v>0</v>
      </c>
      <c r="E26" s="384">
        <v>0</v>
      </c>
      <c r="F26" s="279">
        <v>0</v>
      </c>
      <c r="G26" s="280">
        <v>8</v>
      </c>
      <c r="H26" s="280">
        <v>5</v>
      </c>
      <c r="I26" s="280">
        <v>5</v>
      </c>
      <c r="J26" s="280">
        <v>1</v>
      </c>
      <c r="K26" s="280">
        <v>4</v>
      </c>
      <c r="L26" s="281">
        <v>23</v>
      </c>
      <c r="M26" s="282">
        <v>23</v>
      </c>
      <c r="N26" s="276">
        <v>0</v>
      </c>
      <c r="O26" s="280">
        <v>0</v>
      </c>
      <c r="P26" s="277">
        <v>0</v>
      </c>
      <c r="Q26" s="279">
        <v>0</v>
      </c>
      <c r="R26" s="280">
        <v>0</v>
      </c>
      <c r="S26" s="280">
        <v>0</v>
      </c>
      <c r="T26" s="280">
        <v>0</v>
      </c>
      <c r="U26" s="280">
        <v>1</v>
      </c>
      <c r="V26" s="280">
        <v>2</v>
      </c>
      <c r="W26" s="277">
        <v>3</v>
      </c>
      <c r="X26" s="282">
        <v>3</v>
      </c>
      <c r="Y26" s="276">
        <v>2</v>
      </c>
      <c r="Z26" s="280">
        <v>0</v>
      </c>
      <c r="AA26" s="277">
        <v>2</v>
      </c>
      <c r="AB26" s="279">
        <v>0</v>
      </c>
      <c r="AC26" s="280">
        <v>10</v>
      </c>
      <c r="AD26" s="280">
        <v>5</v>
      </c>
      <c r="AE26" s="280">
        <v>6</v>
      </c>
      <c r="AF26" s="280">
        <v>1</v>
      </c>
      <c r="AG26" s="280">
        <v>3</v>
      </c>
      <c r="AH26" s="277">
        <v>25</v>
      </c>
      <c r="AI26" s="282">
        <v>27</v>
      </c>
      <c r="AJ26" s="276">
        <v>0</v>
      </c>
      <c r="AK26" s="280">
        <v>0</v>
      </c>
      <c r="AL26" s="277">
        <v>0</v>
      </c>
      <c r="AM26" s="279">
        <v>0</v>
      </c>
      <c r="AN26" s="280">
        <v>1</v>
      </c>
      <c r="AO26" s="280">
        <v>2</v>
      </c>
      <c r="AP26" s="280">
        <v>0</v>
      </c>
      <c r="AQ26" s="280">
        <v>2</v>
      </c>
      <c r="AR26" s="280">
        <v>0</v>
      </c>
      <c r="AS26" s="277">
        <v>5</v>
      </c>
      <c r="AT26" s="282">
        <v>5</v>
      </c>
      <c r="AU26" s="276">
        <v>2</v>
      </c>
      <c r="AV26" s="280">
        <v>2</v>
      </c>
      <c r="AW26" s="277">
        <v>4</v>
      </c>
      <c r="AX26" s="279">
        <v>0</v>
      </c>
      <c r="AY26" s="280">
        <v>12</v>
      </c>
      <c r="AZ26" s="280">
        <v>7</v>
      </c>
      <c r="BA26" s="280">
        <v>12</v>
      </c>
      <c r="BB26" s="280">
        <v>3</v>
      </c>
      <c r="BC26" s="280">
        <v>7</v>
      </c>
      <c r="BD26" s="281">
        <v>41</v>
      </c>
      <c r="BE26" s="282">
        <v>45</v>
      </c>
      <c r="BF26" s="276">
        <v>0</v>
      </c>
      <c r="BG26" s="280">
        <v>0</v>
      </c>
      <c r="BH26" s="277">
        <v>0</v>
      </c>
      <c r="BI26" s="279">
        <v>0</v>
      </c>
      <c r="BJ26" s="280">
        <v>13</v>
      </c>
      <c r="BK26" s="280">
        <v>10</v>
      </c>
      <c r="BL26" s="280">
        <v>3</v>
      </c>
      <c r="BM26" s="280">
        <v>0</v>
      </c>
      <c r="BN26" s="280">
        <v>1</v>
      </c>
      <c r="BO26" s="277">
        <v>27</v>
      </c>
      <c r="BP26" s="282">
        <v>27</v>
      </c>
      <c r="BQ26" s="276">
        <v>2</v>
      </c>
      <c r="BR26" s="280">
        <v>2</v>
      </c>
      <c r="BS26" s="277">
        <v>4</v>
      </c>
      <c r="BT26" s="279">
        <v>0</v>
      </c>
      <c r="BU26" s="280">
        <v>2</v>
      </c>
      <c r="BV26" s="280">
        <v>5</v>
      </c>
      <c r="BW26" s="280">
        <v>3</v>
      </c>
      <c r="BX26" s="280">
        <v>1</v>
      </c>
      <c r="BY26" s="280">
        <v>0</v>
      </c>
      <c r="BZ26" s="277">
        <v>11</v>
      </c>
      <c r="CA26" s="282">
        <v>15</v>
      </c>
      <c r="CB26" s="276">
        <v>0</v>
      </c>
      <c r="CC26" s="280">
        <v>0</v>
      </c>
      <c r="CD26" s="277">
        <v>0</v>
      </c>
      <c r="CE26" s="279">
        <v>0</v>
      </c>
      <c r="CF26" s="280">
        <v>2</v>
      </c>
      <c r="CG26" s="280">
        <v>1</v>
      </c>
      <c r="CH26" s="280">
        <v>1</v>
      </c>
      <c r="CI26" s="280">
        <v>1</v>
      </c>
      <c r="CJ26" s="280">
        <v>1</v>
      </c>
      <c r="CK26" s="277">
        <v>6</v>
      </c>
      <c r="CL26" s="282">
        <v>6</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12</v>
      </c>
      <c r="DU26" s="280">
        <v>3</v>
      </c>
      <c r="DV26" s="277">
        <v>15</v>
      </c>
      <c r="DW26" s="279">
        <v>0</v>
      </c>
      <c r="DX26" s="280">
        <v>18</v>
      </c>
      <c r="DY26" s="280">
        <v>19</v>
      </c>
      <c r="DZ26" s="280">
        <v>13</v>
      </c>
      <c r="EA26" s="280">
        <v>5</v>
      </c>
      <c r="EB26" s="280">
        <v>4</v>
      </c>
      <c r="EC26" s="277">
        <v>59</v>
      </c>
      <c r="ED26" s="282">
        <v>74</v>
      </c>
      <c r="EE26" s="276">
        <v>3</v>
      </c>
      <c r="EF26" s="280">
        <v>1</v>
      </c>
      <c r="EG26" s="277">
        <v>4</v>
      </c>
      <c r="EH26" s="279">
        <v>0</v>
      </c>
      <c r="EI26" s="280">
        <v>3</v>
      </c>
      <c r="EJ26" s="280">
        <v>3</v>
      </c>
      <c r="EK26" s="280">
        <v>3</v>
      </c>
      <c r="EL26" s="280">
        <v>1</v>
      </c>
      <c r="EM26" s="280">
        <v>1</v>
      </c>
      <c r="EN26" s="277">
        <v>11</v>
      </c>
      <c r="EO26" s="282">
        <v>15</v>
      </c>
      <c r="EP26" s="276">
        <v>14</v>
      </c>
      <c r="EQ26" s="280">
        <v>4</v>
      </c>
      <c r="ER26" s="277">
        <v>18</v>
      </c>
      <c r="ES26" s="279">
        <v>0</v>
      </c>
      <c r="ET26" s="280">
        <v>33</v>
      </c>
      <c r="EU26" s="280">
        <v>23</v>
      </c>
      <c r="EV26" s="280">
        <v>15</v>
      </c>
      <c r="EW26" s="280">
        <v>5</v>
      </c>
      <c r="EX26" s="280">
        <v>5</v>
      </c>
      <c r="EY26" s="277">
        <v>81</v>
      </c>
      <c r="EZ26" s="282">
        <v>99</v>
      </c>
    </row>
    <row r="27" spans="2:156" ht="21" customHeight="1" x14ac:dyDescent="0.2">
      <c r="B27" s="261" t="s">
        <v>25</v>
      </c>
      <c r="C27" s="276">
        <v>0</v>
      </c>
      <c r="D27" s="280">
        <v>0</v>
      </c>
      <c r="E27" s="384">
        <v>0</v>
      </c>
      <c r="F27" s="279">
        <v>0</v>
      </c>
      <c r="G27" s="280">
        <v>5</v>
      </c>
      <c r="H27" s="280">
        <v>2</v>
      </c>
      <c r="I27" s="280">
        <v>4</v>
      </c>
      <c r="J27" s="280">
        <v>0</v>
      </c>
      <c r="K27" s="280">
        <v>0</v>
      </c>
      <c r="L27" s="281">
        <v>11</v>
      </c>
      <c r="M27" s="282">
        <v>11</v>
      </c>
      <c r="N27" s="276">
        <v>0</v>
      </c>
      <c r="O27" s="280">
        <v>0</v>
      </c>
      <c r="P27" s="277">
        <v>0</v>
      </c>
      <c r="Q27" s="279">
        <v>0</v>
      </c>
      <c r="R27" s="280">
        <v>0</v>
      </c>
      <c r="S27" s="280">
        <v>0</v>
      </c>
      <c r="T27" s="280">
        <v>1</v>
      </c>
      <c r="U27" s="280">
        <v>0</v>
      </c>
      <c r="V27" s="280">
        <v>1</v>
      </c>
      <c r="W27" s="277">
        <v>2</v>
      </c>
      <c r="X27" s="282">
        <v>2</v>
      </c>
      <c r="Y27" s="276">
        <v>1</v>
      </c>
      <c r="Z27" s="280">
        <v>1</v>
      </c>
      <c r="AA27" s="277">
        <v>2</v>
      </c>
      <c r="AB27" s="279">
        <v>0</v>
      </c>
      <c r="AC27" s="280">
        <v>4</v>
      </c>
      <c r="AD27" s="280">
        <v>2</v>
      </c>
      <c r="AE27" s="280">
        <v>4</v>
      </c>
      <c r="AF27" s="280">
        <v>4</v>
      </c>
      <c r="AG27" s="280">
        <v>1</v>
      </c>
      <c r="AH27" s="277">
        <v>15</v>
      </c>
      <c r="AI27" s="282">
        <v>17</v>
      </c>
      <c r="AJ27" s="276">
        <v>0</v>
      </c>
      <c r="AK27" s="280">
        <v>1</v>
      </c>
      <c r="AL27" s="277">
        <v>1</v>
      </c>
      <c r="AM27" s="279">
        <v>0</v>
      </c>
      <c r="AN27" s="280">
        <v>0</v>
      </c>
      <c r="AO27" s="280">
        <v>0</v>
      </c>
      <c r="AP27" s="280">
        <v>1</v>
      </c>
      <c r="AQ27" s="280">
        <v>0</v>
      </c>
      <c r="AR27" s="280">
        <v>1</v>
      </c>
      <c r="AS27" s="277">
        <v>2</v>
      </c>
      <c r="AT27" s="282">
        <v>3</v>
      </c>
      <c r="AU27" s="276">
        <v>0</v>
      </c>
      <c r="AV27" s="280">
        <v>1</v>
      </c>
      <c r="AW27" s="277">
        <v>1</v>
      </c>
      <c r="AX27" s="279">
        <v>0</v>
      </c>
      <c r="AY27" s="280">
        <v>6</v>
      </c>
      <c r="AZ27" s="280">
        <v>1</v>
      </c>
      <c r="BA27" s="280">
        <v>4</v>
      </c>
      <c r="BB27" s="280">
        <v>1</v>
      </c>
      <c r="BC27" s="280">
        <v>2</v>
      </c>
      <c r="BD27" s="281">
        <v>14</v>
      </c>
      <c r="BE27" s="282">
        <v>15</v>
      </c>
      <c r="BF27" s="276">
        <v>0</v>
      </c>
      <c r="BG27" s="280">
        <v>0</v>
      </c>
      <c r="BH27" s="277">
        <v>0</v>
      </c>
      <c r="BI27" s="279">
        <v>0</v>
      </c>
      <c r="BJ27" s="280">
        <v>7</v>
      </c>
      <c r="BK27" s="280">
        <v>2</v>
      </c>
      <c r="BL27" s="280">
        <v>2</v>
      </c>
      <c r="BM27" s="280">
        <v>2</v>
      </c>
      <c r="BN27" s="280">
        <v>0</v>
      </c>
      <c r="BO27" s="277">
        <v>13</v>
      </c>
      <c r="BP27" s="282">
        <v>13</v>
      </c>
      <c r="BQ27" s="276">
        <v>3</v>
      </c>
      <c r="BR27" s="280">
        <v>1</v>
      </c>
      <c r="BS27" s="277">
        <v>4</v>
      </c>
      <c r="BT27" s="279">
        <v>0</v>
      </c>
      <c r="BU27" s="280">
        <v>2</v>
      </c>
      <c r="BV27" s="280">
        <v>3</v>
      </c>
      <c r="BW27" s="280">
        <v>4</v>
      </c>
      <c r="BX27" s="280">
        <v>1</v>
      </c>
      <c r="BY27" s="280">
        <v>0</v>
      </c>
      <c r="BZ27" s="277">
        <v>10</v>
      </c>
      <c r="CA27" s="282">
        <v>14</v>
      </c>
      <c r="CB27" s="276">
        <v>0</v>
      </c>
      <c r="CC27" s="280">
        <v>1</v>
      </c>
      <c r="CD27" s="277">
        <v>1</v>
      </c>
      <c r="CE27" s="279">
        <v>0</v>
      </c>
      <c r="CF27" s="280">
        <v>1</v>
      </c>
      <c r="CG27" s="280">
        <v>0</v>
      </c>
      <c r="CH27" s="280">
        <v>1</v>
      </c>
      <c r="CI27" s="280">
        <v>3</v>
      </c>
      <c r="CJ27" s="280">
        <v>0</v>
      </c>
      <c r="CK27" s="277">
        <v>5</v>
      </c>
      <c r="CL27" s="282">
        <v>6</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2</v>
      </c>
      <c r="DU27" s="280">
        <v>8</v>
      </c>
      <c r="DV27" s="277">
        <v>10</v>
      </c>
      <c r="DW27" s="279">
        <v>0</v>
      </c>
      <c r="DX27" s="280">
        <v>6</v>
      </c>
      <c r="DY27" s="280">
        <v>6</v>
      </c>
      <c r="DZ27" s="280">
        <v>7</v>
      </c>
      <c r="EA27" s="280">
        <v>5</v>
      </c>
      <c r="EB27" s="280">
        <v>1</v>
      </c>
      <c r="EC27" s="277">
        <v>25</v>
      </c>
      <c r="ED27" s="282">
        <v>35</v>
      </c>
      <c r="EE27" s="276">
        <v>0</v>
      </c>
      <c r="EF27" s="280">
        <v>1</v>
      </c>
      <c r="EG27" s="277">
        <v>1</v>
      </c>
      <c r="EH27" s="279">
        <v>0</v>
      </c>
      <c r="EI27" s="280">
        <v>4</v>
      </c>
      <c r="EJ27" s="280">
        <v>0</v>
      </c>
      <c r="EK27" s="280">
        <v>1</v>
      </c>
      <c r="EL27" s="280">
        <v>1</v>
      </c>
      <c r="EM27" s="280">
        <v>1</v>
      </c>
      <c r="EN27" s="277">
        <v>7</v>
      </c>
      <c r="EO27" s="282">
        <v>8</v>
      </c>
      <c r="EP27" s="276">
        <v>5</v>
      </c>
      <c r="EQ27" s="280">
        <v>8</v>
      </c>
      <c r="ER27" s="277">
        <v>13</v>
      </c>
      <c r="ES27" s="279">
        <v>0</v>
      </c>
      <c r="ET27" s="280">
        <v>21</v>
      </c>
      <c r="EU27" s="280">
        <v>8</v>
      </c>
      <c r="EV27" s="280">
        <v>8</v>
      </c>
      <c r="EW27" s="280">
        <v>6</v>
      </c>
      <c r="EX27" s="280">
        <v>1</v>
      </c>
      <c r="EY27" s="277">
        <v>44</v>
      </c>
      <c r="EZ27" s="282">
        <v>57</v>
      </c>
    </row>
    <row r="28" spans="2:156" ht="21" customHeight="1" x14ac:dyDescent="0.2">
      <c r="B28" s="261" t="s">
        <v>26</v>
      </c>
      <c r="C28" s="276">
        <v>0</v>
      </c>
      <c r="D28" s="280">
        <v>0</v>
      </c>
      <c r="E28" s="384">
        <v>0</v>
      </c>
      <c r="F28" s="279">
        <v>0</v>
      </c>
      <c r="G28" s="280">
        <v>5</v>
      </c>
      <c r="H28" s="280">
        <v>7</v>
      </c>
      <c r="I28" s="280">
        <v>5</v>
      </c>
      <c r="J28" s="280">
        <v>0</v>
      </c>
      <c r="K28" s="280">
        <v>0</v>
      </c>
      <c r="L28" s="281">
        <v>17</v>
      </c>
      <c r="M28" s="282">
        <v>17</v>
      </c>
      <c r="N28" s="276">
        <v>0</v>
      </c>
      <c r="O28" s="280">
        <v>0</v>
      </c>
      <c r="P28" s="277">
        <v>0</v>
      </c>
      <c r="Q28" s="279">
        <v>0</v>
      </c>
      <c r="R28" s="280">
        <v>0</v>
      </c>
      <c r="S28" s="280">
        <v>0</v>
      </c>
      <c r="T28" s="280">
        <v>1</v>
      </c>
      <c r="U28" s="280">
        <v>0</v>
      </c>
      <c r="V28" s="280">
        <v>1</v>
      </c>
      <c r="W28" s="277">
        <v>2</v>
      </c>
      <c r="X28" s="282">
        <v>2</v>
      </c>
      <c r="Y28" s="276">
        <v>0</v>
      </c>
      <c r="Z28" s="280">
        <v>0</v>
      </c>
      <c r="AA28" s="277">
        <v>0</v>
      </c>
      <c r="AB28" s="279">
        <v>0</v>
      </c>
      <c r="AC28" s="280">
        <v>3</v>
      </c>
      <c r="AD28" s="280">
        <v>5</v>
      </c>
      <c r="AE28" s="280">
        <v>3</v>
      </c>
      <c r="AF28" s="280">
        <v>0</v>
      </c>
      <c r="AG28" s="280">
        <v>3</v>
      </c>
      <c r="AH28" s="277">
        <v>14</v>
      </c>
      <c r="AI28" s="282">
        <v>14</v>
      </c>
      <c r="AJ28" s="276">
        <v>0</v>
      </c>
      <c r="AK28" s="280">
        <v>0</v>
      </c>
      <c r="AL28" s="277">
        <v>0</v>
      </c>
      <c r="AM28" s="279">
        <v>0</v>
      </c>
      <c r="AN28" s="280">
        <v>0</v>
      </c>
      <c r="AO28" s="280">
        <v>0</v>
      </c>
      <c r="AP28" s="280">
        <v>0</v>
      </c>
      <c r="AQ28" s="280">
        <v>0</v>
      </c>
      <c r="AR28" s="280">
        <v>0</v>
      </c>
      <c r="AS28" s="277">
        <v>0</v>
      </c>
      <c r="AT28" s="282">
        <v>0</v>
      </c>
      <c r="AU28" s="276">
        <v>2</v>
      </c>
      <c r="AV28" s="280">
        <v>0</v>
      </c>
      <c r="AW28" s="277">
        <v>2</v>
      </c>
      <c r="AX28" s="279">
        <v>0</v>
      </c>
      <c r="AY28" s="280">
        <v>4</v>
      </c>
      <c r="AZ28" s="280">
        <v>10</v>
      </c>
      <c r="BA28" s="280">
        <v>5</v>
      </c>
      <c r="BB28" s="280">
        <v>1</v>
      </c>
      <c r="BC28" s="280">
        <v>3</v>
      </c>
      <c r="BD28" s="281">
        <v>23</v>
      </c>
      <c r="BE28" s="282">
        <v>25</v>
      </c>
      <c r="BF28" s="276">
        <v>0</v>
      </c>
      <c r="BG28" s="280">
        <v>0</v>
      </c>
      <c r="BH28" s="277">
        <v>0</v>
      </c>
      <c r="BI28" s="279">
        <v>0</v>
      </c>
      <c r="BJ28" s="280">
        <v>7</v>
      </c>
      <c r="BK28" s="280">
        <v>11</v>
      </c>
      <c r="BL28" s="280">
        <v>4</v>
      </c>
      <c r="BM28" s="280">
        <v>0</v>
      </c>
      <c r="BN28" s="280">
        <v>1</v>
      </c>
      <c r="BO28" s="277">
        <v>23</v>
      </c>
      <c r="BP28" s="282">
        <v>23</v>
      </c>
      <c r="BQ28" s="276">
        <v>1</v>
      </c>
      <c r="BR28" s="280">
        <v>0</v>
      </c>
      <c r="BS28" s="277">
        <v>1</v>
      </c>
      <c r="BT28" s="279">
        <v>0</v>
      </c>
      <c r="BU28" s="280">
        <v>1</v>
      </c>
      <c r="BV28" s="280">
        <v>3</v>
      </c>
      <c r="BW28" s="280">
        <v>1</v>
      </c>
      <c r="BX28" s="280">
        <v>1</v>
      </c>
      <c r="BY28" s="280">
        <v>0</v>
      </c>
      <c r="BZ28" s="277">
        <v>6</v>
      </c>
      <c r="CA28" s="282">
        <v>7</v>
      </c>
      <c r="CB28" s="276">
        <v>0</v>
      </c>
      <c r="CC28" s="280">
        <v>0</v>
      </c>
      <c r="CD28" s="277">
        <v>0</v>
      </c>
      <c r="CE28" s="279">
        <v>0</v>
      </c>
      <c r="CF28" s="280">
        <v>0</v>
      </c>
      <c r="CG28" s="280">
        <v>5</v>
      </c>
      <c r="CH28" s="280">
        <v>3</v>
      </c>
      <c r="CI28" s="280">
        <v>1</v>
      </c>
      <c r="CJ28" s="280">
        <v>1</v>
      </c>
      <c r="CK28" s="277">
        <v>10</v>
      </c>
      <c r="CL28" s="282">
        <v>10</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4</v>
      </c>
      <c r="DU28" s="280">
        <v>5</v>
      </c>
      <c r="DV28" s="277">
        <v>9</v>
      </c>
      <c r="DW28" s="279">
        <v>0</v>
      </c>
      <c r="DX28" s="280">
        <v>13</v>
      </c>
      <c r="DY28" s="280">
        <v>16</v>
      </c>
      <c r="DZ28" s="280">
        <v>10</v>
      </c>
      <c r="EA28" s="280">
        <v>3</v>
      </c>
      <c r="EB28" s="280">
        <v>4</v>
      </c>
      <c r="EC28" s="277">
        <v>46</v>
      </c>
      <c r="ED28" s="282">
        <v>55</v>
      </c>
      <c r="EE28" s="276">
        <v>0</v>
      </c>
      <c r="EF28" s="280">
        <v>0</v>
      </c>
      <c r="EG28" s="277">
        <v>0</v>
      </c>
      <c r="EH28" s="279">
        <v>0</v>
      </c>
      <c r="EI28" s="280">
        <v>3</v>
      </c>
      <c r="EJ28" s="280">
        <v>3</v>
      </c>
      <c r="EK28" s="280">
        <v>0</v>
      </c>
      <c r="EL28" s="280">
        <v>0</v>
      </c>
      <c r="EM28" s="280">
        <v>0</v>
      </c>
      <c r="EN28" s="277">
        <v>6</v>
      </c>
      <c r="EO28" s="282">
        <v>6</v>
      </c>
      <c r="EP28" s="276">
        <v>5</v>
      </c>
      <c r="EQ28" s="280">
        <v>5</v>
      </c>
      <c r="ER28" s="277">
        <v>10</v>
      </c>
      <c r="ES28" s="279">
        <v>0</v>
      </c>
      <c r="ET28" s="280">
        <v>19</v>
      </c>
      <c r="EU28" s="280">
        <v>24</v>
      </c>
      <c r="EV28" s="280">
        <v>10</v>
      </c>
      <c r="EW28" s="280">
        <v>3</v>
      </c>
      <c r="EX28" s="280">
        <v>5</v>
      </c>
      <c r="EY28" s="277">
        <v>61</v>
      </c>
      <c r="EZ28" s="282">
        <v>71</v>
      </c>
    </row>
    <row r="29" spans="2:156" ht="21" customHeight="1" x14ac:dyDescent="0.2">
      <c r="B29" s="261" t="s">
        <v>27</v>
      </c>
      <c r="C29" s="276">
        <v>0</v>
      </c>
      <c r="D29" s="280">
        <v>0</v>
      </c>
      <c r="E29" s="384">
        <v>0</v>
      </c>
      <c r="F29" s="279">
        <v>0</v>
      </c>
      <c r="G29" s="280">
        <v>2</v>
      </c>
      <c r="H29" s="280">
        <v>4</v>
      </c>
      <c r="I29" s="280">
        <v>6</v>
      </c>
      <c r="J29" s="280">
        <v>5</v>
      </c>
      <c r="K29" s="280">
        <v>0</v>
      </c>
      <c r="L29" s="281">
        <v>17</v>
      </c>
      <c r="M29" s="282">
        <v>17</v>
      </c>
      <c r="N29" s="276">
        <v>0</v>
      </c>
      <c r="O29" s="280">
        <v>0</v>
      </c>
      <c r="P29" s="277">
        <v>0</v>
      </c>
      <c r="Q29" s="279">
        <v>0</v>
      </c>
      <c r="R29" s="280">
        <v>0</v>
      </c>
      <c r="S29" s="280">
        <v>0</v>
      </c>
      <c r="T29" s="280">
        <v>0</v>
      </c>
      <c r="U29" s="280">
        <v>1</v>
      </c>
      <c r="V29" s="280">
        <v>1</v>
      </c>
      <c r="W29" s="277">
        <v>2</v>
      </c>
      <c r="X29" s="282">
        <v>2</v>
      </c>
      <c r="Y29" s="276">
        <v>1</v>
      </c>
      <c r="Z29" s="280">
        <v>3</v>
      </c>
      <c r="AA29" s="277">
        <v>4</v>
      </c>
      <c r="AB29" s="279">
        <v>0</v>
      </c>
      <c r="AC29" s="280">
        <v>5</v>
      </c>
      <c r="AD29" s="280">
        <v>4</v>
      </c>
      <c r="AE29" s="280">
        <v>4</v>
      </c>
      <c r="AF29" s="280">
        <v>2</v>
      </c>
      <c r="AG29" s="280">
        <v>3</v>
      </c>
      <c r="AH29" s="277">
        <v>18</v>
      </c>
      <c r="AI29" s="282">
        <v>22</v>
      </c>
      <c r="AJ29" s="276">
        <v>0</v>
      </c>
      <c r="AK29" s="280">
        <v>0</v>
      </c>
      <c r="AL29" s="277">
        <v>0</v>
      </c>
      <c r="AM29" s="279">
        <v>0</v>
      </c>
      <c r="AN29" s="280">
        <v>0</v>
      </c>
      <c r="AO29" s="280">
        <v>1</v>
      </c>
      <c r="AP29" s="280">
        <v>0</v>
      </c>
      <c r="AQ29" s="280">
        <v>0</v>
      </c>
      <c r="AR29" s="280">
        <v>0</v>
      </c>
      <c r="AS29" s="277">
        <v>1</v>
      </c>
      <c r="AT29" s="282">
        <v>1</v>
      </c>
      <c r="AU29" s="276">
        <v>0</v>
      </c>
      <c r="AV29" s="280">
        <v>1</v>
      </c>
      <c r="AW29" s="277">
        <v>1</v>
      </c>
      <c r="AX29" s="279">
        <v>0</v>
      </c>
      <c r="AY29" s="280">
        <v>3</v>
      </c>
      <c r="AZ29" s="280">
        <v>4</v>
      </c>
      <c r="BA29" s="280">
        <v>11</v>
      </c>
      <c r="BB29" s="280">
        <v>7</v>
      </c>
      <c r="BC29" s="280">
        <v>2</v>
      </c>
      <c r="BD29" s="281">
        <v>27</v>
      </c>
      <c r="BE29" s="282">
        <v>28</v>
      </c>
      <c r="BF29" s="276">
        <v>0</v>
      </c>
      <c r="BG29" s="280">
        <v>0</v>
      </c>
      <c r="BH29" s="277">
        <v>0</v>
      </c>
      <c r="BI29" s="279">
        <v>0</v>
      </c>
      <c r="BJ29" s="280">
        <v>8</v>
      </c>
      <c r="BK29" s="280">
        <v>5</v>
      </c>
      <c r="BL29" s="280">
        <v>6</v>
      </c>
      <c r="BM29" s="280">
        <v>3</v>
      </c>
      <c r="BN29" s="280">
        <v>1</v>
      </c>
      <c r="BO29" s="277">
        <v>23</v>
      </c>
      <c r="BP29" s="282">
        <v>23</v>
      </c>
      <c r="BQ29" s="276">
        <v>0</v>
      </c>
      <c r="BR29" s="280">
        <v>3</v>
      </c>
      <c r="BS29" s="277">
        <v>3</v>
      </c>
      <c r="BT29" s="279">
        <v>0</v>
      </c>
      <c r="BU29" s="280">
        <v>2</v>
      </c>
      <c r="BV29" s="280">
        <v>5</v>
      </c>
      <c r="BW29" s="280">
        <v>1</v>
      </c>
      <c r="BX29" s="280">
        <v>0</v>
      </c>
      <c r="BY29" s="280">
        <v>0</v>
      </c>
      <c r="BZ29" s="277">
        <v>8</v>
      </c>
      <c r="CA29" s="282">
        <v>11</v>
      </c>
      <c r="CB29" s="276">
        <v>0</v>
      </c>
      <c r="CC29" s="280">
        <v>0</v>
      </c>
      <c r="CD29" s="277">
        <v>0</v>
      </c>
      <c r="CE29" s="279">
        <v>0</v>
      </c>
      <c r="CF29" s="280">
        <v>1</v>
      </c>
      <c r="CG29" s="280">
        <v>0</v>
      </c>
      <c r="CH29" s="280">
        <v>1</v>
      </c>
      <c r="CI29" s="280">
        <v>0</v>
      </c>
      <c r="CJ29" s="280">
        <v>1</v>
      </c>
      <c r="CK29" s="277">
        <v>3</v>
      </c>
      <c r="CL29" s="282">
        <v>3</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3</v>
      </c>
      <c r="DU29" s="280">
        <v>12</v>
      </c>
      <c r="DV29" s="277">
        <v>15</v>
      </c>
      <c r="DW29" s="279">
        <v>0</v>
      </c>
      <c r="DX29" s="280">
        <v>5</v>
      </c>
      <c r="DY29" s="280">
        <v>11</v>
      </c>
      <c r="DZ29" s="280">
        <v>11</v>
      </c>
      <c r="EA29" s="280">
        <v>6</v>
      </c>
      <c r="EB29" s="280">
        <v>3</v>
      </c>
      <c r="EC29" s="277">
        <v>36</v>
      </c>
      <c r="ED29" s="282">
        <v>51</v>
      </c>
      <c r="EE29" s="276">
        <v>0</v>
      </c>
      <c r="EF29" s="280">
        <v>1</v>
      </c>
      <c r="EG29" s="277">
        <v>1</v>
      </c>
      <c r="EH29" s="279">
        <v>0</v>
      </c>
      <c r="EI29" s="280">
        <v>1</v>
      </c>
      <c r="EJ29" s="280">
        <v>2</v>
      </c>
      <c r="EK29" s="280">
        <v>2</v>
      </c>
      <c r="EL29" s="280">
        <v>3</v>
      </c>
      <c r="EM29" s="280">
        <v>1</v>
      </c>
      <c r="EN29" s="277">
        <v>9</v>
      </c>
      <c r="EO29" s="282">
        <v>10</v>
      </c>
      <c r="EP29" s="276">
        <v>3</v>
      </c>
      <c r="EQ29" s="280">
        <v>17</v>
      </c>
      <c r="ER29" s="277">
        <v>20</v>
      </c>
      <c r="ES29" s="279">
        <v>0</v>
      </c>
      <c r="ET29" s="280">
        <v>17</v>
      </c>
      <c r="EU29" s="280">
        <v>12</v>
      </c>
      <c r="EV29" s="280">
        <v>12</v>
      </c>
      <c r="EW29" s="280">
        <v>7</v>
      </c>
      <c r="EX29" s="280">
        <v>3</v>
      </c>
      <c r="EY29" s="277">
        <v>51</v>
      </c>
      <c r="EZ29" s="282">
        <v>71</v>
      </c>
    </row>
    <row r="30" spans="2:156" ht="21" customHeight="1" x14ac:dyDescent="0.2">
      <c r="B30" s="261" t="s">
        <v>28</v>
      </c>
      <c r="C30" s="276">
        <v>0</v>
      </c>
      <c r="D30" s="280">
        <v>0</v>
      </c>
      <c r="E30" s="384">
        <v>0</v>
      </c>
      <c r="F30" s="279">
        <v>0</v>
      </c>
      <c r="G30" s="280">
        <v>0</v>
      </c>
      <c r="H30" s="280">
        <v>0</v>
      </c>
      <c r="I30" s="280">
        <v>0</v>
      </c>
      <c r="J30" s="280">
        <v>1</v>
      </c>
      <c r="K30" s="280">
        <v>0</v>
      </c>
      <c r="L30" s="281">
        <v>1</v>
      </c>
      <c r="M30" s="282">
        <v>1</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0</v>
      </c>
      <c r="AD30" s="280">
        <v>2</v>
      </c>
      <c r="AE30" s="280">
        <v>0</v>
      </c>
      <c r="AF30" s="280">
        <v>1</v>
      </c>
      <c r="AG30" s="280">
        <v>0</v>
      </c>
      <c r="AH30" s="277">
        <v>3</v>
      </c>
      <c r="AI30" s="282">
        <v>3</v>
      </c>
      <c r="AJ30" s="276">
        <v>0</v>
      </c>
      <c r="AK30" s="280">
        <v>0</v>
      </c>
      <c r="AL30" s="277">
        <v>0</v>
      </c>
      <c r="AM30" s="279">
        <v>0</v>
      </c>
      <c r="AN30" s="280">
        <v>0</v>
      </c>
      <c r="AO30" s="280">
        <v>0</v>
      </c>
      <c r="AP30" s="280">
        <v>0</v>
      </c>
      <c r="AQ30" s="280">
        <v>0</v>
      </c>
      <c r="AR30" s="280">
        <v>0</v>
      </c>
      <c r="AS30" s="277">
        <v>0</v>
      </c>
      <c r="AT30" s="282">
        <v>0</v>
      </c>
      <c r="AU30" s="276">
        <v>0</v>
      </c>
      <c r="AV30" s="280">
        <v>0</v>
      </c>
      <c r="AW30" s="277">
        <v>0</v>
      </c>
      <c r="AX30" s="279">
        <v>0</v>
      </c>
      <c r="AY30" s="280">
        <v>1</v>
      </c>
      <c r="AZ30" s="280">
        <v>0</v>
      </c>
      <c r="BA30" s="280">
        <v>1</v>
      </c>
      <c r="BB30" s="280">
        <v>1</v>
      </c>
      <c r="BC30" s="280">
        <v>1</v>
      </c>
      <c r="BD30" s="281">
        <v>4</v>
      </c>
      <c r="BE30" s="282">
        <v>4</v>
      </c>
      <c r="BF30" s="276">
        <v>0</v>
      </c>
      <c r="BG30" s="280">
        <v>0</v>
      </c>
      <c r="BH30" s="277">
        <v>0</v>
      </c>
      <c r="BI30" s="279">
        <v>0</v>
      </c>
      <c r="BJ30" s="280">
        <v>2</v>
      </c>
      <c r="BK30" s="280">
        <v>0</v>
      </c>
      <c r="BL30" s="280">
        <v>0</v>
      </c>
      <c r="BM30" s="280">
        <v>0</v>
      </c>
      <c r="BN30" s="280">
        <v>0</v>
      </c>
      <c r="BO30" s="277">
        <v>2</v>
      </c>
      <c r="BP30" s="282">
        <v>2</v>
      </c>
      <c r="BQ30" s="276">
        <v>0</v>
      </c>
      <c r="BR30" s="280">
        <v>1</v>
      </c>
      <c r="BS30" s="277">
        <v>1</v>
      </c>
      <c r="BT30" s="279">
        <v>0</v>
      </c>
      <c r="BU30" s="280">
        <v>0</v>
      </c>
      <c r="BV30" s="280">
        <v>0</v>
      </c>
      <c r="BW30" s="280">
        <v>0</v>
      </c>
      <c r="BX30" s="280">
        <v>0</v>
      </c>
      <c r="BY30" s="280">
        <v>0</v>
      </c>
      <c r="BZ30" s="277">
        <v>0</v>
      </c>
      <c r="CA30" s="282">
        <v>1</v>
      </c>
      <c r="CB30" s="276">
        <v>0</v>
      </c>
      <c r="CC30" s="280">
        <v>0</v>
      </c>
      <c r="CD30" s="277">
        <v>0</v>
      </c>
      <c r="CE30" s="279">
        <v>0</v>
      </c>
      <c r="CF30" s="280">
        <v>0</v>
      </c>
      <c r="CG30" s="280">
        <v>0</v>
      </c>
      <c r="CH30" s="280">
        <v>0</v>
      </c>
      <c r="CI30" s="280">
        <v>0</v>
      </c>
      <c r="CJ30" s="280">
        <v>1</v>
      </c>
      <c r="CK30" s="277">
        <v>1</v>
      </c>
      <c r="CL30" s="282">
        <v>1</v>
      </c>
      <c r="CM30" s="276">
        <v>0</v>
      </c>
      <c r="CN30" s="280">
        <v>0</v>
      </c>
      <c r="CO30" s="277">
        <v>0</v>
      </c>
      <c r="CP30" s="279">
        <v>0</v>
      </c>
      <c r="CQ30" s="280">
        <v>0</v>
      </c>
      <c r="CR30" s="280">
        <v>0</v>
      </c>
      <c r="CS30" s="280">
        <v>0</v>
      </c>
      <c r="CT30" s="280">
        <v>1</v>
      </c>
      <c r="CU30" s="280">
        <v>0</v>
      </c>
      <c r="CV30" s="277">
        <v>1</v>
      </c>
      <c r="CW30" s="282">
        <v>1</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0</v>
      </c>
      <c r="DU30" s="280">
        <v>1</v>
      </c>
      <c r="DV30" s="277">
        <v>1</v>
      </c>
      <c r="DW30" s="279">
        <v>0</v>
      </c>
      <c r="DX30" s="280">
        <v>3</v>
      </c>
      <c r="DY30" s="280">
        <v>5</v>
      </c>
      <c r="DZ30" s="280">
        <v>0</v>
      </c>
      <c r="EA30" s="280">
        <v>2</v>
      </c>
      <c r="EB30" s="280">
        <v>1</v>
      </c>
      <c r="EC30" s="277">
        <v>11</v>
      </c>
      <c r="ED30" s="282">
        <v>12</v>
      </c>
      <c r="EE30" s="276">
        <v>0</v>
      </c>
      <c r="EF30" s="280">
        <v>0</v>
      </c>
      <c r="EG30" s="277">
        <v>0</v>
      </c>
      <c r="EH30" s="279">
        <v>0</v>
      </c>
      <c r="EI30" s="280">
        <v>1</v>
      </c>
      <c r="EJ30" s="280">
        <v>0</v>
      </c>
      <c r="EK30" s="280">
        <v>1</v>
      </c>
      <c r="EL30" s="280">
        <v>0</v>
      </c>
      <c r="EM30" s="280">
        <v>0</v>
      </c>
      <c r="EN30" s="277">
        <v>2</v>
      </c>
      <c r="EO30" s="282">
        <v>2</v>
      </c>
      <c r="EP30" s="276">
        <v>0</v>
      </c>
      <c r="EQ30" s="280">
        <v>1</v>
      </c>
      <c r="ER30" s="277">
        <v>1</v>
      </c>
      <c r="ES30" s="279">
        <v>0</v>
      </c>
      <c r="ET30" s="280">
        <v>7</v>
      </c>
      <c r="EU30" s="280">
        <v>6</v>
      </c>
      <c r="EV30" s="280">
        <v>0</v>
      </c>
      <c r="EW30" s="280">
        <v>2</v>
      </c>
      <c r="EX30" s="280">
        <v>2</v>
      </c>
      <c r="EY30" s="277">
        <v>17</v>
      </c>
      <c r="EZ30" s="282">
        <v>18</v>
      </c>
    </row>
    <row r="31" spans="2:156" ht="21" customHeight="1" x14ac:dyDescent="0.2">
      <c r="B31" s="261" t="s">
        <v>29</v>
      </c>
      <c r="C31" s="276">
        <v>0</v>
      </c>
      <c r="D31" s="280">
        <v>0</v>
      </c>
      <c r="E31" s="384">
        <v>0</v>
      </c>
      <c r="F31" s="279">
        <v>0</v>
      </c>
      <c r="G31" s="280">
        <v>0</v>
      </c>
      <c r="H31" s="280">
        <v>0</v>
      </c>
      <c r="I31" s="280">
        <v>0</v>
      </c>
      <c r="J31" s="280">
        <v>0</v>
      </c>
      <c r="K31" s="280">
        <v>0</v>
      </c>
      <c r="L31" s="281">
        <v>0</v>
      </c>
      <c r="M31" s="282">
        <v>0</v>
      </c>
      <c r="N31" s="276">
        <v>0</v>
      </c>
      <c r="O31" s="280">
        <v>0</v>
      </c>
      <c r="P31" s="277">
        <v>0</v>
      </c>
      <c r="Q31" s="279">
        <v>0</v>
      </c>
      <c r="R31" s="280">
        <v>0</v>
      </c>
      <c r="S31" s="280">
        <v>0</v>
      </c>
      <c r="T31" s="280">
        <v>0</v>
      </c>
      <c r="U31" s="280">
        <v>0</v>
      </c>
      <c r="V31" s="280">
        <v>1</v>
      </c>
      <c r="W31" s="277">
        <v>1</v>
      </c>
      <c r="X31" s="282">
        <v>1</v>
      </c>
      <c r="Y31" s="276">
        <v>0</v>
      </c>
      <c r="Z31" s="280">
        <v>1</v>
      </c>
      <c r="AA31" s="277">
        <v>1</v>
      </c>
      <c r="AB31" s="279">
        <v>0</v>
      </c>
      <c r="AC31" s="280">
        <v>0</v>
      </c>
      <c r="AD31" s="280">
        <v>0</v>
      </c>
      <c r="AE31" s="280">
        <v>0</v>
      </c>
      <c r="AF31" s="280">
        <v>0</v>
      </c>
      <c r="AG31" s="280">
        <v>1</v>
      </c>
      <c r="AH31" s="277">
        <v>1</v>
      </c>
      <c r="AI31" s="282">
        <v>2</v>
      </c>
      <c r="AJ31" s="276">
        <v>0</v>
      </c>
      <c r="AK31" s="280">
        <v>0</v>
      </c>
      <c r="AL31" s="277">
        <v>0</v>
      </c>
      <c r="AM31" s="279">
        <v>0</v>
      </c>
      <c r="AN31" s="280">
        <v>0</v>
      </c>
      <c r="AO31" s="280">
        <v>0</v>
      </c>
      <c r="AP31" s="280">
        <v>0</v>
      </c>
      <c r="AQ31" s="280">
        <v>0</v>
      </c>
      <c r="AR31" s="280">
        <v>0</v>
      </c>
      <c r="AS31" s="277">
        <v>0</v>
      </c>
      <c r="AT31" s="282">
        <v>0</v>
      </c>
      <c r="AU31" s="276">
        <v>1</v>
      </c>
      <c r="AV31" s="280">
        <v>0</v>
      </c>
      <c r="AW31" s="277">
        <v>1</v>
      </c>
      <c r="AX31" s="279">
        <v>0</v>
      </c>
      <c r="AY31" s="280">
        <v>0</v>
      </c>
      <c r="AZ31" s="280">
        <v>2</v>
      </c>
      <c r="BA31" s="280">
        <v>0</v>
      </c>
      <c r="BB31" s="280">
        <v>1</v>
      </c>
      <c r="BC31" s="280">
        <v>1</v>
      </c>
      <c r="BD31" s="281">
        <v>4</v>
      </c>
      <c r="BE31" s="282">
        <v>5</v>
      </c>
      <c r="BF31" s="276">
        <v>0</v>
      </c>
      <c r="BG31" s="280">
        <v>0</v>
      </c>
      <c r="BH31" s="277">
        <v>0</v>
      </c>
      <c r="BI31" s="279">
        <v>0</v>
      </c>
      <c r="BJ31" s="280">
        <v>3</v>
      </c>
      <c r="BK31" s="280">
        <v>4</v>
      </c>
      <c r="BL31" s="280">
        <v>2</v>
      </c>
      <c r="BM31" s="280">
        <v>1</v>
      </c>
      <c r="BN31" s="280">
        <v>1</v>
      </c>
      <c r="BO31" s="277">
        <v>11</v>
      </c>
      <c r="BP31" s="282">
        <v>11</v>
      </c>
      <c r="BQ31" s="276">
        <v>0</v>
      </c>
      <c r="BR31" s="280">
        <v>0</v>
      </c>
      <c r="BS31" s="277">
        <v>0</v>
      </c>
      <c r="BT31" s="279">
        <v>0</v>
      </c>
      <c r="BU31" s="280">
        <v>1</v>
      </c>
      <c r="BV31" s="280">
        <v>0</v>
      </c>
      <c r="BW31" s="280">
        <v>1</v>
      </c>
      <c r="BX31" s="280">
        <v>0</v>
      </c>
      <c r="BY31" s="280">
        <v>0</v>
      </c>
      <c r="BZ31" s="277">
        <v>2</v>
      </c>
      <c r="CA31" s="282">
        <v>2</v>
      </c>
      <c r="CB31" s="276">
        <v>0</v>
      </c>
      <c r="CC31" s="280">
        <v>0</v>
      </c>
      <c r="CD31" s="277">
        <v>0</v>
      </c>
      <c r="CE31" s="279">
        <v>0</v>
      </c>
      <c r="CF31" s="280">
        <v>0</v>
      </c>
      <c r="CG31" s="280">
        <v>0</v>
      </c>
      <c r="CH31" s="280">
        <v>1</v>
      </c>
      <c r="CI31" s="280">
        <v>0</v>
      </c>
      <c r="CJ31" s="280">
        <v>1</v>
      </c>
      <c r="CK31" s="277">
        <v>2</v>
      </c>
      <c r="CL31" s="282">
        <v>2</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1</v>
      </c>
      <c r="DU31" s="280">
        <v>0</v>
      </c>
      <c r="DV31" s="277">
        <v>1</v>
      </c>
      <c r="DW31" s="279">
        <v>0</v>
      </c>
      <c r="DX31" s="280">
        <v>3</v>
      </c>
      <c r="DY31" s="280">
        <v>3</v>
      </c>
      <c r="DZ31" s="280">
        <v>2</v>
      </c>
      <c r="EA31" s="280">
        <v>1</v>
      </c>
      <c r="EB31" s="280">
        <v>2</v>
      </c>
      <c r="EC31" s="277">
        <v>11</v>
      </c>
      <c r="ED31" s="282">
        <v>12</v>
      </c>
      <c r="EE31" s="276">
        <v>0</v>
      </c>
      <c r="EF31" s="280">
        <v>0</v>
      </c>
      <c r="EG31" s="277">
        <v>0</v>
      </c>
      <c r="EH31" s="279">
        <v>0</v>
      </c>
      <c r="EI31" s="280">
        <v>0</v>
      </c>
      <c r="EJ31" s="280">
        <v>2</v>
      </c>
      <c r="EK31" s="280">
        <v>0</v>
      </c>
      <c r="EL31" s="280">
        <v>1</v>
      </c>
      <c r="EM31" s="280">
        <v>1</v>
      </c>
      <c r="EN31" s="277">
        <v>4</v>
      </c>
      <c r="EO31" s="282">
        <v>4</v>
      </c>
      <c r="EP31" s="276">
        <v>1</v>
      </c>
      <c r="EQ31" s="280">
        <v>1</v>
      </c>
      <c r="ER31" s="277">
        <v>2</v>
      </c>
      <c r="ES31" s="279">
        <v>0</v>
      </c>
      <c r="ET31" s="280">
        <v>6</v>
      </c>
      <c r="EU31" s="280">
        <v>4</v>
      </c>
      <c r="EV31" s="280">
        <v>2</v>
      </c>
      <c r="EW31" s="280">
        <v>1</v>
      </c>
      <c r="EX31" s="280">
        <v>2</v>
      </c>
      <c r="EY31" s="277">
        <v>15</v>
      </c>
      <c r="EZ31" s="282">
        <v>17</v>
      </c>
    </row>
    <row r="32" spans="2:156" ht="21" customHeight="1" x14ac:dyDescent="0.2">
      <c r="B32" s="261" t="s">
        <v>30</v>
      </c>
      <c r="C32" s="276">
        <v>0</v>
      </c>
      <c r="D32" s="280">
        <v>0</v>
      </c>
      <c r="E32" s="384">
        <v>0</v>
      </c>
      <c r="F32" s="279">
        <v>0</v>
      </c>
      <c r="G32" s="280">
        <v>1</v>
      </c>
      <c r="H32" s="280">
        <v>2</v>
      </c>
      <c r="I32" s="280">
        <v>1</v>
      </c>
      <c r="J32" s="280">
        <v>1</v>
      </c>
      <c r="K32" s="280">
        <v>0</v>
      </c>
      <c r="L32" s="281">
        <v>5</v>
      </c>
      <c r="M32" s="282">
        <v>5</v>
      </c>
      <c r="N32" s="276">
        <v>0</v>
      </c>
      <c r="O32" s="280">
        <v>0</v>
      </c>
      <c r="P32" s="277">
        <v>0</v>
      </c>
      <c r="Q32" s="279">
        <v>0</v>
      </c>
      <c r="R32" s="280">
        <v>0</v>
      </c>
      <c r="S32" s="280">
        <v>0</v>
      </c>
      <c r="T32" s="280">
        <v>0</v>
      </c>
      <c r="U32" s="280">
        <v>0</v>
      </c>
      <c r="V32" s="280">
        <v>0</v>
      </c>
      <c r="W32" s="277">
        <v>0</v>
      </c>
      <c r="X32" s="282">
        <v>0</v>
      </c>
      <c r="Y32" s="276">
        <v>0</v>
      </c>
      <c r="Z32" s="280">
        <v>1</v>
      </c>
      <c r="AA32" s="277">
        <v>1</v>
      </c>
      <c r="AB32" s="279">
        <v>0</v>
      </c>
      <c r="AC32" s="280">
        <v>0</v>
      </c>
      <c r="AD32" s="280">
        <v>0</v>
      </c>
      <c r="AE32" s="280">
        <v>1</v>
      </c>
      <c r="AF32" s="280">
        <v>1</v>
      </c>
      <c r="AG32" s="280">
        <v>0</v>
      </c>
      <c r="AH32" s="277">
        <v>2</v>
      </c>
      <c r="AI32" s="282">
        <v>3</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1</v>
      </c>
      <c r="AZ32" s="280">
        <v>1</v>
      </c>
      <c r="BA32" s="280">
        <v>0</v>
      </c>
      <c r="BB32" s="280">
        <v>2</v>
      </c>
      <c r="BC32" s="280">
        <v>0</v>
      </c>
      <c r="BD32" s="281">
        <v>4</v>
      </c>
      <c r="BE32" s="282">
        <v>4</v>
      </c>
      <c r="BF32" s="276">
        <v>0</v>
      </c>
      <c r="BG32" s="280">
        <v>0</v>
      </c>
      <c r="BH32" s="277">
        <v>0</v>
      </c>
      <c r="BI32" s="279">
        <v>0</v>
      </c>
      <c r="BJ32" s="280">
        <v>1</v>
      </c>
      <c r="BK32" s="280">
        <v>0</v>
      </c>
      <c r="BL32" s="280">
        <v>0</v>
      </c>
      <c r="BM32" s="280">
        <v>2</v>
      </c>
      <c r="BN32" s="280">
        <v>0</v>
      </c>
      <c r="BO32" s="277">
        <v>3</v>
      </c>
      <c r="BP32" s="282">
        <v>3</v>
      </c>
      <c r="BQ32" s="276">
        <v>1</v>
      </c>
      <c r="BR32" s="280">
        <v>0</v>
      </c>
      <c r="BS32" s="277">
        <v>1</v>
      </c>
      <c r="BT32" s="279">
        <v>0</v>
      </c>
      <c r="BU32" s="280">
        <v>1</v>
      </c>
      <c r="BV32" s="280">
        <v>0</v>
      </c>
      <c r="BW32" s="280">
        <v>1</v>
      </c>
      <c r="BX32" s="280">
        <v>0</v>
      </c>
      <c r="BY32" s="280">
        <v>0</v>
      </c>
      <c r="BZ32" s="277">
        <v>2</v>
      </c>
      <c r="CA32" s="282">
        <v>3</v>
      </c>
      <c r="CB32" s="276">
        <v>0</v>
      </c>
      <c r="CC32" s="280">
        <v>0</v>
      </c>
      <c r="CD32" s="277">
        <v>0</v>
      </c>
      <c r="CE32" s="279">
        <v>0</v>
      </c>
      <c r="CF32" s="280">
        <v>0</v>
      </c>
      <c r="CG32" s="280">
        <v>0</v>
      </c>
      <c r="CH32" s="280">
        <v>1</v>
      </c>
      <c r="CI32" s="280">
        <v>1</v>
      </c>
      <c r="CJ32" s="280">
        <v>0</v>
      </c>
      <c r="CK32" s="277">
        <v>2</v>
      </c>
      <c r="CL32" s="282">
        <v>2</v>
      </c>
      <c r="CM32" s="276">
        <v>0</v>
      </c>
      <c r="CN32" s="280">
        <v>0</v>
      </c>
      <c r="CO32" s="277">
        <v>0</v>
      </c>
      <c r="CP32" s="279">
        <v>0</v>
      </c>
      <c r="CQ32" s="280">
        <v>1</v>
      </c>
      <c r="CR32" s="280">
        <v>0</v>
      </c>
      <c r="CS32" s="280">
        <v>0</v>
      </c>
      <c r="CT32" s="280">
        <v>0</v>
      </c>
      <c r="CU32" s="280">
        <v>1</v>
      </c>
      <c r="CV32" s="277">
        <v>2</v>
      </c>
      <c r="CW32" s="282">
        <v>2</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0</v>
      </c>
      <c r="DU32" s="280">
        <v>2</v>
      </c>
      <c r="DV32" s="277">
        <v>2</v>
      </c>
      <c r="DW32" s="279">
        <v>0</v>
      </c>
      <c r="DX32" s="280">
        <v>1</v>
      </c>
      <c r="DY32" s="280">
        <v>1</v>
      </c>
      <c r="DZ32" s="280">
        <v>3</v>
      </c>
      <c r="EA32" s="280">
        <v>3</v>
      </c>
      <c r="EB32" s="280">
        <v>1</v>
      </c>
      <c r="EC32" s="277">
        <v>9</v>
      </c>
      <c r="ED32" s="282">
        <v>11</v>
      </c>
      <c r="EE32" s="276">
        <v>0</v>
      </c>
      <c r="EF32" s="280">
        <v>0</v>
      </c>
      <c r="EG32" s="277">
        <v>0</v>
      </c>
      <c r="EH32" s="279">
        <v>0</v>
      </c>
      <c r="EI32" s="280">
        <v>1</v>
      </c>
      <c r="EJ32" s="280">
        <v>0</v>
      </c>
      <c r="EK32" s="280">
        <v>0</v>
      </c>
      <c r="EL32" s="280">
        <v>0</v>
      </c>
      <c r="EM32" s="280">
        <v>0</v>
      </c>
      <c r="EN32" s="277">
        <v>1</v>
      </c>
      <c r="EO32" s="282">
        <v>1</v>
      </c>
      <c r="EP32" s="276">
        <v>2</v>
      </c>
      <c r="EQ32" s="280">
        <v>3</v>
      </c>
      <c r="ER32" s="277">
        <v>5</v>
      </c>
      <c r="ES32" s="279">
        <v>0</v>
      </c>
      <c r="ET32" s="280">
        <v>5</v>
      </c>
      <c r="EU32" s="280">
        <v>2</v>
      </c>
      <c r="EV32" s="280">
        <v>3</v>
      </c>
      <c r="EW32" s="280">
        <v>3</v>
      </c>
      <c r="EX32" s="280">
        <v>1</v>
      </c>
      <c r="EY32" s="277">
        <v>14</v>
      </c>
      <c r="EZ32" s="282">
        <v>19</v>
      </c>
    </row>
    <row r="33" spans="2:156" ht="21" customHeight="1" x14ac:dyDescent="0.2">
      <c r="B33" s="261" t="s">
        <v>31</v>
      </c>
      <c r="C33" s="276">
        <v>0</v>
      </c>
      <c r="D33" s="280">
        <v>0</v>
      </c>
      <c r="E33" s="384">
        <v>0</v>
      </c>
      <c r="F33" s="279">
        <v>0</v>
      </c>
      <c r="G33" s="280">
        <v>2</v>
      </c>
      <c r="H33" s="280">
        <v>2</v>
      </c>
      <c r="I33" s="280">
        <v>0</v>
      </c>
      <c r="J33" s="280">
        <v>0</v>
      </c>
      <c r="K33" s="280">
        <v>0</v>
      </c>
      <c r="L33" s="281">
        <v>4</v>
      </c>
      <c r="M33" s="282">
        <v>4</v>
      </c>
      <c r="N33" s="276">
        <v>0</v>
      </c>
      <c r="O33" s="280">
        <v>0</v>
      </c>
      <c r="P33" s="277">
        <v>0</v>
      </c>
      <c r="Q33" s="279">
        <v>0</v>
      </c>
      <c r="R33" s="280">
        <v>0</v>
      </c>
      <c r="S33" s="280">
        <v>1</v>
      </c>
      <c r="T33" s="280">
        <v>1</v>
      </c>
      <c r="U33" s="280">
        <v>0</v>
      </c>
      <c r="V33" s="280">
        <v>0</v>
      </c>
      <c r="W33" s="277">
        <v>2</v>
      </c>
      <c r="X33" s="282">
        <v>2</v>
      </c>
      <c r="Y33" s="276">
        <v>1</v>
      </c>
      <c r="Z33" s="280">
        <v>0</v>
      </c>
      <c r="AA33" s="277">
        <v>1</v>
      </c>
      <c r="AB33" s="279">
        <v>0</v>
      </c>
      <c r="AC33" s="280">
        <v>1</v>
      </c>
      <c r="AD33" s="280">
        <v>0</v>
      </c>
      <c r="AE33" s="280">
        <v>1</v>
      </c>
      <c r="AF33" s="280">
        <v>2</v>
      </c>
      <c r="AG33" s="280">
        <v>0</v>
      </c>
      <c r="AH33" s="277">
        <v>4</v>
      </c>
      <c r="AI33" s="282">
        <v>5</v>
      </c>
      <c r="AJ33" s="276">
        <v>0</v>
      </c>
      <c r="AK33" s="280">
        <v>0</v>
      </c>
      <c r="AL33" s="277">
        <v>0</v>
      </c>
      <c r="AM33" s="279">
        <v>0</v>
      </c>
      <c r="AN33" s="280">
        <v>0</v>
      </c>
      <c r="AO33" s="280">
        <v>2</v>
      </c>
      <c r="AP33" s="280">
        <v>0</v>
      </c>
      <c r="AQ33" s="280">
        <v>0</v>
      </c>
      <c r="AR33" s="280">
        <v>0</v>
      </c>
      <c r="AS33" s="277">
        <v>2</v>
      </c>
      <c r="AT33" s="282">
        <v>2</v>
      </c>
      <c r="AU33" s="276">
        <v>0</v>
      </c>
      <c r="AV33" s="280">
        <v>0</v>
      </c>
      <c r="AW33" s="277">
        <v>0</v>
      </c>
      <c r="AX33" s="279">
        <v>0</v>
      </c>
      <c r="AY33" s="280">
        <v>0</v>
      </c>
      <c r="AZ33" s="280">
        <v>0</v>
      </c>
      <c r="BA33" s="280">
        <v>0</v>
      </c>
      <c r="BB33" s="280">
        <v>1</v>
      </c>
      <c r="BC33" s="280">
        <v>0</v>
      </c>
      <c r="BD33" s="281">
        <v>1</v>
      </c>
      <c r="BE33" s="282">
        <v>1</v>
      </c>
      <c r="BF33" s="276">
        <v>0</v>
      </c>
      <c r="BG33" s="280">
        <v>0</v>
      </c>
      <c r="BH33" s="277">
        <v>0</v>
      </c>
      <c r="BI33" s="279">
        <v>0</v>
      </c>
      <c r="BJ33" s="280">
        <v>3</v>
      </c>
      <c r="BK33" s="280">
        <v>2</v>
      </c>
      <c r="BL33" s="280">
        <v>0</v>
      </c>
      <c r="BM33" s="280">
        <v>1</v>
      </c>
      <c r="BN33" s="280">
        <v>0</v>
      </c>
      <c r="BO33" s="277">
        <v>6</v>
      </c>
      <c r="BP33" s="282">
        <v>6</v>
      </c>
      <c r="BQ33" s="276">
        <v>0</v>
      </c>
      <c r="BR33" s="280">
        <v>0</v>
      </c>
      <c r="BS33" s="277">
        <v>0</v>
      </c>
      <c r="BT33" s="279">
        <v>0</v>
      </c>
      <c r="BU33" s="280">
        <v>0</v>
      </c>
      <c r="BV33" s="280">
        <v>3</v>
      </c>
      <c r="BW33" s="280">
        <v>0</v>
      </c>
      <c r="BX33" s="280">
        <v>1</v>
      </c>
      <c r="BY33" s="280">
        <v>0</v>
      </c>
      <c r="BZ33" s="277">
        <v>4</v>
      </c>
      <c r="CA33" s="282">
        <v>4</v>
      </c>
      <c r="CB33" s="276">
        <v>0</v>
      </c>
      <c r="CC33" s="280">
        <v>0</v>
      </c>
      <c r="CD33" s="277">
        <v>0</v>
      </c>
      <c r="CE33" s="279">
        <v>0</v>
      </c>
      <c r="CF33" s="280">
        <v>0</v>
      </c>
      <c r="CG33" s="280">
        <v>3</v>
      </c>
      <c r="CH33" s="280">
        <v>0</v>
      </c>
      <c r="CI33" s="280">
        <v>0</v>
      </c>
      <c r="CJ33" s="280">
        <v>0</v>
      </c>
      <c r="CK33" s="277">
        <v>3</v>
      </c>
      <c r="CL33" s="282">
        <v>3</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3</v>
      </c>
      <c r="DU33" s="280">
        <v>3</v>
      </c>
      <c r="DV33" s="277">
        <v>6</v>
      </c>
      <c r="DW33" s="279">
        <v>0</v>
      </c>
      <c r="DX33" s="280">
        <v>4</v>
      </c>
      <c r="DY33" s="280">
        <v>9</v>
      </c>
      <c r="DZ33" s="280">
        <v>2</v>
      </c>
      <c r="EA33" s="280">
        <v>2</v>
      </c>
      <c r="EB33" s="280">
        <v>0</v>
      </c>
      <c r="EC33" s="277">
        <v>17</v>
      </c>
      <c r="ED33" s="282">
        <v>23</v>
      </c>
      <c r="EE33" s="276">
        <v>0</v>
      </c>
      <c r="EF33" s="280">
        <v>0</v>
      </c>
      <c r="EG33" s="277">
        <v>0</v>
      </c>
      <c r="EH33" s="279">
        <v>0</v>
      </c>
      <c r="EI33" s="280">
        <v>0</v>
      </c>
      <c r="EJ33" s="280">
        <v>0</v>
      </c>
      <c r="EK33" s="280">
        <v>0</v>
      </c>
      <c r="EL33" s="280">
        <v>0</v>
      </c>
      <c r="EM33" s="280">
        <v>0</v>
      </c>
      <c r="EN33" s="277">
        <v>0</v>
      </c>
      <c r="EO33" s="282">
        <v>0</v>
      </c>
      <c r="EP33" s="276">
        <v>4</v>
      </c>
      <c r="EQ33" s="280">
        <v>3</v>
      </c>
      <c r="ER33" s="277">
        <v>7</v>
      </c>
      <c r="ES33" s="279">
        <v>0</v>
      </c>
      <c r="ET33" s="280">
        <v>6</v>
      </c>
      <c r="EU33" s="280">
        <v>12</v>
      </c>
      <c r="EV33" s="280">
        <v>2</v>
      </c>
      <c r="EW33" s="280">
        <v>3</v>
      </c>
      <c r="EX33" s="280">
        <v>0</v>
      </c>
      <c r="EY33" s="277">
        <v>23</v>
      </c>
      <c r="EZ33" s="282">
        <v>30</v>
      </c>
    </row>
    <row r="34" spans="2:156" ht="21" customHeight="1" x14ac:dyDescent="0.2">
      <c r="B34" s="261" t="s">
        <v>32</v>
      </c>
      <c r="C34" s="276">
        <v>0</v>
      </c>
      <c r="D34" s="280">
        <v>0</v>
      </c>
      <c r="E34" s="384">
        <v>0</v>
      </c>
      <c r="F34" s="279">
        <v>0</v>
      </c>
      <c r="G34" s="280">
        <v>2</v>
      </c>
      <c r="H34" s="280">
        <v>2</v>
      </c>
      <c r="I34" s="280">
        <v>1</v>
      </c>
      <c r="J34" s="280">
        <v>1</v>
      </c>
      <c r="K34" s="280">
        <v>1</v>
      </c>
      <c r="L34" s="281">
        <v>7</v>
      </c>
      <c r="M34" s="282">
        <v>7</v>
      </c>
      <c r="N34" s="276">
        <v>0</v>
      </c>
      <c r="O34" s="280">
        <v>0</v>
      </c>
      <c r="P34" s="277">
        <v>0</v>
      </c>
      <c r="Q34" s="279">
        <v>0</v>
      </c>
      <c r="R34" s="280">
        <v>0</v>
      </c>
      <c r="S34" s="280">
        <v>0</v>
      </c>
      <c r="T34" s="280">
        <v>0</v>
      </c>
      <c r="U34" s="280">
        <v>0</v>
      </c>
      <c r="V34" s="280">
        <v>1</v>
      </c>
      <c r="W34" s="277">
        <v>1</v>
      </c>
      <c r="X34" s="282">
        <v>1</v>
      </c>
      <c r="Y34" s="276">
        <v>0</v>
      </c>
      <c r="Z34" s="280">
        <v>1</v>
      </c>
      <c r="AA34" s="277">
        <v>1</v>
      </c>
      <c r="AB34" s="279">
        <v>0</v>
      </c>
      <c r="AC34" s="280">
        <v>1</v>
      </c>
      <c r="AD34" s="280">
        <v>1</v>
      </c>
      <c r="AE34" s="280">
        <v>1</v>
      </c>
      <c r="AF34" s="280">
        <v>1</v>
      </c>
      <c r="AG34" s="280">
        <v>0</v>
      </c>
      <c r="AH34" s="277">
        <v>4</v>
      </c>
      <c r="AI34" s="282">
        <v>5</v>
      </c>
      <c r="AJ34" s="276">
        <v>0</v>
      </c>
      <c r="AK34" s="280">
        <v>0</v>
      </c>
      <c r="AL34" s="277">
        <v>0</v>
      </c>
      <c r="AM34" s="279">
        <v>0</v>
      </c>
      <c r="AN34" s="280">
        <v>0</v>
      </c>
      <c r="AO34" s="280">
        <v>1</v>
      </c>
      <c r="AP34" s="280">
        <v>0</v>
      </c>
      <c r="AQ34" s="280">
        <v>0</v>
      </c>
      <c r="AR34" s="280">
        <v>0</v>
      </c>
      <c r="AS34" s="277">
        <v>1</v>
      </c>
      <c r="AT34" s="282">
        <v>1</v>
      </c>
      <c r="AU34" s="276">
        <v>0</v>
      </c>
      <c r="AV34" s="280">
        <v>0</v>
      </c>
      <c r="AW34" s="277">
        <v>0</v>
      </c>
      <c r="AX34" s="279">
        <v>0</v>
      </c>
      <c r="AY34" s="280">
        <v>0</v>
      </c>
      <c r="AZ34" s="280">
        <v>1</v>
      </c>
      <c r="BA34" s="280">
        <v>4</v>
      </c>
      <c r="BB34" s="280">
        <v>4</v>
      </c>
      <c r="BC34" s="280">
        <v>0</v>
      </c>
      <c r="BD34" s="281">
        <v>9</v>
      </c>
      <c r="BE34" s="282">
        <v>9</v>
      </c>
      <c r="BF34" s="276">
        <v>0</v>
      </c>
      <c r="BG34" s="280">
        <v>0</v>
      </c>
      <c r="BH34" s="277">
        <v>0</v>
      </c>
      <c r="BI34" s="279">
        <v>0</v>
      </c>
      <c r="BJ34" s="280">
        <v>2</v>
      </c>
      <c r="BK34" s="280">
        <v>2</v>
      </c>
      <c r="BL34" s="280">
        <v>2</v>
      </c>
      <c r="BM34" s="280">
        <v>0</v>
      </c>
      <c r="BN34" s="280">
        <v>1</v>
      </c>
      <c r="BO34" s="277">
        <v>7</v>
      </c>
      <c r="BP34" s="282">
        <v>7</v>
      </c>
      <c r="BQ34" s="276">
        <v>0</v>
      </c>
      <c r="BR34" s="280">
        <v>0</v>
      </c>
      <c r="BS34" s="277">
        <v>0</v>
      </c>
      <c r="BT34" s="279">
        <v>0</v>
      </c>
      <c r="BU34" s="280">
        <v>1</v>
      </c>
      <c r="BV34" s="280">
        <v>1</v>
      </c>
      <c r="BW34" s="280">
        <v>0</v>
      </c>
      <c r="BX34" s="280">
        <v>0</v>
      </c>
      <c r="BY34" s="280">
        <v>1</v>
      </c>
      <c r="BZ34" s="277">
        <v>3</v>
      </c>
      <c r="CA34" s="282">
        <v>3</v>
      </c>
      <c r="CB34" s="276">
        <v>0</v>
      </c>
      <c r="CC34" s="280">
        <v>0</v>
      </c>
      <c r="CD34" s="277">
        <v>0</v>
      </c>
      <c r="CE34" s="279">
        <v>0</v>
      </c>
      <c r="CF34" s="280">
        <v>0</v>
      </c>
      <c r="CG34" s="280">
        <v>0</v>
      </c>
      <c r="CH34" s="280">
        <v>1</v>
      </c>
      <c r="CI34" s="280">
        <v>0</v>
      </c>
      <c r="CJ34" s="280">
        <v>1</v>
      </c>
      <c r="CK34" s="277">
        <v>2</v>
      </c>
      <c r="CL34" s="282">
        <v>2</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0</v>
      </c>
      <c r="DU34" s="280">
        <v>2</v>
      </c>
      <c r="DV34" s="277">
        <v>2</v>
      </c>
      <c r="DW34" s="279">
        <v>0</v>
      </c>
      <c r="DX34" s="280">
        <v>5</v>
      </c>
      <c r="DY34" s="280">
        <v>9</v>
      </c>
      <c r="DZ34" s="280">
        <v>3</v>
      </c>
      <c r="EA34" s="280">
        <v>2</v>
      </c>
      <c r="EB34" s="280">
        <v>2</v>
      </c>
      <c r="EC34" s="277">
        <v>21</v>
      </c>
      <c r="ED34" s="282">
        <v>23</v>
      </c>
      <c r="EE34" s="276">
        <v>0</v>
      </c>
      <c r="EF34" s="280">
        <v>0</v>
      </c>
      <c r="EG34" s="277">
        <v>0</v>
      </c>
      <c r="EH34" s="279">
        <v>0</v>
      </c>
      <c r="EI34" s="280">
        <v>0</v>
      </c>
      <c r="EJ34" s="280">
        <v>1</v>
      </c>
      <c r="EK34" s="280">
        <v>1</v>
      </c>
      <c r="EL34" s="280">
        <v>2</v>
      </c>
      <c r="EM34" s="280">
        <v>0</v>
      </c>
      <c r="EN34" s="277">
        <v>4</v>
      </c>
      <c r="EO34" s="282">
        <v>4</v>
      </c>
      <c r="EP34" s="276">
        <v>0</v>
      </c>
      <c r="EQ34" s="280">
        <v>3</v>
      </c>
      <c r="ER34" s="277">
        <v>3</v>
      </c>
      <c r="ES34" s="279">
        <v>0</v>
      </c>
      <c r="ET34" s="280">
        <v>8</v>
      </c>
      <c r="EU34" s="280">
        <v>10</v>
      </c>
      <c r="EV34" s="280">
        <v>3</v>
      </c>
      <c r="EW34" s="280">
        <v>2</v>
      </c>
      <c r="EX34" s="280">
        <v>2</v>
      </c>
      <c r="EY34" s="277">
        <v>25</v>
      </c>
      <c r="EZ34" s="282">
        <v>28</v>
      </c>
    </row>
    <row r="35" spans="2:156" ht="21" customHeight="1" x14ac:dyDescent="0.2">
      <c r="B35" s="261" t="s">
        <v>33</v>
      </c>
      <c r="C35" s="276">
        <v>0</v>
      </c>
      <c r="D35" s="280">
        <v>0</v>
      </c>
      <c r="E35" s="384">
        <v>0</v>
      </c>
      <c r="F35" s="279">
        <v>0</v>
      </c>
      <c r="G35" s="280">
        <v>2</v>
      </c>
      <c r="H35" s="280">
        <v>0</v>
      </c>
      <c r="I35" s="280">
        <v>0</v>
      </c>
      <c r="J35" s="280">
        <v>0</v>
      </c>
      <c r="K35" s="280">
        <v>0</v>
      </c>
      <c r="L35" s="281">
        <v>2</v>
      </c>
      <c r="M35" s="282">
        <v>2</v>
      </c>
      <c r="N35" s="276">
        <v>0</v>
      </c>
      <c r="O35" s="280">
        <v>0</v>
      </c>
      <c r="P35" s="277">
        <v>0</v>
      </c>
      <c r="Q35" s="279">
        <v>0</v>
      </c>
      <c r="R35" s="280">
        <v>0</v>
      </c>
      <c r="S35" s="280">
        <v>0</v>
      </c>
      <c r="T35" s="280">
        <v>0</v>
      </c>
      <c r="U35" s="280">
        <v>1</v>
      </c>
      <c r="V35" s="280">
        <v>0</v>
      </c>
      <c r="W35" s="277">
        <v>1</v>
      </c>
      <c r="X35" s="282">
        <v>1</v>
      </c>
      <c r="Y35" s="276">
        <v>0</v>
      </c>
      <c r="Z35" s="280">
        <v>0</v>
      </c>
      <c r="AA35" s="277">
        <v>0</v>
      </c>
      <c r="AB35" s="279">
        <v>0</v>
      </c>
      <c r="AC35" s="280">
        <v>1</v>
      </c>
      <c r="AD35" s="280">
        <v>1</v>
      </c>
      <c r="AE35" s="280">
        <v>0</v>
      </c>
      <c r="AF35" s="280">
        <v>0</v>
      </c>
      <c r="AG35" s="280">
        <v>1</v>
      </c>
      <c r="AH35" s="277">
        <v>3</v>
      </c>
      <c r="AI35" s="282">
        <v>3</v>
      </c>
      <c r="AJ35" s="276">
        <v>1</v>
      </c>
      <c r="AK35" s="280">
        <v>1</v>
      </c>
      <c r="AL35" s="277">
        <v>2</v>
      </c>
      <c r="AM35" s="279">
        <v>0</v>
      </c>
      <c r="AN35" s="280">
        <v>1</v>
      </c>
      <c r="AO35" s="280">
        <v>0</v>
      </c>
      <c r="AP35" s="280">
        <v>0</v>
      </c>
      <c r="AQ35" s="280">
        <v>1</v>
      </c>
      <c r="AR35" s="280">
        <v>1</v>
      </c>
      <c r="AS35" s="277">
        <v>3</v>
      </c>
      <c r="AT35" s="282">
        <v>5</v>
      </c>
      <c r="AU35" s="276">
        <v>0</v>
      </c>
      <c r="AV35" s="280">
        <v>0</v>
      </c>
      <c r="AW35" s="277">
        <v>0</v>
      </c>
      <c r="AX35" s="279">
        <v>0</v>
      </c>
      <c r="AY35" s="280">
        <v>1</v>
      </c>
      <c r="AZ35" s="280">
        <v>1</v>
      </c>
      <c r="BA35" s="280">
        <v>0</v>
      </c>
      <c r="BB35" s="280">
        <v>1</v>
      </c>
      <c r="BC35" s="280">
        <v>0</v>
      </c>
      <c r="BD35" s="281">
        <v>3</v>
      </c>
      <c r="BE35" s="282">
        <v>3</v>
      </c>
      <c r="BF35" s="276">
        <v>0</v>
      </c>
      <c r="BG35" s="280">
        <v>0</v>
      </c>
      <c r="BH35" s="277">
        <v>0</v>
      </c>
      <c r="BI35" s="279">
        <v>0</v>
      </c>
      <c r="BJ35" s="280">
        <v>1</v>
      </c>
      <c r="BK35" s="280">
        <v>0</v>
      </c>
      <c r="BL35" s="280">
        <v>0</v>
      </c>
      <c r="BM35" s="280">
        <v>0</v>
      </c>
      <c r="BN35" s="280">
        <v>0</v>
      </c>
      <c r="BO35" s="277">
        <v>1</v>
      </c>
      <c r="BP35" s="282">
        <v>1</v>
      </c>
      <c r="BQ35" s="276">
        <v>1</v>
      </c>
      <c r="BR35" s="280">
        <v>0</v>
      </c>
      <c r="BS35" s="277">
        <v>1</v>
      </c>
      <c r="BT35" s="279">
        <v>0</v>
      </c>
      <c r="BU35" s="280">
        <v>2</v>
      </c>
      <c r="BV35" s="280">
        <v>1</v>
      </c>
      <c r="BW35" s="280">
        <v>1</v>
      </c>
      <c r="BX35" s="280">
        <v>0</v>
      </c>
      <c r="BY35" s="280">
        <v>0</v>
      </c>
      <c r="BZ35" s="277">
        <v>4</v>
      </c>
      <c r="CA35" s="282">
        <v>5</v>
      </c>
      <c r="CB35" s="276">
        <v>0</v>
      </c>
      <c r="CC35" s="280">
        <v>0</v>
      </c>
      <c r="CD35" s="277">
        <v>0</v>
      </c>
      <c r="CE35" s="279">
        <v>0</v>
      </c>
      <c r="CF35" s="280">
        <v>0</v>
      </c>
      <c r="CG35" s="280">
        <v>0</v>
      </c>
      <c r="CH35" s="280">
        <v>0</v>
      </c>
      <c r="CI35" s="280">
        <v>0</v>
      </c>
      <c r="CJ35" s="280">
        <v>0</v>
      </c>
      <c r="CK35" s="277">
        <v>0</v>
      </c>
      <c r="CL35" s="282">
        <v>0</v>
      </c>
      <c r="CM35" s="276">
        <v>0</v>
      </c>
      <c r="CN35" s="280">
        <v>0</v>
      </c>
      <c r="CO35" s="277">
        <v>0</v>
      </c>
      <c r="CP35" s="279">
        <v>0</v>
      </c>
      <c r="CQ35" s="280">
        <v>0</v>
      </c>
      <c r="CR35" s="280">
        <v>0</v>
      </c>
      <c r="CS35" s="280">
        <v>1</v>
      </c>
      <c r="CT35" s="280">
        <v>0</v>
      </c>
      <c r="CU35" s="280">
        <v>0</v>
      </c>
      <c r="CV35" s="277">
        <v>1</v>
      </c>
      <c r="CW35" s="282">
        <v>1</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v>
      </c>
      <c r="DU35" s="280">
        <v>0</v>
      </c>
      <c r="DV35" s="277">
        <v>1</v>
      </c>
      <c r="DW35" s="279">
        <v>0</v>
      </c>
      <c r="DX35" s="280">
        <v>4</v>
      </c>
      <c r="DY35" s="280">
        <v>1</v>
      </c>
      <c r="DZ35" s="280">
        <v>2</v>
      </c>
      <c r="EA35" s="280">
        <v>1</v>
      </c>
      <c r="EB35" s="280">
        <v>0</v>
      </c>
      <c r="EC35" s="277">
        <v>8</v>
      </c>
      <c r="ED35" s="282">
        <v>9</v>
      </c>
      <c r="EE35" s="276">
        <v>0</v>
      </c>
      <c r="EF35" s="280">
        <v>0</v>
      </c>
      <c r="EG35" s="277">
        <v>0</v>
      </c>
      <c r="EH35" s="279">
        <v>0</v>
      </c>
      <c r="EI35" s="280">
        <v>0</v>
      </c>
      <c r="EJ35" s="280">
        <v>1</v>
      </c>
      <c r="EK35" s="280">
        <v>0</v>
      </c>
      <c r="EL35" s="280">
        <v>1</v>
      </c>
      <c r="EM35" s="280">
        <v>0</v>
      </c>
      <c r="EN35" s="277">
        <v>2</v>
      </c>
      <c r="EO35" s="282">
        <v>2</v>
      </c>
      <c r="EP35" s="276">
        <v>2</v>
      </c>
      <c r="EQ35" s="280">
        <v>1</v>
      </c>
      <c r="ER35" s="277">
        <v>3</v>
      </c>
      <c r="ES35" s="279">
        <v>0</v>
      </c>
      <c r="ET35" s="280">
        <v>6</v>
      </c>
      <c r="EU35" s="280">
        <v>2</v>
      </c>
      <c r="EV35" s="280">
        <v>1</v>
      </c>
      <c r="EW35" s="280">
        <v>1</v>
      </c>
      <c r="EX35" s="280">
        <v>1</v>
      </c>
      <c r="EY35" s="277">
        <v>11</v>
      </c>
      <c r="EZ35" s="282">
        <v>14</v>
      </c>
    </row>
    <row r="36" spans="2:156" ht="21" customHeight="1" x14ac:dyDescent="0.2">
      <c r="B36" s="261" t="s">
        <v>34</v>
      </c>
      <c r="C36" s="276">
        <v>0</v>
      </c>
      <c r="D36" s="280">
        <v>0</v>
      </c>
      <c r="E36" s="384">
        <v>0</v>
      </c>
      <c r="F36" s="279">
        <v>0</v>
      </c>
      <c r="G36" s="280">
        <v>1</v>
      </c>
      <c r="H36" s="280">
        <v>0</v>
      </c>
      <c r="I36" s="280">
        <v>0</v>
      </c>
      <c r="J36" s="280">
        <v>0</v>
      </c>
      <c r="K36" s="280">
        <v>0</v>
      </c>
      <c r="L36" s="281">
        <v>1</v>
      </c>
      <c r="M36" s="282">
        <v>1</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1</v>
      </c>
      <c r="AE36" s="280">
        <v>0</v>
      </c>
      <c r="AF36" s="280">
        <v>0</v>
      </c>
      <c r="AG36" s="280">
        <v>0</v>
      </c>
      <c r="AH36" s="277">
        <v>1</v>
      </c>
      <c r="AI36" s="282">
        <v>1</v>
      </c>
      <c r="AJ36" s="276">
        <v>0</v>
      </c>
      <c r="AK36" s="280">
        <v>0</v>
      </c>
      <c r="AL36" s="277">
        <v>0</v>
      </c>
      <c r="AM36" s="279">
        <v>0</v>
      </c>
      <c r="AN36" s="280">
        <v>0</v>
      </c>
      <c r="AO36" s="280">
        <v>1</v>
      </c>
      <c r="AP36" s="280">
        <v>1</v>
      </c>
      <c r="AQ36" s="280">
        <v>0</v>
      </c>
      <c r="AR36" s="280">
        <v>0</v>
      </c>
      <c r="AS36" s="277">
        <v>2</v>
      </c>
      <c r="AT36" s="282">
        <v>2</v>
      </c>
      <c r="AU36" s="276">
        <v>0</v>
      </c>
      <c r="AV36" s="280">
        <v>0</v>
      </c>
      <c r="AW36" s="277">
        <v>0</v>
      </c>
      <c r="AX36" s="279">
        <v>0</v>
      </c>
      <c r="AY36" s="280">
        <v>1</v>
      </c>
      <c r="AZ36" s="280">
        <v>2</v>
      </c>
      <c r="BA36" s="280">
        <v>0</v>
      </c>
      <c r="BB36" s="280">
        <v>0</v>
      </c>
      <c r="BC36" s="280">
        <v>1</v>
      </c>
      <c r="BD36" s="281">
        <v>4</v>
      </c>
      <c r="BE36" s="282">
        <v>4</v>
      </c>
      <c r="BF36" s="276">
        <v>0</v>
      </c>
      <c r="BG36" s="280">
        <v>0</v>
      </c>
      <c r="BH36" s="277">
        <v>0</v>
      </c>
      <c r="BI36" s="279">
        <v>0</v>
      </c>
      <c r="BJ36" s="280">
        <v>0</v>
      </c>
      <c r="BK36" s="280">
        <v>0</v>
      </c>
      <c r="BL36" s="280">
        <v>0</v>
      </c>
      <c r="BM36" s="280">
        <v>0</v>
      </c>
      <c r="BN36" s="280">
        <v>0</v>
      </c>
      <c r="BO36" s="277">
        <v>0</v>
      </c>
      <c r="BP36" s="282">
        <v>0</v>
      </c>
      <c r="BQ36" s="276">
        <v>0</v>
      </c>
      <c r="BR36" s="280">
        <v>0</v>
      </c>
      <c r="BS36" s="277">
        <v>0</v>
      </c>
      <c r="BT36" s="279">
        <v>0</v>
      </c>
      <c r="BU36" s="280">
        <v>1</v>
      </c>
      <c r="BV36" s="280">
        <v>1</v>
      </c>
      <c r="BW36" s="280">
        <v>0</v>
      </c>
      <c r="BX36" s="280">
        <v>0</v>
      </c>
      <c r="BY36" s="280">
        <v>0</v>
      </c>
      <c r="BZ36" s="277">
        <v>2</v>
      </c>
      <c r="CA36" s="282">
        <v>2</v>
      </c>
      <c r="CB36" s="276">
        <v>0</v>
      </c>
      <c r="CC36" s="280">
        <v>0</v>
      </c>
      <c r="CD36" s="277">
        <v>0</v>
      </c>
      <c r="CE36" s="279">
        <v>0</v>
      </c>
      <c r="CF36" s="280">
        <v>0</v>
      </c>
      <c r="CG36" s="280">
        <v>0</v>
      </c>
      <c r="CH36" s="280">
        <v>0</v>
      </c>
      <c r="CI36" s="280">
        <v>0</v>
      </c>
      <c r="CJ36" s="280">
        <v>0</v>
      </c>
      <c r="CK36" s="277">
        <v>0</v>
      </c>
      <c r="CL36" s="282">
        <v>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2</v>
      </c>
      <c r="DY36" s="280">
        <v>1</v>
      </c>
      <c r="DZ36" s="280">
        <v>2</v>
      </c>
      <c r="EA36" s="280">
        <v>0</v>
      </c>
      <c r="EB36" s="280">
        <v>0</v>
      </c>
      <c r="EC36" s="277">
        <v>5</v>
      </c>
      <c r="ED36" s="282">
        <v>5</v>
      </c>
      <c r="EE36" s="276">
        <v>0</v>
      </c>
      <c r="EF36" s="280">
        <v>0</v>
      </c>
      <c r="EG36" s="277">
        <v>0</v>
      </c>
      <c r="EH36" s="279">
        <v>0</v>
      </c>
      <c r="EI36" s="280">
        <v>0</v>
      </c>
      <c r="EJ36" s="280">
        <v>1</v>
      </c>
      <c r="EK36" s="280">
        <v>0</v>
      </c>
      <c r="EL36" s="280">
        <v>0</v>
      </c>
      <c r="EM36" s="280">
        <v>1</v>
      </c>
      <c r="EN36" s="277">
        <v>2</v>
      </c>
      <c r="EO36" s="282">
        <v>2</v>
      </c>
      <c r="EP36" s="276">
        <v>0</v>
      </c>
      <c r="EQ36" s="280">
        <v>0</v>
      </c>
      <c r="ER36" s="277">
        <v>0</v>
      </c>
      <c r="ES36" s="279">
        <v>0</v>
      </c>
      <c r="ET36" s="280">
        <v>3</v>
      </c>
      <c r="EU36" s="280">
        <v>2</v>
      </c>
      <c r="EV36" s="280">
        <v>2</v>
      </c>
      <c r="EW36" s="280">
        <v>0</v>
      </c>
      <c r="EX36" s="280">
        <v>0</v>
      </c>
      <c r="EY36" s="277">
        <v>7</v>
      </c>
      <c r="EZ36" s="282">
        <v>7</v>
      </c>
    </row>
    <row r="37" spans="2:156" ht="21" customHeight="1" x14ac:dyDescent="0.2">
      <c r="B37" s="261" t="s">
        <v>35</v>
      </c>
      <c r="C37" s="276">
        <v>0</v>
      </c>
      <c r="D37" s="280">
        <v>0</v>
      </c>
      <c r="E37" s="384">
        <v>0</v>
      </c>
      <c r="F37" s="279">
        <v>0</v>
      </c>
      <c r="G37" s="280">
        <v>6</v>
      </c>
      <c r="H37" s="280">
        <v>2</v>
      </c>
      <c r="I37" s="280">
        <v>0</v>
      </c>
      <c r="J37" s="280">
        <v>1</v>
      </c>
      <c r="K37" s="280">
        <v>1</v>
      </c>
      <c r="L37" s="281">
        <v>10</v>
      </c>
      <c r="M37" s="282">
        <v>10</v>
      </c>
      <c r="N37" s="276">
        <v>0</v>
      </c>
      <c r="O37" s="280">
        <v>0</v>
      </c>
      <c r="P37" s="277">
        <v>0</v>
      </c>
      <c r="Q37" s="279">
        <v>0</v>
      </c>
      <c r="R37" s="280">
        <v>0</v>
      </c>
      <c r="S37" s="280">
        <v>0</v>
      </c>
      <c r="T37" s="280">
        <v>0</v>
      </c>
      <c r="U37" s="280">
        <v>1</v>
      </c>
      <c r="V37" s="280">
        <v>1</v>
      </c>
      <c r="W37" s="277">
        <v>2</v>
      </c>
      <c r="X37" s="282">
        <v>2</v>
      </c>
      <c r="Y37" s="276">
        <v>0</v>
      </c>
      <c r="Z37" s="280">
        <v>0</v>
      </c>
      <c r="AA37" s="277">
        <v>0</v>
      </c>
      <c r="AB37" s="279">
        <v>0</v>
      </c>
      <c r="AC37" s="280">
        <v>1</v>
      </c>
      <c r="AD37" s="280">
        <v>2</v>
      </c>
      <c r="AE37" s="280">
        <v>0</v>
      </c>
      <c r="AF37" s="280">
        <v>0</v>
      </c>
      <c r="AG37" s="280">
        <v>0</v>
      </c>
      <c r="AH37" s="277">
        <v>3</v>
      </c>
      <c r="AI37" s="282">
        <v>3</v>
      </c>
      <c r="AJ37" s="276">
        <v>0</v>
      </c>
      <c r="AK37" s="280">
        <v>0</v>
      </c>
      <c r="AL37" s="277">
        <v>0</v>
      </c>
      <c r="AM37" s="279">
        <v>0</v>
      </c>
      <c r="AN37" s="280">
        <v>1</v>
      </c>
      <c r="AO37" s="280">
        <v>1</v>
      </c>
      <c r="AP37" s="280">
        <v>1</v>
      </c>
      <c r="AQ37" s="280">
        <v>1</v>
      </c>
      <c r="AR37" s="280">
        <v>0</v>
      </c>
      <c r="AS37" s="277">
        <v>4</v>
      </c>
      <c r="AT37" s="282">
        <v>4</v>
      </c>
      <c r="AU37" s="276">
        <v>3</v>
      </c>
      <c r="AV37" s="280">
        <v>1</v>
      </c>
      <c r="AW37" s="277">
        <v>4</v>
      </c>
      <c r="AX37" s="279">
        <v>0</v>
      </c>
      <c r="AY37" s="280">
        <v>8</v>
      </c>
      <c r="AZ37" s="280">
        <v>4</v>
      </c>
      <c r="BA37" s="280">
        <v>2</v>
      </c>
      <c r="BB37" s="280">
        <v>5</v>
      </c>
      <c r="BC37" s="280">
        <v>2</v>
      </c>
      <c r="BD37" s="281">
        <v>21</v>
      </c>
      <c r="BE37" s="282">
        <v>25</v>
      </c>
      <c r="BF37" s="276">
        <v>0</v>
      </c>
      <c r="BG37" s="280">
        <v>0</v>
      </c>
      <c r="BH37" s="277">
        <v>0</v>
      </c>
      <c r="BI37" s="279">
        <v>0</v>
      </c>
      <c r="BJ37" s="280">
        <v>7</v>
      </c>
      <c r="BK37" s="280">
        <v>3</v>
      </c>
      <c r="BL37" s="280">
        <v>2</v>
      </c>
      <c r="BM37" s="280">
        <v>0</v>
      </c>
      <c r="BN37" s="280">
        <v>0</v>
      </c>
      <c r="BO37" s="277">
        <v>12</v>
      </c>
      <c r="BP37" s="282">
        <v>12</v>
      </c>
      <c r="BQ37" s="276">
        <v>0</v>
      </c>
      <c r="BR37" s="280">
        <v>1</v>
      </c>
      <c r="BS37" s="277">
        <v>1</v>
      </c>
      <c r="BT37" s="279">
        <v>0</v>
      </c>
      <c r="BU37" s="280">
        <v>2</v>
      </c>
      <c r="BV37" s="280">
        <v>0</v>
      </c>
      <c r="BW37" s="280">
        <v>1</v>
      </c>
      <c r="BX37" s="280">
        <v>0</v>
      </c>
      <c r="BY37" s="280">
        <v>0</v>
      </c>
      <c r="BZ37" s="277">
        <v>3</v>
      </c>
      <c r="CA37" s="282">
        <v>4</v>
      </c>
      <c r="CB37" s="276">
        <v>0</v>
      </c>
      <c r="CC37" s="280">
        <v>0</v>
      </c>
      <c r="CD37" s="277">
        <v>0</v>
      </c>
      <c r="CE37" s="279">
        <v>0</v>
      </c>
      <c r="CF37" s="280">
        <v>0</v>
      </c>
      <c r="CG37" s="280">
        <v>1</v>
      </c>
      <c r="CH37" s="280">
        <v>0</v>
      </c>
      <c r="CI37" s="280">
        <v>0</v>
      </c>
      <c r="CJ37" s="280">
        <v>0</v>
      </c>
      <c r="CK37" s="277">
        <v>1</v>
      </c>
      <c r="CL37" s="282">
        <v>1</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2</v>
      </c>
      <c r="DU37" s="280">
        <v>2</v>
      </c>
      <c r="DV37" s="277">
        <v>4</v>
      </c>
      <c r="DW37" s="279">
        <v>0</v>
      </c>
      <c r="DX37" s="280">
        <v>7</v>
      </c>
      <c r="DY37" s="280">
        <v>8</v>
      </c>
      <c r="DZ37" s="280">
        <v>3</v>
      </c>
      <c r="EA37" s="280">
        <v>2</v>
      </c>
      <c r="EB37" s="280">
        <v>1</v>
      </c>
      <c r="EC37" s="277">
        <v>21</v>
      </c>
      <c r="ED37" s="282">
        <v>25</v>
      </c>
      <c r="EE37" s="276">
        <v>4</v>
      </c>
      <c r="EF37" s="280">
        <v>1</v>
      </c>
      <c r="EG37" s="277">
        <v>5</v>
      </c>
      <c r="EH37" s="279">
        <v>0</v>
      </c>
      <c r="EI37" s="280">
        <v>3</v>
      </c>
      <c r="EJ37" s="280">
        <v>2</v>
      </c>
      <c r="EK37" s="280">
        <v>1</v>
      </c>
      <c r="EL37" s="280">
        <v>3</v>
      </c>
      <c r="EM37" s="280">
        <v>1</v>
      </c>
      <c r="EN37" s="277">
        <v>10</v>
      </c>
      <c r="EO37" s="282">
        <v>15</v>
      </c>
      <c r="EP37" s="276">
        <v>2</v>
      </c>
      <c r="EQ37" s="280">
        <v>3</v>
      </c>
      <c r="ER37" s="277">
        <v>5</v>
      </c>
      <c r="ES37" s="279">
        <v>0</v>
      </c>
      <c r="ET37" s="280">
        <v>14</v>
      </c>
      <c r="EU37" s="280">
        <v>7</v>
      </c>
      <c r="EV37" s="280">
        <v>3</v>
      </c>
      <c r="EW37" s="280">
        <v>2</v>
      </c>
      <c r="EX37" s="280">
        <v>1</v>
      </c>
      <c r="EY37" s="277">
        <v>27</v>
      </c>
      <c r="EZ37" s="282">
        <v>32</v>
      </c>
    </row>
    <row r="38" spans="2:156" ht="21" customHeight="1" x14ac:dyDescent="0.2">
      <c r="B38" s="261" t="s">
        <v>36</v>
      </c>
      <c r="C38" s="276">
        <v>0</v>
      </c>
      <c r="D38" s="280">
        <v>0</v>
      </c>
      <c r="E38" s="384">
        <v>0</v>
      </c>
      <c r="F38" s="279">
        <v>0</v>
      </c>
      <c r="G38" s="280">
        <v>2</v>
      </c>
      <c r="H38" s="280">
        <v>2</v>
      </c>
      <c r="I38" s="280">
        <v>1</v>
      </c>
      <c r="J38" s="280">
        <v>0</v>
      </c>
      <c r="K38" s="280">
        <v>1</v>
      </c>
      <c r="L38" s="281">
        <v>6</v>
      </c>
      <c r="M38" s="282">
        <v>6</v>
      </c>
      <c r="N38" s="276">
        <v>1</v>
      </c>
      <c r="O38" s="280">
        <v>0</v>
      </c>
      <c r="P38" s="277">
        <v>1</v>
      </c>
      <c r="Q38" s="279">
        <v>0</v>
      </c>
      <c r="R38" s="280">
        <v>0</v>
      </c>
      <c r="S38" s="280">
        <v>0</v>
      </c>
      <c r="T38" s="280">
        <v>0</v>
      </c>
      <c r="U38" s="280">
        <v>0</v>
      </c>
      <c r="V38" s="280">
        <v>0</v>
      </c>
      <c r="W38" s="277">
        <v>0</v>
      </c>
      <c r="X38" s="282">
        <v>1</v>
      </c>
      <c r="Y38" s="276">
        <v>0</v>
      </c>
      <c r="Z38" s="280">
        <v>0</v>
      </c>
      <c r="AA38" s="277">
        <v>0</v>
      </c>
      <c r="AB38" s="279">
        <v>0</v>
      </c>
      <c r="AC38" s="280">
        <v>5</v>
      </c>
      <c r="AD38" s="280">
        <v>1</v>
      </c>
      <c r="AE38" s="280">
        <v>1</v>
      </c>
      <c r="AF38" s="280">
        <v>0</v>
      </c>
      <c r="AG38" s="280">
        <v>1</v>
      </c>
      <c r="AH38" s="277">
        <v>8</v>
      </c>
      <c r="AI38" s="282">
        <v>8</v>
      </c>
      <c r="AJ38" s="276">
        <v>0</v>
      </c>
      <c r="AK38" s="280">
        <v>1</v>
      </c>
      <c r="AL38" s="277">
        <v>1</v>
      </c>
      <c r="AM38" s="279">
        <v>0</v>
      </c>
      <c r="AN38" s="280">
        <v>0</v>
      </c>
      <c r="AO38" s="280">
        <v>1</v>
      </c>
      <c r="AP38" s="280">
        <v>1</v>
      </c>
      <c r="AQ38" s="280">
        <v>0</v>
      </c>
      <c r="AR38" s="280">
        <v>0</v>
      </c>
      <c r="AS38" s="277">
        <v>2</v>
      </c>
      <c r="AT38" s="282">
        <v>3</v>
      </c>
      <c r="AU38" s="276">
        <v>1</v>
      </c>
      <c r="AV38" s="280">
        <v>0</v>
      </c>
      <c r="AW38" s="277">
        <v>1</v>
      </c>
      <c r="AX38" s="279">
        <v>0</v>
      </c>
      <c r="AY38" s="280">
        <v>2</v>
      </c>
      <c r="AZ38" s="280">
        <v>4</v>
      </c>
      <c r="BA38" s="280">
        <v>4</v>
      </c>
      <c r="BB38" s="280">
        <v>1</v>
      </c>
      <c r="BC38" s="280">
        <v>2</v>
      </c>
      <c r="BD38" s="281">
        <v>13</v>
      </c>
      <c r="BE38" s="282">
        <v>14</v>
      </c>
      <c r="BF38" s="276">
        <v>0</v>
      </c>
      <c r="BG38" s="280">
        <v>0</v>
      </c>
      <c r="BH38" s="277">
        <v>0</v>
      </c>
      <c r="BI38" s="279">
        <v>0</v>
      </c>
      <c r="BJ38" s="280">
        <v>1</v>
      </c>
      <c r="BK38" s="280">
        <v>3</v>
      </c>
      <c r="BL38" s="280">
        <v>2</v>
      </c>
      <c r="BM38" s="280">
        <v>0</v>
      </c>
      <c r="BN38" s="280">
        <v>0</v>
      </c>
      <c r="BO38" s="277">
        <v>6</v>
      </c>
      <c r="BP38" s="282">
        <v>6</v>
      </c>
      <c r="BQ38" s="276">
        <v>0</v>
      </c>
      <c r="BR38" s="280">
        <v>1</v>
      </c>
      <c r="BS38" s="277">
        <v>1</v>
      </c>
      <c r="BT38" s="279">
        <v>0</v>
      </c>
      <c r="BU38" s="280">
        <v>0</v>
      </c>
      <c r="BV38" s="280">
        <v>2</v>
      </c>
      <c r="BW38" s="280">
        <v>1</v>
      </c>
      <c r="BX38" s="280">
        <v>0</v>
      </c>
      <c r="BY38" s="280">
        <v>0</v>
      </c>
      <c r="BZ38" s="277">
        <v>3</v>
      </c>
      <c r="CA38" s="282">
        <v>4</v>
      </c>
      <c r="CB38" s="276">
        <v>0</v>
      </c>
      <c r="CC38" s="280">
        <v>0</v>
      </c>
      <c r="CD38" s="277">
        <v>0</v>
      </c>
      <c r="CE38" s="279">
        <v>0</v>
      </c>
      <c r="CF38" s="280">
        <v>0</v>
      </c>
      <c r="CG38" s="280">
        <v>0</v>
      </c>
      <c r="CH38" s="280">
        <v>1</v>
      </c>
      <c r="CI38" s="280">
        <v>0</v>
      </c>
      <c r="CJ38" s="280">
        <v>0</v>
      </c>
      <c r="CK38" s="277">
        <v>1</v>
      </c>
      <c r="CL38" s="282">
        <v>1</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1</v>
      </c>
      <c r="DU38" s="280">
        <v>2</v>
      </c>
      <c r="DV38" s="277">
        <v>3</v>
      </c>
      <c r="DW38" s="279">
        <v>0</v>
      </c>
      <c r="DX38" s="280">
        <v>7</v>
      </c>
      <c r="DY38" s="280">
        <v>8</v>
      </c>
      <c r="DZ38" s="280">
        <v>1</v>
      </c>
      <c r="EA38" s="280">
        <v>1</v>
      </c>
      <c r="EB38" s="280">
        <v>2</v>
      </c>
      <c r="EC38" s="277">
        <v>19</v>
      </c>
      <c r="ED38" s="282">
        <v>22</v>
      </c>
      <c r="EE38" s="276">
        <v>0</v>
      </c>
      <c r="EF38" s="280">
        <v>0</v>
      </c>
      <c r="EG38" s="277">
        <v>0</v>
      </c>
      <c r="EH38" s="279">
        <v>0</v>
      </c>
      <c r="EI38" s="280">
        <v>1</v>
      </c>
      <c r="EJ38" s="280">
        <v>1</v>
      </c>
      <c r="EK38" s="280">
        <v>1</v>
      </c>
      <c r="EL38" s="280">
        <v>1</v>
      </c>
      <c r="EM38" s="280">
        <v>1</v>
      </c>
      <c r="EN38" s="277">
        <v>5</v>
      </c>
      <c r="EO38" s="282">
        <v>5</v>
      </c>
      <c r="EP38" s="276">
        <v>1</v>
      </c>
      <c r="EQ38" s="280">
        <v>3</v>
      </c>
      <c r="ER38" s="277">
        <v>4</v>
      </c>
      <c r="ES38" s="279">
        <v>0</v>
      </c>
      <c r="ET38" s="280">
        <v>11</v>
      </c>
      <c r="EU38" s="280">
        <v>11</v>
      </c>
      <c r="EV38" s="280">
        <v>3</v>
      </c>
      <c r="EW38" s="280">
        <v>1</v>
      </c>
      <c r="EX38" s="280">
        <v>1</v>
      </c>
      <c r="EY38" s="277">
        <v>27</v>
      </c>
      <c r="EZ38" s="282">
        <v>31</v>
      </c>
    </row>
    <row r="39" spans="2:156" ht="21" customHeight="1" thickBot="1" x14ac:dyDescent="0.25">
      <c r="B39" s="262" t="s">
        <v>37</v>
      </c>
      <c r="C39" s="283">
        <v>0</v>
      </c>
      <c r="D39" s="287">
        <v>0</v>
      </c>
      <c r="E39" s="385">
        <v>0</v>
      </c>
      <c r="F39" s="286">
        <v>0</v>
      </c>
      <c r="G39" s="287">
        <v>0</v>
      </c>
      <c r="H39" s="287">
        <v>0</v>
      </c>
      <c r="I39" s="287">
        <v>0</v>
      </c>
      <c r="J39" s="287">
        <v>0</v>
      </c>
      <c r="K39" s="287">
        <v>0</v>
      </c>
      <c r="L39" s="288">
        <v>0</v>
      </c>
      <c r="M39" s="289">
        <v>0</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0</v>
      </c>
      <c r="AH39" s="284">
        <v>0</v>
      </c>
      <c r="AI39" s="289">
        <v>0</v>
      </c>
      <c r="AJ39" s="283">
        <v>0</v>
      </c>
      <c r="AK39" s="287">
        <v>0</v>
      </c>
      <c r="AL39" s="284">
        <v>0</v>
      </c>
      <c r="AM39" s="286">
        <v>0</v>
      </c>
      <c r="AN39" s="287">
        <v>0</v>
      </c>
      <c r="AO39" s="287">
        <v>1</v>
      </c>
      <c r="AP39" s="287">
        <v>0</v>
      </c>
      <c r="AQ39" s="287">
        <v>0</v>
      </c>
      <c r="AR39" s="287">
        <v>0</v>
      </c>
      <c r="AS39" s="284">
        <v>1</v>
      </c>
      <c r="AT39" s="289">
        <v>1</v>
      </c>
      <c r="AU39" s="283">
        <v>0</v>
      </c>
      <c r="AV39" s="287">
        <v>0</v>
      </c>
      <c r="AW39" s="284">
        <v>0</v>
      </c>
      <c r="AX39" s="286">
        <v>0</v>
      </c>
      <c r="AY39" s="287">
        <v>0</v>
      </c>
      <c r="AZ39" s="287">
        <v>0</v>
      </c>
      <c r="BA39" s="287">
        <v>0</v>
      </c>
      <c r="BB39" s="287">
        <v>0</v>
      </c>
      <c r="BC39" s="287">
        <v>1</v>
      </c>
      <c r="BD39" s="288">
        <v>1</v>
      </c>
      <c r="BE39" s="289">
        <v>1</v>
      </c>
      <c r="BF39" s="283">
        <v>0</v>
      </c>
      <c r="BG39" s="287">
        <v>0</v>
      </c>
      <c r="BH39" s="284">
        <v>0</v>
      </c>
      <c r="BI39" s="286">
        <v>0</v>
      </c>
      <c r="BJ39" s="287">
        <v>0</v>
      </c>
      <c r="BK39" s="287">
        <v>2</v>
      </c>
      <c r="BL39" s="287">
        <v>0</v>
      </c>
      <c r="BM39" s="287">
        <v>0</v>
      </c>
      <c r="BN39" s="287">
        <v>0</v>
      </c>
      <c r="BO39" s="284">
        <v>2</v>
      </c>
      <c r="BP39" s="289">
        <v>2</v>
      </c>
      <c r="BQ39" s="283">
        <v>0</v>
      </c>
      <c r="BR39" s="287">
        <v>0</v>
      </c>
      <c r="BS39" s="284">
        <v>0</v>
      </c>
      <c r="BT39" s="286">
        <v>0</v>
      </c>
      <c r="BU39" s="287">
        <v>0</v>
      </c>
      <c r="BV39" s="287">
        <v>0</v>
      </c>
      <c r="BW39" s="287">
        <v>0</v>
      </c>
      <c r="BX39" s="287">
        <v>0</v>
      </c>
      <c r="BY39" s="287">
        <v>0</v>
      </c>
      <c r="BZ39" s="284">
        <v>0</v>
      </c>
      <c r="CA39" s="289">
        <v>0</v>
      </c>
      <c r="CB39" s="283">
        <v>0</v>
      </c>
      <c r="CC39" s="287">
        <v>0</v>
      </c>
      <c r="CD39" s="284">
        <v>0</v>
      </c>
      <c r="CE39" s="286">
        <v>0</v>
      </c>
      <c r="CF39" s="287">
        <v>0</v>
      </c>
      <c r="CG39" s="287">
        <v>0</v>
      </c>
      <c r="CH39" s="287">
        <v>0</v>
      </c>
      <c r="CI39" s="287">
        <v>0</v>
      </c>
      <c r="CJ39" s="287">
        <v>0</v>
      </c>
      <c r="CK39" s="284">
        <v>0</v>
      </c>
      <c r="CL39" s="289">
        <v>0</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2</v>
      </c>
      <c r="DZ39" s="287">
        <v>0</v>
      </c>
      <c r="EA39" s="287">
        <v>0</v>
      </c>
      <c r="EB39" s="287">
        <v>0</v>
      </c>
      <c r="EC39" s="284">
        <v>2</v>
      </c>
      <c r="ED39" s="289">
        <v>2</v>
      </c>
      <c r="EE39" s="283">
        <v>0</v>
      </c>
      <c r="EF39" s="287">
        <v>0</v>
      </c>
      <c r="EG39" s="284">
        <v>0</v>
      </c>
      <c r="EH39" s="286">
        <v>0</v>
      </c>
      <c r="EI39" s="287">
        <v>0</v>
      </c>
      <c r="EJ39" s="287">
        <v>0</v>
      </c>
      <c r="EK39" s="287">
        <v>0</v>
      </c>
      <c r="EL39" s="287">
        <v>0</v>
      </c>
      <c r="EM39" s="287">
        <v>1</v>
      </c>
      <c r="EN39" s="284">
        <v>1</v>
      </c>
      <c r="EO39" s="289">
        <v>1</v>
      </c>
      <c r="EP39" s="283">
        <v>0</v>
      </c>
      <c r="EQ39" s="287">
        <v>0</v>
      </c>
      <c r="ER39" s="284">
        <v>0</v>
      </c>
      <c r="ES39" s="286">
        <v>0</v>
      </c>
      <c r="ET39" s="287">
        <v>0</v>
      </c>
      <c r="EU39" s="287">
        <v>2</v>
      </c>
      <c r="EV39" s="287">
        <v>0</v>
      </c>
      <c r="EW39" s="287">
        <v>0</v>
      </c>
      <c r="EX39" s="287">
        <v>0</v>
      </c>
      <c r="EY39" s="284">
        <v>2</v>
      </c>
      <c r="EZ39" s="289">
        <v>2</v>
      </c>
    </row>
  </sheetData>
  <mergeCells count="59">
    <mergeCell ref="CL4:CL5"/>
    <mergeCell ref="CM4:CO4"/>
    <mergeCell ref="CP4:CV4"/>
    <mergeCell ref="EZ4:EZ5"/>
    <mergeCell ref="CX4:CZ4"/>
    <mergeCell ref="DA4:DG4"/>
    <mergeCell ref="DH4:DH5"/>
    <mergeCell ref="DT4:DV4"/>
    <mergeCell ref="DW4:EC4"/>
    <mergeCell ref="ED4:ED5"/>
    <mergeCell ref="EE4:EG4"/>
    <mergeCell ref="EH4:EN4"/>
    <mergeCell ref="EO4:EO5"/>
    <mergeCell ref="EP4:ER4"/>
    <mergeCell ref="ES4:EY4"/>
    <mergeCell ref="DI4:DK4"/>
    <mergeCell ref="CB4:CD4"/>
    <mergeCell ref="CE4:CK4"/>
    <mergeCell ref="AJ4:AL4"/>
    <mergeCell ref="AM4:AS4"/>
    <mergeCell ref="AT4:AT5"/>
    <mergeCell ref="AU4:AW4"/>
    <mergeCell ref="AX4:BD4"/>
    <mergeCell ref="DT3:ED3"/>
    <mergeCell ref="EE3:EO3"/>
    <mergeCell ref="EP3:EZ3"/>
    <mergeCell ref="CB3:CL3"/>
    <mergeCell ref="CM3:CW3"/>
    <mergeCell ref="DI3:DS3"/>
    <mergeCell ref="B3:B5"/>
    <mergeCell ref="C3:M3"/>
    <mergeCell ref="N3:X3"/>
    <mergeCell ref="X4:X5"/>
    <mergeCell ref="AJ3:AT3"/>
    <mergeCell ref="Y3:AI3"/>
    <mergeCell ref="Y4:AA4"/>
    <mergeCell ref="AB4:AH4"/>
    <mergeCell ref="AI4:AI5"/>
    <mergeCell ref="C4:E4"/>
    <mergeCell ref="F4:L4"/>
    <mergeCell ref="M4:M5"/>
    <mergeCell ref="N4:P4"/>
    <mergeCell ref="Q4:W4"/>
    <mergeCell ref="DL4:DR4"/>
    <mergeCell ref="DS4:DS5"/>
    <mergeCell ref="I1:J1"/>
    <mergeCell ref="L1:M1"/>
    <mergeCell ref="AU3:BE3"/>
    <mergeCell ref="BF3:BP3"/>
    <mergeCell ref="BQ3:CA3"/>
    <mergeCell ref="BE4:BE5"/>
    <mergeCell ref="CX3:DH3"/>
    <mergeCell ref="CW4:CW5"/>
    <mergeCell ref="BF4:BH4"/>
    <mergeCell ref="BI4:BO4"/>
    <mergeCell ref="BP4:BP5"/>
    <mergeCell ref="BQ4:BS4"/>
    <mergeCell ref="BT4:BZ4"/>
    <mergeCell ref="CA4:CA5"/>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EZ39"/>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4" width="9" style="255"/>
    <col min="5" max="5" width="10.33203125" style="255" customWidth="1"/>
    <col min="6" max="6" width="7.6640625" style="255" customWidth="1"/>
    <col min="7" max="7" width="10.21875" style="255" customWidth="1"/>
    <col min="8" max="8" width="10.44140625" style="255" customWidth="1"/>
    <col min="9" max="16" width="9" style="255"/>
    <col min="17" max="17" width="7.21875" style="255" customWidth="1"/>
    <col min="18" max="27" width="9" style="255"/>
    <col min="28" max="28" width="7.6640625" style="255" customWidth="1"/>
    <col min="29" max="38" width="9" style="255"/>
    <col min="39" max="39" width="7.6640625" style="255" customWidth="1"/>
    <col min="40" max="49" width="9" style="255"/>
    <col min="50" max="50" width="7.21875" style="255" customWidth="1"/>
    <col min="51" max="60" width="9" style="255"/>
    <col min="61" max="61" width="7.21875" style="255" customWidth="1"/>
    <col min="62" max="71" width="9" style="255"/>
    <col min="72" max="72" width="7.33203125" style="255" customWidth="1"/>
    <col min="73" max="82" width="9" style="255"/>
    <col min="83" max="83" width="7.44140625" style="255" customWidth="1"/>
    <col min="84" max="93" width="9" style="255"/>
    <col min="94" max="94" width="7.6640625" style="255" customWidth="1"/>
    <col min="95" max="104" width="9" style="255"/>
    <col min="105" max="105" width="7.44140625" style="255" customWidth="1"/>
    <col min="106" max="115" width="9" style="255"/>
    <col min="116" max="116" width="7.44140625" style="255" customWidth="1"/>
    <col min="117" max="126" width="9" style="255"/>
    <col min="127" max="127" width="7.44140625" style="255" customWidth="1"/>
    <col min="128" max="137" width="9" style="255"/>
    <col min="138" max="138" width="7.33203125" style="255" customWidth="1"/>
    <col min="139" max="148" width="9" style="255"/>
    <col min="149" max="149" width="7.77734375" style="255" customWidth="1"/>
    <col min="150" max="16384" width="9" style="255"/>
  </cols>
  <sheetData>
    <row r="1" spans="2:156" ht="24" customHeight="1" x14ac:dyDescent="0.2">
      <c r="B1" s="290" t="s">
        <v>122</v>
      </c>
      <c r="I1" s="535">
        <f>第１表!F2</f>
        <v>4</v>
      </c>
      <c r="J1" s="535"/>
      <c r="K1" s="248">
        <f>第１表!G2</f>
        <v>12</v>
      </c>
      <c r="L1" s="539">
        <f>IF(K1&lt;3,K1+12-2,K1-2)</f>
        <v>10</v>
      </c>
      <c r="M1" s="539"/>
    </row>
    <row r="2" spans="2:156" ht="24" customHeight="1" thickBot="1" x14ac:dyDescent="0.25">
      <c r="B2" s="290" t="s">
        <v>154</v>
      </c>
      <c r="G2" s="247"/>
      <c r="H2" s="248"/>
      <c r="J2" s="349"/>
      <c r="K2" s="349"/>
    </row>
    <row r="3" spans="2:156" ht="21" customHeight="1" thickBot="1" x14ac:dyDescent="0.25">
      <c r="B3" s="552"/>
      <c r="C3" s="543" t="s">
        <v>70</v>
      </c>
      <c r="D3" s="544"/>
      <c r="E3" s="544"/>
      <c r="F3" s="544"/>
      <c r="G3" s="544"/>
      <c r="H3" s="544"/>
      <c r="I3" s="544"/>
      <c r="J3" s="544"/>
      <c r="K3" s="544"/>
      <c r="L3" s="544"/>
      <c r="M3" s="545"/>
      <c r="N3" s="543" t="s">
        <v>71</v>
      </c>
      <c r="O3" s="544"/>
      <c r="P3" s="544"/>
      <c r="Q3" s="544"/>
      <c r="R3" s="544"/>
      <c r="S3" s="544"/>
      <c r="T3" s="544"/>
      <c r="U3" s="544"/>
      <c r="V3" s="544"/>
      <c r="W3" s="544"/>
      <c r="X3" s="545"/>
      <c r="Y3" s="543" t="s">
        <v>72</v>
      </c>
      <c r="Z3" s="544"/>
      <c r="AA3" s="544"/>
      <c r="AB3" s="544"/>
      <c r="AC3" s="544"/>
      <c r="AD3" s="544"/>
      <c r="AE3" s="544"/>
      <c r="AF3" s="544"/>
      <c r="AG3" s="544"/>
      <c r="AH3" s="544"/>
      <c r="AI3" s="545"/>
      <c r="AJ3" s="543" t="s">
        <v>73</v>
      </c>
      <c r="AK3" s="544"/>
      <c r="AL3" s="544"/>
      <c r="AM3" s="544"/>
      <c r="AN3" s="544"/>
      <c r="AO3" s="544"/>
      <c r="AP3" s="544"/>
      <c r="AQ3" s="544"/>
      <c r="AR3" s="544"/>
      <c r="AS3" s="544"/>
      <c r="AT3" s="545"/>
      <c r="AU3" s="543" t="s">
        <v>74</v>
      </c>
      <c r="AV3" s="544"/>
      <c r="AW3" s="544"/>
      <c r="AX3" s="544"/>
      <c r="AY3" s="544"/>
      <c r="AZ3" s="544"/>
      <c r="BA3" s="544"/>
      <c r="BB3" s="544"/>
      <c r="BC3" s="544"/>
      <c r="BD3" s="544"/>
      <c r="BE3" s="545"/>
      <c r="BF3" s="543" t="s">
        <v>75</v>
      </c>
      <c r="BG3" s="544"/>
      <c r="BH3" s="544"/>
      <c r="BI3" s="544"/>
      <c r="BJ3" s="544"/>
      <c r="BK3" s="544"/>
      <c r="BL3" s="544"/>
      <c r="BM3" s="544"/>
      <c r="BN3" s="544"/>
      <c r="BO3" s="544"/>
      <c r="BP3" s="545"/>
      <c r="BQ3" s="543" t="s">
        <v>76</v>
      </c>
      <c r="BR3" s="544"/>
      <c r="BS3" s="544"/>
      <c r="BT3" s="544"/>
      <c r="BU3" s="544"/>
      <c r="BV3" s="544"/>
      <c r="BW3" s="544"/>
      <c r="BX3" s="544"/>
      <c r="BY3" s="544"/>
      <c r="BZ3" s="544"/>
      <c r="CA3" s="545"/>
      <c r="CB3" s="543" t="s">
        <v>77</v>
      </c>
      <c r="CC3" s="544"/>
      <c r="CD3" s="544"/>
      <c r="CE3" s="544"/>
      <c r="CF3" s="544"/>
      <c r="CG3" s="544"/>
      <c r="CH3" s="544"/>
      <c r="CI3" s="544"/>
      <c r="CJ3" s="544"/>
      <c r="CK3" s="544"/>
      <c r="CL3" s="545"/>
      <c r="CM3" s="543" t="s">
        <v>78</v>
      </c>
      <c r="CN3" s="544"/>
      <c r="CO3" s="544"/>
      <c r="CP3" s="544"/>
      <c r="CQ3" s="544"/>
      <c r="CR3" s="544"/>
      <c r="CS3" s="544"/>
      <c r="CT3" s="544"/>
      <c r="CU3" s="544"/>
      <c r="CV3" s="544"/>
      <c r="CW3" s="545"/>
      <c r="CX3" s="543" t="s">
        <v>79</v>
      </c>
      <c r="CY3" s="544"/>
      <c r="CZ3" s="544"/>
      <c r="DA3" s="544"/>
      <c r="DB3" s="544"/>
      <c r="DC3" s="544"/>
      <c r="DD3" s="544"/>
      <c r="DE3" s="544"/>
      <c r="DF3" s="544"/>
      <c r="DG3" s="544"/>
      <c r="DH3" s="545"/>
      <c r="DI3" s="543" t="s">
        <v>152</v>
      </c>
      <c r="DJ3" s="544"/>
      <c r="DK3" s="544"/>
      <c r="DL3" s="544"/>
      <c r="DM3" s="544"/>
      <c r="DN3" s="544"/>
      <c r="DO3" s="544"/>
      <c r="DP3" s="544"/>
      <c r="DQ3" s="544"/>
      <c r="DR3" s="544"/>
      <c r="DS3" s="545"/>
      <c r="DT3" s="543" t="s">
        <v>80</v>
      </c>
      <c r="DU3" s="544"/>
      <c r="DV3" s="544"/>
      <c r="DW3" s="544"/>
      <c r="DX3" s="544"/>
      <c r="DY3" s="544"/>
      <c r="DZ3" s="544"/>
      <c r="EA3" s="544"/>
      <c r="EB3" s="544"/>
      <c r="EC3" s="544"/>
      <c r="ED3" s="545"/>
      <c r="EE3" s="543" t="s">
        <v>68</v>
      </c>
      <c r="EF3" s="544"/>
      <c r="EG3" s="544"/>
      <c r="EH3" s="544"/>
      <c r="EI3" s="544"/>
      <c r="EJ3" s="544"/>
      <c r="EK3" s="544"/>
      <c r="EL3" s="544"/>
      <c r="EM3" s="544"/>
      <c r="EN3" s="544"/>
      <c r="EO3" s="545"/>
      <c r="EP3" s="540" t="s">
        <v>69</v>
      </c>
      <c r="EQ3" s="541"/>
      <c r="ER3" s="541"/>
      <c r="ES3" s="541"/>
      <c r="ET3" s="541"/>
      <c r="EU3" s="541"/>
      <c r="EV3" s="541"/>
      <c r="EW3" s="541"/>
      <c r="EX3" s="541"/>
      <c r="EY3" s="541"/>
      <c r="EZ3" s="542"/>
    </row>
    <row r="4" spans="2:156" ht="21" customHeight="1" x14ac:dyDescent="0.2">
      <c r="B4" s="553"/>
      <c r="C4" s="551" t="s">
        <v>61</v>
      </c>
      <c r="D4" s="547"/>
      <c r="E4" s="548"/>
      <c r="F4" s="546" t="s">
        <v>62</v>
      </c>
      <c r="G4" s="547"/>
      <c r="H4" s="547"/>
      <c r="I4" s="547"/>
      <c r="J4" s="547"/>
      <c r="K4" s="547"/>
      <c r="L4" s="555"/>
      <c r="M4" s="549" t="s">
        <v>52</v>
      </c>
      <c r="N4" s="551" t="s">
        <v>61</v>
      </c>
      <c r="O4" s="547"/>
      <c r="P4" s="548"/>
      <c r="Q4" s="546" t="s">
        <v>62</v>
      </c>
      <c r="R4" s="547"/>
      <c r="S4" s="547"/>
      <c r="T4" s="547"/>
      <c r="U4" s="547"/>
      <c r="V4" s="547"/>
      <c r="W4" s="548"/>
      <c r="X4" s="549" t="s">
        <v>52</v>
      </c>
      <c r="Y4" s="551" t="s">
        <v>61</v>
      </c>
      <c r="Z4" s="547"/>
      <c r="AA4" s="548"/>
      <c r="AB4" s="546" t="s">
        <v>62</v>
      </c>
      <c r="AC4" s="547"/>
      <c r="AD4" s="547"/>
      <c r="AE4" s="547"/>
      <c r="AF4" s="547"/>
      <c r="AG4" s="547"/>
      <c r="AH4" s="548"/>
      <c r="AI4" s="549" t="s">
        <v>52</v>
      </c>
      <c r="AJ4" s="551" t="s">
        <v>61</v>
      </c>
      <c r="AK4" s="547"/>
      <c r="AL4" s="548"/>
      <c r="AM4" s="546" t="s">
        <v>62</v>
      </c>
      <c r="AN4" s="547"/>
      <c r="AO4" s="547"/>
      <c r="AP4" s="547"/>
      <c r="AQ4" s="547"/>
      <c r="AR4" s="547"/>
      <c r="AS4" s="548"/>
      <c r="AT4" s="549" t="s">
        <v>52</v>
      </c>
      <c r="AU4" s="551" t="s">
        <v>61</v>
      </c>
      <c r="AV4" s="547"/>
      <c r="AW4" s="548"/>
      <c r="AX4" s="546" t="s">
        <v>62</v>
      </c>
      <c r="AY4" s="547"/>
      <c r="AZ4" s="547"/>
      <c r="BA4" s="547"/>
      <c r="BB4" s="547"/>
      <c r="BC4" s="547"/>
      <c r="BD4" s="555"/>
      <c r="BE4" s="549" t="s">
        <v>52</v>
      </c>
      <c r="BF4" s="551" t="s">
        <v>61</v>
      </c>
      <c r="BG4" s="547"/>
      <c r="BH4" s="548"/>
      <c r="BI4" s="546" t="s">
        <v>62</v>
      </c>
      <c r="BJ4" s="547"/>
      <c r="BK4" s="547"/>
      <c r="BL4" s="547"/>
      <c r="BM4" s="547"/>
      <c r="BN4" s="547"/>
      <c r="BO4" s="548"/>
      <c r="BP4" s="549" t="s">
        <v>52</v>
      </c>
      <c r="BQ4" s="551" t="s">
        <v>61</v>
      </c>
      <c r="BR4" s="547"/>
      <c r="BS4" s="548"/>
      <c r="BT4" s="546" t="s">
        <v>62</v>
      </c>
      <c r="BU4" s="547"/>
      <c r="BV4" s="547"/>
      <c r="BW4" s="547"/>
      <c r="BX4" s="547"/>
      <c r="BY4" s="547"/>
      <c r="BZ4" s="548"/>
      <c r="CA4" s="549" t="s">
        <v>52</v>
      </c>
      <c r="CB4" s="551" t="s">
        <v>61</v>
      </c>
      <c r="CC4" s="547"/>
      <c r="CD4" s="548"/>
      <c r="CE4" s="546" t="s">
        <v>62</v>
      </c>
      <c r="CF4" s="547"/>
      <c r="CG4" s="547"/>
      <c r="CH4" s="547"/>
      <c r="CI4" s="547"/>
      <c r="CJ4" s="547"/>
      <c r="CK4" s="548"/>
      <c r="CL4" s="549" t="s">
        <v>52</v>
      </c>
      <c r="CM4" s="551" t="s">
        <v>61</v>
      </c>
      <c r="CN4" s="547"/>
      <c r="CO4" s="548"/>
      <c r="CP4" s="546" t="s">
        <v>62</v>
      </c>
      <c r="CQ4" s="547"/>
      <c r="CR4" s="547"/>
      <c r="CS4" s="547"/>
      <c r="CT4" s="547"/>
      <c r="CU4" s="547"/>
      <c r="CV4" s="548"/>
      <c r="CW4" s="549" t="s">
        <v>52</v>
      </c>
      <c r="CX4" s="551" t="s">
        <v>61</v>
      </c>
      <c r="CY4" s="547"/>
      <c r="CZ4" s="548"/>
      <c r="DA4" s="546" t="s">
        <v>62</v>
      </c>
      <c r="DB4" s="547"/>
      <c r="DC4" s="547"/>
      <c r="DD4" s="547"/>
      <c r="DE4" s="547"/>
      <c r="DF4" s="547"/>
      <c r="DG4" s="548"/>
      <c r="DH4" s="549" t="s">
        <v>52</v>
      </c>
      <c r="DI4" s="551" t="s">
        <v>61</v>
      </c>
      <c r="DJ4" s="547"/>
      <c r="DK4" s="548"/>
      <c r="DL4" s="546" t="s">
        <v>62</v>
      </c>
      <c r="DM4" s="547"/>
      <c r="DN4" s="547"/>
      <c r="DO4" s="547"/>
      <c r="DP4" s="547"/>
      <c r="DQ4" s="547"/>
      <c r="DR4" s="548"/>
      <c r="DS4" s="549" t="s">
        <v>52</v>
      </c>
      <c r="DT4" s="551" t="s">
        <v>61</v>
      </c>
      <c r="DU4" s="547"/>
      <c r="DV4" s="548"/>
      <c r="DW4" s="546" t="s">
        <v>62</v>
      </c>
      <c r="DX4" s="547"/>
      <c r="DY4" s="547"/>
      <c r="DZ4" s="547"/>
      <c r="EA4" s="547"/>
      <c r="EB4" s="547"/>
      <c r="EC4" s="548"/>
      <c r="ED4" s="549" t="s">
        <v>52</v>
      </c>
      <c r="EE4" s="551" t="s">
        <v>61</v>
      </c>
      <c r="EF4" s="547"/>
      <c r="EG4" s="548"/>
      <c r="EH4" s="546" t="s">
        <v>62</v>
      </c>
      <c r="EI4" s="547"/>
      <c r="EJ4" s="547"/>
      <c r="EK4" s="547"/>
      <c r="EL4" s="547"/>
      <c r="EM4" s="547"/>
      <c r="EN4" s="548"/>
      <c r="EO4" s="549" t="s">
        <v>52</v>
      </c>
      <c r="EP4" s="551" t="s">
        <v>61</v>
      </c>
      <c r="EQ4" s="547"/>
      <c r="ER4" s="548"/>
      <c r="ES4" s="546" t="s">
        <v>62</v>
      </c>
      <c r="ET4" s="547"/>
      <c r="EU4" s="547"/>
      <c r="EV4" s="547"/>
      <c r="EW4" s="547"/>
      <c r="EX4" s="547"/>
      <c r="EY4" s="548"/>
      <c r="EZ4" s="549" t="s">
        <v>52</v>
      </c>
    </row>
    <row r="5" spans="2:156" ht="30" customHeight="1" thickBot="1" x14ac:dyDescent="0.25">
      <c r="B5" s="554"/>
      <c r="C5" s="350" t="s">
        <v>43</v>
      </c>
      <c r="D5" s="259" t="s">
        <v>162</v>
      </c>
      <c r="E5" s="382" t="s">
        <v>45</v>
      </c>
      <c r="F5" s="267" t="s">
        <v>83</v>
      </c>
      <c r="G5" s="259" t="s">
        <v>47</v>
      </c>
      <c r="H5" s="259" t="s">
        <v>48</v>
      </c>
      <c r="I5" s="259" t="s">
        <v>49</v>
      </c>
      <c r="J5" s="259" t="s">
        <v>50</v>
      </c>
      <c r="K5" s="259" t="s">
        <v>51</v>
      </c>
      <c r="L5" s="268" t="s">
        <v>45</v>
      </c>
      <c r="M5" s="550"/>
      <c r="N5" s="350" t="s">
        <v>43</v>
      </c>
      <c r="O5" s="259" t="s">
        <v>44</v>
      </c>
      <c r="P5" s="265" t="s">
        <v>45</v>
      </c>
      <c r="Q5" s="267" t="s">
        <v>83</v>
      </c>
      <c r="R5" s="259" t="s">
        <v>47</v>
      </c>
      <c r="S5" s="259" t="s">
        <v>48</v>
      </c>
      <c r="T5" s="259" t="s">
        <v>49</v>
      </c>
      <c r="U5" s="259" t="s">
        <v>50</v>
      </c>
      <c r="V5" s="259" t="s">
        <v>51</v>
      </c>
      <c r="W5" s="265" t="s">
        <v>45</v>
      </c>
      <c r="X5" s="550"/>
      <c r="Y5" s="350" t="s">
        <v>43</v>
      </c>
      <c r="Z5" s="259" t="s">
        <v>44</v>
      </c>
      <c r="AA5" s="265" t="s">
        <v>45</v>
      </c>
      <c r="AB5" s="267" t="s">
        <v>83</v>
      </c>
      <c r="AC5" s="259" t="s">
        <v>47</v>
      </c>
      <c r="AD5" s="259" t="s">
        <v>48</v>
      </c>
      <c r="AE5" s="259" t="s">
        <v>49</v>
      </c>
      <c r="AF5" s="259" t="s">
        <v>50</v>
      </c>
      <c r="AG5" s="259" t="s">
        <v>51</v>
      </c>
      <c r="AH5" s="265" t="s">
        <v>45</v>
      </c>
      <c r="AI5" s="550"/>
      <c r="AJ5" s="350" t="s">
        <v>43</v>
      </c>
      <c r="AK5" s="259" t="s">
        <v>44</v>
      </c>
      <c r="AL5" s="265" t="s">
        <v>45</v>
      </c>
      <c r="AM5" s="267" t="s">
        <v>83</v>
      </c>
      <c r="AN5" s="259" t="s">
        <v>47</v>
      </c>
      <c r="AO5" s="259" t="s">
        <v>48</v>
      </c>
      <c r="AP5" s="259" t="s">
        <v>49</v>
      </c>
      <c r="AQ5" s="259" t="s">
        <v>50</v>
      </c>
      <c r="AR5" s="259" t="s">
        <v>51</v>
      </c>
      <c r="AS5" s="265" t="s">
        <v>45</v>
      </c>
      <c r="AT5" s="550"/>
      <c r="AU5" s="350" t="s">
        <v>43</v>
      </c>
      <c r="AV5" s="259" t="s">
        <v>44</v>
      </c>
      <c r="AW5" s="265" t="s">
        <v>45</v>
      </c>
      <c r="AX5" s="267" t="s">
        <v>83</v>
      </c>
      <c r="AY5" s="259" t="s">
        <v>47</v>
      </c>
      <c r="AZ5" s="259" t="s">
        <v>48</v>
      </c>
      <c r="BA5" s="259" t="s">
        <v>49</v>
      </c>
      <c r="BB5" s="259" t="s">
        <v>50</v>
      </c>
      <c r="BC5" s="259" t="s">
        <v>51</v>
      </c>
      <c r="BD5" s="268" t="s">
        <v>45</v>
      </c>
      <c r="BE5" s="550"/>
      <c r="BF5" s="350" t="s">
        <v>43</v>
      </c>
      <c r="BG5" s="259" t="s">
        <v>44</v>
      </c>
      <c r="BH5" s="265" t="s">
        <v>45</v>
      </c>
      <c r="BI5" s="267" t="s">
        <v>83</v>
      </c>
      <c r="BJ5" s="259" t="s">
        <v>47</v>
      </c>
      <c r="BK5" s="259" t="s">
        <v>48</v>
      </c>
      <c r="BL5" s="259" t="s">
        <v>49</v>
      </c>
      <c r="BM5" s="259" t="s">
        <v>50</v>
      </c>
      <c r="BN5" s="259" t="s">
        <v>51</v>
      </c>
      <c r="BO5" s="265" t="s">
        <v>45</v>
      </c>
      <c r="BP5" s="550"/>
      <c r="BQ5" s="350" t="s">
        <v>43</v>
      </c>
      <c r="BR5" s="259" t="s">
        <v>44</v>
      </c>
      <c r="BS5" s="265" t="s">
        <v>45</v>
      </c>
      <c r="BT5" s="267" t="s">
        <v>83</v>
      </c>
      <c r="BU5" s="259" t="s">
        <v>47</v>
      </c>
      <c r="BV5" s="259" t="s">
        <v>48</v>
      </c>
      <c r="BW5" s="259" t="s">
        <v>49</v>
      </c>
      <c r="BX5" s="259" t="s">
        <v>50</v>
      </c>
      <c r="BY5" s="259" t="s">
        <v>51</v>
      </c>
      <c r="BZ5" s="265" t="s">
        <v>45</v>
      </c>
      <c r="CA5" s="550"/>
      <c r="CB5" s="350" t="s">
        <v>43</v>
      </c>
      <c r="CC5" s="259" t="s">
        <v>44</v>
      </c>
      <c r="CD5" s="265" t="s">
        <v>45</v>
      </c>
      <c r="CE5" s="267" t="s">
        <v>83</v>
      </c>
      <c r="CF5" s="259" t="s">
        <v>47</v>
      </c>
      <c r="CG5" s="259" t="s">
        <v>48</v>
      </c>
      <c r="CH5" s="259" t="s">
        <v>49</v>
      </c>
      <c r="CI5" s="259" t="s">
        <v>50</v>
      </c>
      <c r="CJ5" s="259" t="s">
        <v>51</v>
      </c>
      <c r="CK5" s="265" t="s">
        <v>45</v>
      </c>
      <c r="CL5" s="550"/>
      <c r="CM5" s="350" t="s">
        <v>43</v>
      </c>
      <c r="CN5" s="259" t="s">
        <v>44</v>
      </c>
      <c r="CO5" s="265" t="s">
        <v>45</v>
      </c>
      <c r="CP5" s="267" t="s">
        <v>83</v>
      </c>
      <c r="CQ5" s="259" t="s">
        <v>47</v>
      </c>
      <c r="CR5" s="259" t="s">
        <v>48</v>
      </c>
      <c r="CS5" s="259" t="s">
        <v>49</v>
      </c>
      <c r="CT5" s="259" t="s">
        <v>50</v>
      </c>
      <c r="CU5" s="259" t="s">
        <v>51</v>
      </c>
      <c r="CV5" s="265" t="s">
        <v>45</v>
      </c>
      <c r="CW5" s="550"/>
      <c r="CX5" s="350" t="s">
        <v>43</v>
      </c>
      <c r="CY5" s="259" t="s">
        <v>44</v>
      </c>
      <c r="CZ5" s="265" t="s">
        <v>45</v>
      </c>
      <c r="DA5" s="267" t="s">
        <v>83</v>
      </c>
      <c r="DB5" s="259" t="s">
        <v>47</v>
      </c>
      <c r="DC5" s="259" t="s">
        <v>48</v>
      </c>
      <c r="DD5" s="259" t="s">
        <v>49</v>
      </c>
      <c r="DE5" s="259" t="s">
        <v>50</v>
      </c>
      <c r="DF5" s="259" t="s">
        <v>51</v>
      </c>
      <c r="DG5" s="265" t="s">
        <v>45</v>
      </c>
      <c r="DH5" s="550"/>
      <c r="DI5" s="350" t="s">
        <v>43</v>
      </c>
      <c r="DJ5" s="259" t="s">
        <v>44</v>
      </c>
      <c r="DK5" s="265" t="s">
        <v>45</v>
      </c>
      <c r="DL5" s="267" t="s">
        <v>83</v>
      </c>
      <c r="DM5" s="259" t="s">
        <v>47</v>
      </c>
      <c r="DN5" s="259" t="s">
        <v>48</v>
      </c>
      <c r="DO5" s="259" t="s">
        <v>49</v>
      </c>
      <c r="DP5" s="259" t="s">
        <v>50</v>
      </c>
      <c r="DQ5" s="259" t="s">
        <v>51</v>
      </c>
      <c r="DR5" s="265" t="s">
        <v>45</v>
      </c>
      <c r="DS5" s="550"/>
      <c r="DT5" s="350" t="s">
        <v>43</v>
      </c>
      <c r="DU5" s="259" t="s">
        <v>44</v>
      </c>
      <c r="DV5" s="265" t="s">
        <v>45</v>
      </c>
      <c r="DW5" s="267" t="s">
        <v>83</v>
      </c>
      <c r="DX5" s="259" t="s">
        <v>47</v>
      </c>
      <c r="DY5" s="259" t="s">
        <v>48</v>
      </c>
      <c r="DZ5" s="259" t="s">
        <v>49</v>
      </c>
      <c r="EA5" s="259" t="s">
        <v>50</v>
      </c>
      <c r="EB5" s="259" t="s">
        <v>51</v>
      </c>
      <c r="EC5" s="265" t="s">
        <v>45</v>
      </c>
      <c r="ED5" s="550"/>
      <c r="EE5" s="350" t="s">
        <v>43</v>
      </c>
      <c r="EF5" s="259" t="s">
        <v>44</v>
      </c>
      <c r="EG5" s="265" t="s">
        <v>45</v>
      </c>
      <c r="EH5" s="267" t="s">
        <v>83</v>
      </c>
      <c r="EI5" s="259" t="s">
        <v>47</v>
      </c>
      <c r="EJ5" s="259" t="s">
        <v>48</v>
      </c>
      <c r="EK5" s="259" t="s">
        <v>49</v>
      </c>
      <c r="EL5" s="259" t="s">
        <v>50</v>
      </c>
      <c r="EM5" s="259" t="s">
        <v>51</v>
      </c>
      <c r="EN5" s="265" t="s">
        <v>45</v>
      </c>
      <c r="EO5" s="550"/>
      <c r="EP5" s="350" t="s">
        <v>43</v>
      </c>
      <c r="EQ5" s="259" t="s">
        <v>44</v>
      </c>
      <c r="ER5" s="265" t="s">
        <v>45</v>
      </c>
      <c r="ES5" s="267" t="s">
        <v>83</v>
      </c>
      <c r="ET5" s="259" t="s">
        <v>47</v>
      </c>
      <c r="EU5" s="259" t="s">
        <v>48</v>
      </c>
      <c r="EV5" s="259" t="s">
        <v>49</v>
      </c>
      <c r="EW5" s="259" t="s">
        <v>50</v>
      </c>
      <c r="EX5" s="259" t="s">
        <v>51</v>
      </c>
      <c r="EY5" s="265" t="s">
        <v>45</v>
      </c>
      <c r="EZ5" s="550"/>
    </row>
    <row r="6" spans="2:156" ht="21" customHeight="1" x14ac:dyDescent="0.2">
      <c r="B6" s="260" t="s">
        <v>4</v>
      </c>
      <c r="C6" s="269">
        <v>0</v>
      </c>
      <c r="D6" s="273">
        <v>1</v>
      </c>
      <c r="E6" s="383">
        <v>1</v>
      </c>
      <c r="F6" s="272">
        <v>0</v>
      </c>
      <c r="G6" s="273">
        <v>1168</v>
      </c>
      <c r="H6" s="273">
        <v>1271</v>
      </c>
      <c r="I6" s="273">
        <v>677</v>
      </c>
      <c r="J6" s="273">
        <v>552</v>
      </c>
      <c r="K6" s="273">
        <v>439</v>
      </c>
      <c r="L6" s="274">
        <v>4107</v>
      </c>
      <c r="M6" s="275">
        <v>4108</v>
      </c>
      <c r="N6" s="269">
        <v>1</v>
      </c>
      <c r="O6" s="273">
        <v>1</v>
      </c>
      <c r="P6" s="270">
        <v>2</v>
      </c>
      <c r="Q6" s="272">
        <v>0</v>
      </c>
      <c r="R6" s="273">
        <v>14</v>
      </c>
      <c r="S6" s="273">
        <v>46</v>
      </c>
      <c r="T6" s="273">
        <v>67</v>
      </c>
      <c r="U6" s="273">
        <v>122</v>
      </c>
      <c r="V6" s="273">
        <v>229</v>
      </c>
      <c r="W6" s="270">
        <v>478</v>
      </c>
      <c r="X6" s="275">
        <v>480</v>
      </c>
      <c r="Y6" s="269">
        <v>212</v>
      </c>
      <c r="Z6" s="273">
        <v>416</v>
      </c>
      <c r="AA6" s="270">
        <v>628</v>
      </c>
      <c r="AB6" s="272">
        <v>0</v>
      </c>
      <c r="AC6" s="273">
        <v>890</v>
      </c>
      <c r="AD6" s="273">
        <v>1187</v>
      </c>
      <c r="AE6" s="273">
        <v>676</v>
      </c>
      <c r="AF6" s="273">
        <v>585</v>
      </c>
      <c r="AG6" s="273">
        <v>419</v>
      </c>
      <c r="AH6" s="270">
        <v>3757</v>
      </c>
      <c r="AI6" s="275">
        <v>4385</v>
      </c>
      <c r="AJ6" s="269">
        <v>20</v>
      </c>
      <c r="AK6" s="273">
        <v>55</v>
      </c>
      <c r="AL6" s="270">
        <v>75</v>
      </c>
      <c r="AM6" s="272">
        <v>0</v>
      </c>
      <c r="AN6" s="273">
        <v>108</v>
      </c>
      <c r="AO6" s="273">
        <v>144</v>
      </c>
      <c r="AP6" s="273">
        <v>102</v>
      </c>
      <c r="AQ6" s="273">
        <v>100</v>
      </c>
      <c r="AR6" s="273">
        <v>47</v>
      </c>
      <c r="AS6" s="270">
        <v>501</v>
      </c>
      <c r="AT6" s="275">
        <v>576</v>
      </c>
      <c r="AU6" s="269">
        <v>312</v>
      </c>
      <c r="AV6" s="273">
        <v>319</v>
      </c>
      <c r="AW6" s="270">
        <v>631</v>
      </c>
      <c r="AX6" s="272">
        <v>0</v>
      </c>
      <c r="AY6" s="273">
        <v>1270</v>
      </c>
      <c r="AZ6" s="273">
        <v>1538</v>
      </c>
      <c r="BA6" s="273">
        <v>1356</v>
      </c>
      <c r="BB6" s="273">
        <v>1421</v>
      </c>
      <c r="BC6" s="273">
        <v>1034</v>
      </c>
      <c r="BD6" s="274">
        <v>6619</v>
      </c>
      <c r="BE6" s="275">
        <v>7250</v>
      </c>
      <c r="BF6" s="269">
        <v>0</v>
      </c>
      <c r="BG6" s="273">
        <v>1</v>
      </c>
      <c r="BH6" s="270">
        <v>1</v>
      </c>
      <c r="BI6" s="272">
        <v>0</v>
      </c>
      <c r="BJ6" s="273">
        <v>1313</v>
      </c>
      <c r="BK6" s="273">
        <v>1123</v>
      </c>
      <c r="BL6" s="273">
        <v>578</v>
      </c>
      <c r="BM6" s="273">
        <v>349</v>
      </c>
      <c r="BN6" s="273">
        <v>162</v>
      </c>
      <c r="BO6" s="270">
        <v>3525</v>
      </c>
      <c r="BP6" s="275">
        <v>3526</v>
      </c>
      <c r="BQ6" s="269">
        <v>110</v>
      </c>
      <c r="BR6" s="273">
        <v>159</v>
      </c>
      <c r="BS6" s="270">
        <v>269</v>
      </c>
      <c r="BT6" s="272">
        <v>0</v>
      </c>
      <c r="BU6" s="273">
        <v>329</v>
      </c>
      <c r="BV6" s="273">
        <v>465</v>
      </c>
      <c r="BW6" s="273">
        <v>274</v>
      </c>
      <c r="BX6" s="273">
        <v>187</v>
      </c>
      <c r="BY6" s="273">
        <v>72</v>
      </c>
      <c r="BZ6" s="270">
        <v>1327</v>
      </c>
      <c r="CA6" s="275">
        <v>1596</v>
      </c>
      <c r="CB6" s="269">
        <v>3</v>
      </c>
      <c r="CC6" s="273">
        <v>18</v>
      </c>
      <c r="CD6" s="270">
        <v>21</v>
      </c>
      <c r="CE6" s="272">
        <v>0</v>
      </c>
      <c r="CF6" s="273">
        <v>149</v>
      </c>
      <c r="CG6" s="273">
        <v>206</v>
      </c>
      <c r="CH6" s="273">
        <v>241</v>
      </c>
      <c r="CI6" s="273">
        <v>207</v>
      </c>
      <c r="CJ6" s="273">
        <v>97</v>
      </c>
      <c r="CK6" s="270">
        <v>900</v>
      </c>
      <c r="CL6" s="275">
        <v>921</v>
      </c>
      <c r="CM6" s="269">
        <v>1</v>
      </c>
      <c r="CN6" s="273">
        <v>1</v>
      </c>
      <c r="CO6" s="270">
        <v>2</v>
      </c>
      <c r="CP6" s="272">
        <v>0</v>
      </c>
      <c r="CQ6" s="273">
        <v>22</v>
      </c>
      <c r="CR6" s="273">
        <v>38</v>
      </c>
      <c r="CS6" s="273">
        <v>50</v>
      </c>
      <c r="CT6" s="273">
        <v>42</v>
      </c>
      <c r="CU6" s="273">
        <v>16</v>
      </c>
      <c r="CV6" s="270">
        <v>168</v>
      </c>
      <c r="CW6" s="275">
        <v>170</v>
      </c>
      <c r="CX6" s="269">
        <v>0</v>
      </c>
      <c r="CY6" s="273">
        <v>0</v>
      </c>
      <c r="CZ6" s="270">
        <v>0</v>
      </c>
      <c r="DA6" s="272">
        <v>0</v>
      </c>
      <c r="DB6" s="273">
        <v>0</v>
      </c>
      <c r="DC6" s="273">
        <v>0</v>
      </c>
      <c r="DD6" s="273">
        <v>0</v>
      </c>
      <c r="DE6" s="273">
        <v>0</v>
      </c>
      <c r="DF6" s="273">
        <v>0</v>
      </c>
      <c r="DG6" s="270">
        <v>0</v>
      </c>
      <c r="DH6" s="275">
        <v>0</v>
      </c>
      <c r="DI6" s="269">
        <v>0</v>
      </c>
      <c r="DJ6" s="273">
        <v>0</v>
      </c>
      <c r="DK6" s="270">
        <v>0</v>
      </c>
      <c r="DL6" s="272">
        <v>0</v>
      </c>
      <c r="DM6" s="273">
        <v>0</v>
      </c>
      <c r="DN6" s="273">
        <v>0</v>
      </c>
      <c r="DO6" s="273">
        <v>0</v>
      </c>
      <c r="DP6" s="273">
        <v>0</v>
      </c>
      <c r="DQ6" s="273">
        <v>0</v>
      </c>
      <c r="DR6" s="270">
        <v>0</v>
      </c>
      <c r="DS6" s="275">
        <v>0</v>
      </c>
      <c r="DT6" s="269">
        <v>590</v>
      </c>
      <c r="DU6" s="273">
        <v>1174</v>
      </c>
      <c r="DV6" s="270">
        <v>1764</v>
      </c>
      <c r="DW6" s="272">
        <v>0</v>
      </c>
      <c r="DX6" s="273">
        <v>1596</v>
      </c>
      <c r="DY6" s="273">
        <v>2745</v>
      </c>
      <c r="DZ6" s="273">
        <v>1636</v>
      </c>
      <c r="EA6" s="273">
        <v>1219</v>
      </c>
      <c r="EB6" s="273">
        <v>766</v>
      </c>
      <c r="EC6" s="270">
        <v>7962</v>
      </c>
      <c r="ED6" s="275">
        <v>9726</v>
      </c>
      <c r="EE6" s="269">
        <v>214</v>
      </c>
      <c r="EF6" s="273">
        <v>152</v>
      </c>
      <c r="EG6" s="270">
        <v>366</v>
      </c>
      <c r="EH6" s="272">
        <v>0</v>
      </c>
      <c r="EI6" s="273">
        <v>639</v>
      </c>
      <c r="EJ6" s="273">
        <v>636</v>
      </c>
      <c r="EK6" s="273">
        <v>542</v>
      </c>
      <c r="EL6" s="273">
        <v>645</v>
      </c>
      <c r="EM6" s="273">
        <v>373</v>
      </c>
      <c r="EN6" s="270">
        <v>2835</v>
      </c>
      <c r="EO6" s="275">
        <v>3201</v>
      </c>
      <c r="EP6" s="269">
        <v>859</v>
      </c>
      <c r="EQ6" s="273">
        <v>1530</v>
      </c>
      <c r="ER6" s="270">
        <v>2389</v>
      </c>
      <c r="ES6" s="272">
        <v>0</v>
      </c>
      <c r="ET6" s="273">
        <v>3745</v>
      </c>
      <c r="EU6" s="273">
        <v>3800</v>
      </c>
      <c r="EV6" s="273">
        <v>1986</v>
      </c>
      <c r="EW6" s="273">
        <v>1351</v>
      </c>
      <c r="EX6" s="273">
        <v>823</v>
      </c>
      <c r="EY6" s="270">
        <v>11705</v>
      </c>
      <c r="EZ6" s="275">
        <v>14094</v>
      </c>
    </row>
    <row r="7" spans="2:156" ht="21" customHeight="1" x14ac:dyDescent="0.2">
      <c r="B7" s="261" t="s">
        <v>5</v>
      </c>
      <c r="C7" s="276">
        <v>0</v>
      </c>
      <c r="D7" s="280">
        <v>1</v>
      </c>
      <c r="E7" s="384">
        <v>1</v>
      </c>
      <c r="F7" s="279">
        <v>0</v>
      </c>
      <c r="G7" s="280">
        <v>448</v>
      </c>
      <c r="H7" s="280">
        <v>698</v>
      </c>
      <c r="I7" s="280">
        <v>294</v>
      </c>
      <c r="J7" s="280">
        <v>231</v>
      </c>
      <c r="K7" s="280">
        <v>176</v>
      </c>
      <c r="L7" s="281">
        <v>1847</v>
      </c>
      <c r="M7" s="282">
        <v>1848</v>
      </c>
      <c r="N7" s="276">
        <v>1</v>
      </c>
      <c r="O7" s="280">
        <v>1</v>
      </c>
      <c r="P7" s="277">
        <v>2</v>
      </c>
      <c r="Q7" s="279">
        <v>0</v>
      </c>
      <c r="R7" s="280">
        <v>5</v>
      </c>
      <c r="S7" s="280">
        <v>22</v>
      </c>
      <c r="T7" s="280">
        <v>31</v>
      </c>
      <c r="U7" s="280">
        <v>50</v>
      </c>
      <c r="V7" s="280">
        <v>93</v>
      </c>
      <c r="W7" s="277">
        <v>201</v>
      </c>
      <c r="X7" s="282">
        <v>203</v>
      </c>
      <c r="Y7" s="276">
        <v>102</v>
      </c>
      <c r="Z7" s="280">
        <v>215</v>
      </c>
      <c r="AA7" s="277">
        <v>317</v>
      </c>
      <c r="AB7" s="279">
        <v>0</v>
      </c>
      <c r="AC7" s="280">
        <v>335</v>
      </c>
      <c r="AD7" s="280">
        <v>669</v>
      </c>
      <c r="AE7" s="280">
        <v>323</v>
      </c>
      <c r="AF7" s="280">
        <v>258</v>
      </c>
      <c r="AG7" s="280">
        <v>186</v>
      </c>
      <c r="AH7" s="277">
        <v>1771</v>
      </c>
      <c r="AI7" s="282">
        <v>2088</v>
      </c>
      <c r="AJ7" s="276">
        <v>9</v>
      </c>
      <c r="AK7" s="280">
        <v>40</v>
      </c>
      <c r="AL7" s="277">
        <v>49</v>
      </c>
      <c r="AM7" s="279">
        <v>0</v>
      </c>
      <c r="AN7" s="280">
        <v>27</v>
      </c>
      <c r="AO7" s="280">
        <v>67</v>
      </c>
      <c r="AP7" s="280">
        <v>40</v>
      </c>
      <c r="AQ7" s="280">
        <v>46</v>
      </c>
      <c r="AR7" s="280">
        <v>21</v>
      </c>
      <c r="AS7" s="277">
        <v>201</v>
      </c>
      <c r="AT7" s="282">
        <v>250</v>
      </c>
      <c r="AU7" s="276">
        <v>137</v>
      </c>
      <c r="AV7" s="280">
        <v>180</v>
      </c>
      <c r="AW7" s="277">
        <v>317</v>
      </c>
      <c r="AX7" s="279">
        <v>0</v>
      </c>
      <c r="AY7" s="280">
        <v>506</v>
      </c>
      <c r="AZ7" s="280">
        <v>764</v>
      </c>
      <c r="BA7" s="280">
        <v>614</v>
      </c>
      <c r="BB7" s="280">
        <v>617</v>
      </c>
      <c r="BC7" s="280">
        <v>430</v>
      </c>
      <c r="BD7" s="281">
        <v>2931</v>
      </c>
      <c r="BE7" s="282">
        <v>3248</v>
      </c>
      <c r="BF7" s="276">
        <v>0</v>
      </c>
      <c r="BG7" s="280">
        <v>1</v>
      </c>
      <c r="BH7" s="277">
        <v>1</v>
      </c>
      <c r="BI7" s="279">
        <v>0</v>
      </c>
      <c r="BJ7" s="280">
        <v>441</v>
      </c>
      <c r="BK7" s="280">
        <v>482</v>
      </c>
      <c r="BL7" s="280">
        <v>239</v>
      </c>
      <c r="BM7" s="280">
        <v>132</v>
      </c>
      <c r="BN7" s="280">
        <v>62</v>
      </c>
      <c r="BO7" s="277">
        <v>1356</v>
      </c>
      <c r="BP7" s="282">
        <v>1357</v>
      </c>
      <c r="BQ7" s="276">
        <v>54</v>
      </c>
      <c r="BR7" s="280">
        <v>75</v>
      </c>
      <c r="BS7" s="277">
        <v>129</v>
      </c>
      <c r="BT7" s="279">
        <v>0</v>
      </c>
      <c r="BU7" s="280">
        <v>111</v>
      </c>
      <c r="BV7" s="280">
        <v>239</v>
      </c>
      <c r="BW7" s="280">
        <v>135</v>
      </c>
      <c r="BX7" s="280">
        <v>85</v>
      </c>
      <c r="BY7" s="280">
        <v>39</v>
      </c>
      <c r="BZ7" s="277">
        <v>609</v>
      </c>
      <c r="CA7" s="282">
        <v>738</v>
      </c>
      <c r="CB7" s="276">
        <v>2</v>
      </c>
      <c r="CC7" s="280">
        <v>10</v>
      </c>
      <c r="CD7" s="277">
        <v>12</v>
      </c>
      <c r="CE7" s="279">
        <v>0</v>
      </c>
      <c r="CF7" s="280">
        <v>52</v>
      </c>
      <c r="CG7" s="280">
        <v>89</v>
      </c>
      <c r="CH7" s="280">
        <v>82</v>
      </c>
      <c r="CI7" s="280">
        <v>76</v>
      </c>
      <c r="CJ7" s="280">
        <v>36</v>
      </c>
      <c r="CK7" s="277">
        <v>335</v>
      </c>
      <c r="CL7" s="282">
        <v>347</v>
      </c>
      <c r="CM7" s="276">
        <v>0</v>
      </c>
      <c r="CN7" s="280">
        <v>1</v>
      </c>
      <c r="CO7" s="277">
        <v>1</v>
      </c>
      <c r="CP7" s="279">
        <v>0</v>
      </c>
      <c r="CQ7" s="280">
        <v>8</v>
      </c>
      <c r="CR7" s="280">
        <v>24</v>
      </c>
      <c r="CS7" s="280">
        <v>27</v>
      </c>
      <c r="CT7" s="280">
        <v>22</v>
      </c>
      <c r="CU7" s="280">
        <v>8</v>
      </c>
      <c r="CV7" s="277">
        <v>89</v>
      </c>
      <c r="CW7" s="282">
        <v>90</v>
      </c>
      <c r="CX7" s="276">
        <v>0</v>
      </c>
      <c r="CY7" s="280">
        <v>0</v>
      </c>
      <c r="CZ7" s="277">
        <v>0</v>
      </c>
      <c r="DA7" s="279">
        <v>0</v>
      </c>
      <c r="DB7" s="280">
        <v>0</v>
      </c>
      <c r="DC7" s="280">
        <v>0</v>
      </c>
      <c r="DD7" s="280">
        <v>0</v>
      </c>
      <c r="DE7" s="280">
        <v>0</v>
      </c>
      <c r="DF7" s="280">
        <v>0</v>
      </c>
      <c r="DG7" s="277">
        <v>0</v>
      </c>
      <c r="DH7" s="282">
        <v>0</v>
      </c>
      <c r="DI7" s="276">
        <v>0</v>
      </c>
      <c r="DJ7" s="280">
        <v>0</v>
      </c>
      <c r="DK7" s="277">
        <v>0</v>
      </c>
      <c r="DL7" s="279">
        <v>0</v>
      </c>
      <c r="DM7" s="280">
        <v>0</v>
      </c>
      <c r="DN7" s="280">
        <v>0</v>
      </c>
      <c r="DO7" s="280">
        <v>0</v>
      </c>
      <c r="DP7" s="280">
        <v>0</v>
      </c>
      <c r="DQ7" s="280">
        <v>0</v>
      </c>
      <c r="DR7" s="277">
        <v>0</v>
      </c>
      <c r="DS7" s="282">
        <v>0</v>
      </c>
      <c r="DT7" s="276">
        <v>224</v>
      </c>
      <c r="DU7" s="280">
        <v>537</v>
      </c>
      <c r="DV7" s="277">
        <v>761</v>
      </c>
      <c r="DW7" s="279">
        <v>0</v>
      </c>
      <c r="DX7" s="280">
        <v>480</v>
      </c>
      <c r="DY7" s="280">
        <v>1351</v>
      </c>
      <c r="DZ7" s="280">
        <v>689</v>
      </c>
      <c r="EA7" s="280">
        <v>507</v>
      </c>
      <c r="EB7" s="280">
        <v>320</v>
      </c>
      <c r="EC7" s="277">
        <v>3347</v>
      </c>
      <c r="ED7" s="282">
        <v>4108</v>
      </c>
      <c r="EE7" s="276">
        <v>96</v>
      </c>
      <c r="EF7" s="280">
        <v>77</v>
      </c>
      <c r="EG7" s="277">
        <v>173</v>
      </c>
      <c r="EH7" s="279">
        <v>0</v>
      </c>
      <c r="EI7" s="280">
        <v>266</v>
      </c>
      <c r="EJ7" s="280">
        <v>324</v>
      </c>
      <c r="EK7" s="280">
        <v>262</v>
      </c>
      <c r="EL7" s="280">
        <v>291</v>
      </c>
      <c r="EM7" s="280">
        <v>160</v>
      </c>
      <c r="EN7" s="277">
        <v>1303</v>
      </c>
      <c r="EO7" s="282">
        <v>1476</v>
      </c>
      <c r="EP7" s="276">
        <v>360</v>
      </c>
      <c r="EQ7" s="280">
        <v>735</v>
      </c>
      <c r="ER7" s="277">
        <v>1095</v>
      </c>
      <c r="ES7" s="279">
        <v>0</v>
      </c>
      <c r="ET7" s="280">
        <v>1324</v>
      </c>
      <c r="EU7" s="280">
        <v>1886</v>
      </c>
      <c r="EV7" s="280">
        <v>859</v>
      </c>
      <c r="EW7" s="280">
        <v>565</v>
      </c>
      <c r="EX7" s="280">
        <v>342</v>
      </c>
      <c r="EY7" s="277">
        <v>4976</v>
      </c>
      <c r="EZ7" s="282">
        <v>6071</v>
      </c>
    </row>
    <row r="8" spans="2:156" ht="21" customHeight="1" x14ac:dyDescent="0.2">
      <c r="B8" s="261" t="s">
        <v>6</v>
      </c>
      <c r="C8" s="276">
        <v>0</v>
      </c>
      <c r="D8" s="280">
        <v>0</v>
      </c>
      <c r="E8" s="384">
        <v>0</v>
      </c>
      <c r="F8" s="279">
        <v>0</v>
      </c>
      <c r="G8" s="280">
        <v>240</v>
      </c>
      <c r="H8" s="280">
        <v>170</v>
      </c>
      <c r="I8" s="280">
        <v>106</v>
      </c>
      <c r="J8" s="280">
        <v>105</v>
      </c>
      <c r="K8" s="280">
        <v>75</v>
      </c>
      <c r="L8" s="281">
        <v>696</v>
      </c>
      <c r="M8" s="282">
        <v>696</v>
      </c>
      <c r="N8" s="276">
        <v>0</v>
      </c>
      <c r="O8" s="280">
        <v>0</v>
      </c>
      <c r="P8" s="277">
        <v>0</v>
      </c>
      <c r="Q8" s="279">
        <v>0</v>
      </c>
      <c r="R8" s="280">
        <v>2</v>
      </c>
      <c r="S8" s="280">
        <v>6</v>
      </c>
      <c r="T8" s="280">
        <v>9</v>
      </c>
      <c r="U8" s="280">
        <v>24</v>
      </c>
      <c r="V8" s="280">
        <v>37</v>
      </c>
      <c r="W8" s="277">
        <v>78</v>
      </c>
      <c r="X8" s="282">
        <v>78</v>
      </c>
      <c r="Y8" s="276">
        <v>37</v>
      </c>
      <c r="Z8" s="280">
        <v>73</v>
      </c>
      <c r="AA8" s="277">
        <v>110</v>
      </c>
      <c r="AB8" s="279">
        <v>0</v>
      </c>
      <c r="AC8" s="280">
        <v>202</v>
      </c>
      <c r="AD8" s="280">
        <v>164</v>
      </c>
      <c r="AE8" s="280">
        <v>111</v>
      </c>
      <c r="AF8" s="280">
        <v>108</v>
      </c>
      <c r="AG8" s="280">
        <v>73</v>
      </c>
      <c r="AH8" s="277">
        <v>658</v>
      </c>
      <c r="AI8" s="282">
        <v>768</v>
      </c>
      <c r="AJ8" s="276">
        <v>1</v>
      </c>
      <c r="AK8" s="280">
        <v>0</v>
      </c>
      <c r="AL8" s="277">
        <v>1</v>
      </c>
      <c r="AM8" s="279">
        <v>0</v>
      </c>
      <c r="AN8" s="280">
        <v>23</v>
      </c>
      <c r="AO8" s="280">
        <v>19</v>
      </c>
      <c r="AP8" s="280">
        <v>21</v>
      </c>
      <c r="AQ8" s="280">
        <v>8</v>
      </c>
      <c r="AR8" s="280">
        <v>5</v>
      </c>
      <c r="AS8" s="277">
        <v>76</v>
      </c>
      <c r="AT8" s="282">
        <v>77</v>
      </c>
      <c r="AU8" s="276">
        <v>52</v>
      </c>
      <c r="AV8" s="280">
        <v>47</v>
      </c>
      <c r="AW8" s="277">
        <v>99</v>
      </c>
      <c r="AX8" s="279">
        <v>0</v>
      </c>
      <c r="AY8" s="280">
        <v>256</v>
      </c>
      <c r="AZ8" s="280">
        <v>254</v>
      </c>
      <c r="BA8" s="280">
        <v>247</v>
      </c>
      <c r="BB8" s="280">
        <v>262</v>
      </c>
      <c r="BC8" s="280">
        <v>191</v>
      </c>
      <c r="BD8" s="281">
        <v>1210</v>
      </c>
      <c r="BE8" s="282">
        <v>1309</v>
      </c>
      <c r="BF8" s="276">
        <v>0</v>
      </c>
      <c r="BG8" s="280">
        <v>0</v>
      </c>
      <c r="BH8" s="277">
        <v>0</v>
      </c>
      <c r="BI8" s="279">
        <v>0</v>
      </c>
      <c r="BJ8" s="280">
        <v>257</v>
      </c>
      <c r="BK8" s="280">
        <v>170</v>
      </c>
      <c r="BL8" s="280">
        <v>86</v>
      </c>
      <c r="BM8" s="280">
        <v>64</v>
      </c>
      <c r="BN8" s="280">
        <v>27</v>
      </c>
      <c r="BO8" s="277">
        <v>604</v>
      </c>
      <c r="BP8" s="282">
        <v>604</v>
      </c>
      <c r="BQ8" s="276">
        <v>9</v>
      </c>
      <c r="BR8" s="280">
        <v>15</v>
      </c>
      <c r="BS8" s="277">
        <v>24</v>
      </c>
      <c r="BT8" s="279">
        <v>0</v>
      </c>
      <c r="BU8" s="280">
        <v>49</v>
      </c>
      <c r="BV8" s="280">
        <v>57</v>
      </c>
      <c r="BW8" s="280">
        <v>31</v>
      </c>
      <c r="BX8" s="280">
        <v>38</v>
      </c>
      <c r="BY8" s="280">
        <v>8</v>
      </c>
      <c r="BZ8" s="277">
        <v>183</v>
      </c>
      <c r="CA8" s="282">
        <v>207</v>
      </c>
      <c r="CB8" s="276">
        <v>0</v>
      </c>
      <c r="CC8" s="280">
        <v>2</v>
      </c>
      <c r="CD8" s="277">
        <v>2</v>
      </c>
      <c r="CE8" s="279">
        <v>0</v>
      </c>
      <c r="CF8" s="280">
        <v>23</v>
      </c>
      <c r="CG8" s="280">
        <v>17</v>
      </c>
      <c r="CH8" s="280">
        <v>35</v>
      </c>
      <c r="CI8" s="280">
        <v>31</v>
      </c>
      <c r="CJ8" s="280">
        <v>13</v>
      </c>
      <c r="CK8" s="277">
        <v>119</v>
      </c>
      <c r="CL8" s="282">
        <v>121</v>
      </c>
      <c r="CM8" s="276">
        <v>0</v>
      </c>
      <c r="CN8" s="280">
        <v>0</v>
      </c>
      <c r="CO8" s="277">
        <v>0</v>
      </c>
      <c r="CP8" s="279">
        <v>0</v>
      </c>
      <c r="CQ8" s="280">
        <v>8</v>
      </c>
      <c r="CR8" s="280">
        <v>5</v>
      </c>
      <c r="CS8" s="280">
        <v>6</v>
      </c>
      <c r="CT8" s="280">
        <v>12</v>
      </c>
      <c r="CU8" s="280">
        <v>2</v>
      </c>
      <c r="CV8" s="277">
        <v>33</v>
      </c>
      <c r="CW8" s="282">
        <v>33</v>
      </c>
      <c r="CX8" s="276">
        <v>0</v>
      </c>
      <c r="CY8" s="280">
        <v>0</v>
      </c>
      <c r="CZ8" s="277">
        <v>0</v>
      </c>
      <c r="DA8" s="279">
        <v>0</v>
      </c>
      <c r="DB8" s="280">
        <v>0</v>
      </c>
      <c r="DC8" s="280">
        <v>0</v>
      </c>
      <c r="DD8" s="280">
        <v>0</v>
      </c>
      <c r="DE8" s="280">
        <v>0</v>
      </c>
      <c r="DF8" s="280">
        <v>0</v>
      </c>
      <c r="DG8" s="277">
        <v>0</v>
      </c>
      <c r="DH8" s="282">
        <v>0</v>
      </c>
      <c r="DI8" s="276">
        <v>0</v>
      </c>
      <c r="DJ8" s="280">
        <v>0</v>
      </c>
      <c r="DK8" s="277">
        <v>0</v>
      </c>
      <c r="DL8" s="279">
        <v>0</v>
      </c>
      <c r="DM8" s="280">
        <v>0</v>
      </c>
      <c r="DN8" s="280">
        <v>0</v>
      </c>
      <c r="DO8" s="280">
        <v>0</v>
      </c>
      <c r="DP8" s="280">
        <v>0</v>
      </c>
      <c r="DQ8" s="280">
        <v>0</v>
      </c>
      <c r="DR8" s="277">
        <v>0</v>
      </c>
      <c r="DS8" s="282">
        <v>0</v>
      </c>
      <c r="DT8" s="276">
        <v>94</v>
      </c>
      <c r="DU8" s="280">
        <v>161</v>
      </c>
      <c r="DV8" s="277">
        <v>255</v>
      </c>
      <c r="DW8" s="279">
        <v>0</v>
      </c>
      <c r="DX8" s="280">
        <v>349</v>
      </c>
      <c r="DY8" s="280">
        <v>382</v>
      </c>
      <c r="DZ8" s="280">
        <v>278</v>
      </c>
      <c r="EA8" s="280">
        <v>218</v>
      </c>
      <c r="EB8" s="280">
        <v>124</v>
      </c>
      <c r="EC8" s="277">
        <v>1351</v>
      </c>
      <c r="ED8" s="282">
        <v>1606</v>
      </c>
      <c r="EE8" s="276">
        <v>35</v>
      </c>
      <c r="EF8" s="280">
        <v>20</v>
      </c>
      <c r="EG8" s="277">
        <v>55</v>
      </c>
      <c r="EH8" s="279">
        <v>0</v>
      </c>
      <c r="EI8" s="280">
        <v>109</v>
      </c>
      <c r="EJ8" s="280">
        <v>90</v>
      </c>
      <c r="EK8" s="280">
        <v>91</v>
      </c>
      <c r="EL8" s="280">
        <v>106</v>
      </c>
      <c r="EM8" s="280">
        <v>64</v>
      </c>
      <c r="EN8" s="277">
        <v>460</v>
      </c>
      <c r="EO8" s="282">
        <v>515</v>
      </c>
      <c r="EP8" s="276">
        <v>129</v>
      </c>
      <c r="EQ8" s="280">
        <v>211</v>
      </c>
      <c r="ER8" s="277">
        <v>340</v>
      </c>
      <c r="ES8" s="279">
        <v>0</v>
      </c>
      <c r="ET8" s="280">
        <v>749</v>
      </c>
      <c r="EU8" s="280">
        <v>536</v>
      </c>
      <c r="EV8" s="280">
        <v>320</v>
      </c>
      <c r="EW8" s="280">
        <v>245</v>
      </c>
      <c r="EX8" s="280">
        <v>137</v>
      </c>
      <c r="EY8" s="277">
        <v>1987</v>
      </c>
      <c r="EZ8" s="282">
        <v>2327</v>
      </c>
    </row>
    <row r="9" spans="2:156" ht="21" customHeight="1" x14ac:dyDescent="0.2">
      <c r="B9" s="261" t="s">
        <v>14</v>
      </c>
      <c r="C9" s="276">
        <v>0</v>
      </c>
      <c r="D9" s="280">
        <v>0</v>
      </c>
      <c r="E9" s="384">
        <v>0</v>
      </c>
      <c r="F9" s="279">
        <v>0</v>
      </c>
      <c r="G9" s="280">
        <v>53</v>
      </c>
      <c r="H9" s="280">
        <v>71</v>
      </c>
      <c r="I9" s="280">
        <v>47</v>
      </c>
      <c r="J9" s="280">
        <v>32</v>
      </c>
      <c r="K9" s="280">
        <v>29</v>
      </c>
      <c r="L9" s="281">
        <v>232</v>
      </c>
      <c r="M9" s="282">
        <v>232</v>
      </c>
      <c r="N9" s="276">
        <v>0</v>
      </c>
      <c r="O9" s="280">
        <v>0</v>
      </c>
      <c r="P9" s="277">
        <v>0</v>
      </c>
      <c r="Q9" s="279">
        <v>0</v>
      </c>
      <c r="R9" s="280">
        <v>0</v>
      </c>
      <c r="S9" s="280">
        <v>2</v>
      </c>
      <c r="T9" s="280">
        <v>4</v>
      </c>
      <c r="U9" s="280">
        <v>8</v>
      </c>
      <c r="V9" s="280">
        <v>15</v>
      </c>
      <c r="W9" s="277">
        <v>29</v>
      </c>
      <c r="X9" s="282">
        <v>29</v>
      </c>
      <c r="Y9" s="276">
        <v>5</v>
      </c>
      <c r="Z9" s="280">
        <v>31</v>
      </c>
      <c r="AA9" s="277">
        <v>36</v>
      </c>
      <c r="AB9" s="279">
        <v>0</v>
      </c>
      <c r="AC9" s="280">
        <v>30</v>
      </c>
      <c r="AD9" s="280">
        <v>66</v>
      </c>
      <c r="AE9" s="280">
        <v>38</v>
      </c>
      <c r="AF9" s="280">
        <v>46</v>
      </c>
      <c r="AG9" s="280">
        <v>31</v>
      </c>
      <c r="AH9" s="277">
        <v>211</v>
      </c>
      <c r="AI9" s="282">
        <v>247</v>
      </c>
      <c r="AJ9" s="276">
        <v>0</v>
      </c>
      <c r="AK9" s="280">
        <v>3</v>
      </c>
      <c r="AL9" s="277">
        <v>3</v>
      </c>
      <c r="AM9" s="279">
        <v>0</v>
      </c>
      <c r="AN9" s="280">
        <v>2</v>
      </c>
      <c r="AO9" s="280">
        <v>4</v>
      </c>
      <c r="AP9" s="280">
        <v>5</v>
      </c>
      <c r="AQ9" s="280">
        <v>4</v>
      </c>
      <c r="AR9" s="280">
        <v>1</v>
      </c>
      <c r="AS9" s="277">
        <v>16</v>
      </c>
      <c r="AT9" s="282">
        <v>19</v>
      </c>
      <c r="AU9" s="276">
        <v>13</v>
      </c>
      <c r="AV9" s="280">
        <v>17</v>
      </c>
      <c r="AW9" s="277">
        <v>30</v>
      </c>
      <c r="AX9" s="279">
        <v>0</v>
      </c>
      <c r="AY9" s="280">
        <v>74</v>
      </c>
      <c r="AZ9" s="280">
        <v>85</v>
      </c>
      <c r="BA9" s="280">
        <v>80</v>
      </c>
      <c r="BB9" s="280">
        <v>80</v>
      </c>
      <c r="BC9" s="280">
        <v>70</v>
      </c>
      <c r="BD9" s="281">
        <v>389</v>
      </c>
      <c r="BE9" s="282">
        <v>419</v>
      </c>
      <c r="BF9" s="276">
        <v>0</v>
      </c>
      <c r="BG9" s="280">
        <v>0</v>
      </c>
      <c r="BH9" s="277">
        <v>0</v>
      </c>
      <c r="BI9" s="279">
        <v>0</v>
      </c>
      <c r="BJ9" s="280">
        <v>86</v>
      </c>
      <c r="BK9" s="280">
        <v>84</v>
      </c>
      <c r="BL9" s="280">
        <v>53</v>
      </c>
      <c r="BM9" s="280">
        <v>34</v>
      </c>
      <c r="BN9" s="280">
        <v>17</v>
      </c>
      <c r="BO9" s="277">
        <v>274</v>
      </c>
      <c r="BP9" s="282">
        <v>274</v>
      </c>
      <c r="BQ9" s="276">
        <v>4</v>
      </c>
      <c r="BR9" s="280">
        <v>7</v>
      </c>
      <c r="BS9" s="277">
        <v>11</v>
      </c>
      <c r="BT9" s="279">
        <v>0</v>
      </c>
      <c r="BU9" s="280">
        <v>11</v>
      </c>
      <c r="BV9" s="280">
        <v>20</v>
      </c>
      <c r="BW9" s="280">
        <v>11</v>
      </c>
      <c r="BX9" s="280">
        <v>8</v>
      </c>
      <c r="BY9" s="280">
        <v>3</v>
      </c>
      <c r="BZ9" s="277">
        <v>53</v>
      </c>
      <c r="CA9" s="282">
        <v>64</v>
      </c>
      <c r="CB9" s="276">
        <v>0</v>
      </c>
      <c r="CC9" s="280">
        <v>1</v>
      </c>
      <c r="CD9" s="277">
        <v>1</v>
      </c>
      <c r="CE9" s="279">
        <v>0</v>
      </c>
      <c r="CF9" s="280">
        <v>11</v>
      </c>
      <c r="CG9" s="280">
        <v>14</v>
      </c>
      <c r="CH9" s="280">
        <v>18</v>
      </c>
      <c r="CI9" s="280">
        <v>23</v>
      </c>
      <c r="CJ9" s="280">
        <v>12</v>
      </c>
      <c r="CK9" s="277">
        <v>78</v>
      </c>
      <c r="CL9" s="282">
        <v>79</v>
      </c>
      <c r="CM9" s="276">
        <v>0</v>
      </c>
      <c r="CN9" s="280">
        <v>0</v>
      </c>
      <c r="CO9" s="277">
        <v>0</v>
      </c>
      <c r="CP9" s="279">
        <v>0</v>
      </c>
      <c r="CQ9" s="280">
        <v>0</v>
      </c>
      <c r="CR9" s="280">
        <v>1</v>
      </c>
      <c r="CS9" s="280">
        <v>1</v>
      </c>
      <c r="CT9" s="280">
        <v>0</v>
      </c>
      <c r="CU9" s="280">
        <v>0</v>
      </c>
      <c r="CV9" s="277">
        <v>2</v>
      </c>
      <c r="CW9" s="282">
        <v>2</v>
      </c>
      <c r="CX9" s="276">
        <v>0</v>
      </c>
      <c r="CY9" s="280">
        <v>0</v>
      </c>
      <c r="CZ9" s="277">
        <v>0</v>
      </c>
      <c r="DA9" s="279">
        <v>0</v>
      </c>
      <c r="DB9" s="280">
        <v>0</v>
      </c>
      <c r="DC9" s="280">
        <v>0</v>
      </c>
      <c r="DD9" s="280">
        <v>0</v>
      </c>
      <c r="DE9" s="280">
        <v>0</v>
      </c>
      <c r="DF9" s="280">
        <v>0</v>
      </c>
      <c r="DG9" s="277">
        <v>0</v>
      </c>
      <c r="DH9" s="282">
        <v>0</v>
      </c>
      <c r="DI9" s="276">
        <v>0</v>
      </c>
      <c r="DJ9" s="280">
        <v>0</v>
      </c>
      <c r="DK9" s="277">
        <v>0</v>
      </c>
      <c r="DL9" s="279">
        <v>0</v>
      </c>
      <c r="DM9" s="280">
        <v>0</v>
      </c>
      <c r="DN9" s="280">
        <v>0</v>
      </c>
      <c r="DO9" s="280">
        <v>0</v>
      </c>
      <c r="DP9" s="280">
        <v>0</v>
      </c>
      <c r="DQ9" s="280">
        <v>0</v>
      </c>
      <c r="DR9" s="277">
        <v>0</v>
      </c>
      <c r="DS9" s="282">
        <v>0</v>
      </c>
      <c r="DT9" s="276">
        <v>28</v>
      </c>
      <c r="DU9" s="280">
        <v>95</v>
      </c>
      <c r="DV9" s="277">
        <v>123</v>
      </c>
      <c r="DW9" s="279">
        <v>0</v>
      </c>
      <c r="DX9" s="280">
        <v>76</v>
      </c>
      <c r="DY9" s="280">
        <v>187</v>
      </c>
      <c r="DZ9" s="280">
        <v>111</v>
      </c>
      <c r="EA9" s="280">
        <v>94</v>
      </c>
      <c r="EB9" s="280">
        <v>58</v>
      </c>
      <c r="EC9" s="277">
        <v>526</v>
      </c>
      <c r="ED9" s="282">
        <v>649</v>
      </c>
      <c r="EE9" s="276">
        <v>12</v>
      </c>
      <c r="EF9" s="280">
        <v>7</v>
      </c>
      <c r="EG9" s="277">
        <v>19</v>
      </c>
      <c r="EH9" s="279">
        <v>0</v>
      </c>
      <c r="EI9" s="280">
        <v>34</v>
      </c>
      <c r="EJ9" s="280">
        <v>31</v>
      </c>
      <c r="EK9" s="280">
        <v>28</v>
      </c>
      <c r="EL9" s="280">
        <v>27</v>
      </c>
      <c r="EM9" s="280">
        <v>18</v>
      </c>
      <c r="EN9" s="277">
        <v>138</v>
      </c>
      <c r="EO9" s="282">
        <v>157</v>
      </c>
      <c r="EP9" s="276">
        <v>35</v>
      </c>
      <c r="EQ9" s="280">
        <v>117</v>
      </c>
      <c r="ER9" s="277">
        <v>152</v>
      </c>
      <c r="ES9" s="279">
        <v>0</v>
      </c>
      <c r="ET9" s="280">
        <v>203</v>
      </c>
      <c r="EU9" s="280">
        <v>254</v>
      </c>
      <c r="EV9" s="280">
        <v>138</v>
      </c>
      <c r="EW9" s="280">
        <v>102</v>
      </c>
      <c r="EX9" s="280">
        <v>67</v>
      </c>
      <c r="EY9" s="277">
        <v>764</v>
      </c>
      <c r="EZ9" s="282">
        <v>916</v>
      </c>
    </row>
    <row r="10" spans="2:156" ht="21" customHeight="1" x14ac:dyDescent="0.2">
      <c r="B10" s="261" t="s">
        <v>7</v>
      </c>
      <c r="C10" s="276">
        <v>0</v>
      </c>
      <c r="D10" s="280">
        <v>0</v>
      </c>
      <c r="E10" s="384">
        <v>0</v>
      </c>
      <c r="F10" s="279">
        <v>0</v>
      </c>
      <c r="G10" s="280">
        <v>58</v>
      </c>
      <c r="H10" s="280">
        <v>40</v>
      </c>
      <c r="I10" s="280">
        <v>20</v>
      </c>
      <c r="J10" s="280">
        <v>10</v>
      </c>
      <c r="K10" s="280">
        <v>17</v>
      </c>
      <c r="L10" s="281">
        <v>145</v>
      </c>
      <c r="M10" s="282">
        <v>145</v>
      </c>
      <c r="N10" s="276">
        <v>0</v>
      </c>
      <c r="O10" s="280">
        <v>0</v>
      </c>
      <c r="P10" s="277">
        <v>0</v>
      </c>
      <c r="Q10" s="279">
        <v>0</v>
      </c>
      <c r="R10" s="280">
        <v>1</v>
      </c>
      <c r="S10" s="280">
        <v>5</v>
      </c>
      <c r="T10" s="280">
        <v>3</v>
      </c>
      <c r="U10" s="280">
        <v>0</v>
      </c>
      <c r="V10" s="280">
        <v>9</v>
      </c>
      <c r="W10" s="277">
        <v>18</v>
      </c>
      <c r="X10" s="282">
        <v>18</v>
      </c>
      <c r="Y10" s="276">
        <v>0</v>
      </c>
      <c r="Z10" s="280">
        <v>0</v>
      </c>
      <c r="AA10" s="277">
        <v>0</v>
      </c>
      <c r="AB10" s="279">
        <v>0</v>
      </c>
      <c r="AC10" s="280">
        <v>33</v>
      </c>
      <c r="AD10" s="280">
        <v>27</v>
      </c>
      <c r="AE10" s="280">
        <v>21</v>
      </c>
      <c r="AF10" s="280">
        <v>11</v>
      </c>
      <c r="AG10" s="280">
        <v>14</v>
      </c>
      <c r="AH10" s="277">
        <v>106</v>
      </c>
      <c r="AI10" s="282">
        <v>106</v>
      </c>
      <c r="AJ10" s="276">
        <v>1</v>
      </c>
      <c r="AK10" s="280">
        <v>0</v>
      </c>
      <c r="AL10" s="277">
        <v>1</v>
      </c>
      <c r="AM10" s="279">
        <v>0</v>
      </c>
      <c r="AN10" s="280">
        <v>6</v>
      </c>
      <c r="AO10" s="280">
        <v>5</v>
      </c>
      <c r="AP10" s="280">
        <v>4</v>
      </c>
      <c r="AQ10" s="280">
        <v>2</v>
      </c>
      <c r="AR10" s="280">
        <v>1</v>
      </c>
      <c r="AS10" s="277">
        <v>18</v>
      </c>
      <c r="AT10" s="282">
        <v>19</v>
      </c>
      <c r="AU10" s="276">
        <v>11</v>
      </c>
      <c r="AV10" s="280">
        <v>3</v>
      </c>
      <c r="AW10" s="277">
        <v>14</v>
      </c>
      <c r="AX10" s="279">
        <v>0</v>
      </c>
      <c r="AY10" s="280">
        <v>63</v>
      </c>
      <c r="AZ10" s="280">
        <v>51</v>
      </c>
      <c r="BA10" s="280">
        <v>51</v>
      </c>
      <c r="BB10" s="280">
        <v>37</v>
      </c>
      <c r="BC10" s="280">
        <v>31</v>
      </c>
      <c r="BD10" s="281">
        <v>233</v>
      </c>
      <c r="BE10" s="282">
        <v>247</v>
      </c>
      <c r="BF10" s="276">
        <v>0</v>
      </c>
      <c r="BG10" s="280">
        <v>0</v>
      </c>
      <c r="BH10" s="277">
        <v>0</v>
      </c>
      <c r="BI10" s="279">
        <v>0</v>
      </c>
      <c r="BJ10" s="280">
        <v>75</v>
      </c>
      <c r="BK10" s="280">
        <v>37</v>
      </c>
      <c r="BL10" s="280">
        <v>22</v>
      </c>
      <c r="BM10" s="280">
        <v>8</v>
      </c>
      <c r="BN10" s="280">
        <v>6</v>
      </c>
      <c r="BO10" s="277">
        <v>148</v>
      </c>
      <c r="BP10" s="282">
        <v>148</v>
      </c>
      <c r="BQ10" s="276">
        <v>2</v>
      </c>
      <c r="BR10" s="280">
        <v>2</v>
      </c>
      <c r="BS10" s="277">
        <v>4</v>
      </c>
      <c r="BT10" s="279">
        <v>0</v>
      </c>
      <c r="BU10" s="280">
        <v>23</v>
      </c>
      <c r="BV10" s="280">
        <v>8</v>
      </c>
      <c r="BW10" s="280">
        <v>8</v>
      </c>
      <c r="BX10" s="280">
        <v>1</v>
      </c>
      <c r="BY10" s="280">
        <v>2</v>
      </c>
      <c r="BZ10" s="277">
        <v>42</v>
      </c>
      <c r="CA10" s="282">
        <v>46</v>
      </c>
      <c r="CB10" s="276">
        <v>0</v>
      </c>
      <c r="CC10" s="280">
        <v>0</v>
      </c>
      <c r="CD10" s="277">
        <v>0</v>
      </c>
      <c r="CE10" s="279">
        <v>0</v>
      </c>
      <c r="CF10" s="280">
        <v>10</v>
      </c>
      <c r="CG10" s="280">
        <v>7</v>
      </c>
      <c r="CH10" s="280">
        <v>8</v>
      </c>
      <c r="CI10" s="280">
        <v>6</v>
      </c>
      <c r="CJ10" s="280">
        <v>4</v>
      </c>
      <c r="CK10" s="277">
        <v>35</v>
      </c>
      <c r="CL10" s="282">
        <v>35</v>
      </c>
      <c r="CM10" s="276">
        <v>0</v>
      </c>
      <c r="CN10" s="280">
        <v>0</v>
      </c>
      <c r="CO10" s="277">
        <v>0</v>
      </c>
      <c r="CP10" s="279">
        <v>0</v>
      </c>
      <c r="CQ10" s="280">
        <v>0</v>
      </c>
      <c r="CR10" s="280">
        <v>0</v>
      </c>
      <c r="CS10" s="280">
        <v>0</v>
      </c>
      <c r="CT10" s="280">
        <v>0</v>
      </c>
      <c r="CU10" s="280">
        <v>1</v>
      </c>
      <c r="CV10" s="277">
        <v>1</v>
      </c>
      <c r="CW10" s="282">
        <v>1</v>
      </c>
      <c r="CX10" s="276">
        <v>0</v>
      </c>
      <c r="CY10" s="280">
        <v>0</v>
      </c>
      <c r="CZ10" s="277">
        <v>0</v>
      </c>
      <c r="DA10" s="279">
        <v>0</v>
      </c>
      <c r="DB10" s="280">
        <v>0</v>
      </c>
      <c r="DC10" s="280">
        <v>0</v>
      </c>
      <c r="DD10" s="280">
        <v>0</v>
      </c>
      <c r="DE10" s="280">
        <v>0</v>
      </c>
      <c r="DF10" s="280">
        <v>0</v>
      </c>
      <c r="DG10" s="277">
        <v>0</v>
      </c>
      <c r="DH10" s="282">
        <v>0</v>
      </c>
      <c r="DI10" s="276">
        <v>0</v>
      </c>
      <c r="DJ10" s="280">
        <v>0</v>
      </c>
      <c r="DK10" s="277">
        <v>0</v>
      </c>
      <c r="DL10" s="279">
        <v>0</v>
      </c>
      <c r="DM10" s="280">
        <v>0</v>
      </c>
      <c r="DN10" s="280">
        <v>0</v>
      </c>
      <c r="DO10" s="280">
        <v>0</v>
      </c>
      <c r="DP10" s="280">
        <v>0</v>
      </c>
      <c r="DQ10" s="280">
        <v>0</v>
      </c>
      <c r="DR10" s="277">
        <v>0</v>
      </c>
      <c r="DS10" s="282">
        <v>0</v>
      </c>
      <c r="DT10" s="276">
        <v>19</v>
      </c>
      <c r="DU10" s="280">
        <v>21</v>
      </c>
      <c r="DV10" s="277">
        <v>40</v>
      </c>
      <c r="DW10" s="279">
        <v>0</v>
      </c>
      <c r="DX10" s="280">
        <v>80</v>
      </c>
      <c r="DY10" s="280">
        <v>93</v>
      </c>
      <c r="DZ10" s="280">
        <v>61</v>
      </c>
      <c r="EA10" s="280">
        <v>23</v>
      </c>
      <c r="EB10" s="280">
        <v>27</v>
      </c>
      <c r="EC10" s="277">
        <v>284</v>
      </c>
      <c r="ED10" s="282">
        <v>324</v>
      </c>
      <c r="EE10" s="276">
        <v>8</v>
      </c>
      <c r="EF10" s="280">
        <v>4</v>
      </c>
      <c r="EG10" s="277">
        <v>12</v>
      </c>
      <c r="EH10" s="279">
        <v>0</v>
      </c>
      <c r="EI10" s="280">
        <v>28</v>
      </c>
      <c r="EJ10" s="280">
        <v>21</v>
      </c>
      <c r="EK10" s="280">
        <v>22</v>
      </c>
      <c r="EL10" s="280">
        <v>22</v>
      </c>
      <c r="EM10" s="280">
        <v>11</v>
      </c>
      <c r="EN10" s="277">
        <v>104</v>
      </c>
      <c r="EO10" s="282">
        <v>116</v>
      </c>
      <c r="EP10" s="276">
        <v>21</v>
      </c>
      <c r="EQ10" s="280">
        <v>22</v>
      </c>
      <c r="ER10" s="277">
        <v>43</v>
      </c>
      <c r="ES10" s="279">
        <v>0</v>
      </c>
      <c r="ET10" s="280">
        <v>192</v>
      </c>
      <c r="EU10" s="280">
        <v>125</v>
      </c>
      <c r="EV10" s="280">
        <v>72</v>
      </c>
      <c r="EW10" s="280">
        <v>28</v>
      </c>
      <c r="EX10" s="280">
        <v>31</v>
      </c>
      <c r="EY10" s="277">
        <v>448</v>
      </c>
      <c r="EZ10" s="282">
        <v>491</v>
      </c>
    </row>
    <row r="11" spans="2:156" ht="21" customHeight="1" x14ac:dyDescent="0.2">
      <c r="B11" s="261" t="s">
        <v>8</v>
      </c>
      <c r="C11" s="276">
        <v>0</v>
      </c>
      <c r="D11" s="280">
        <v>0</v>
      </c>
      <c r="E11" s="384">
        <v>0</v>
      </c>
      <c r="F11" s="279">
        <v>0</v>
      </c>
      <c r="G11" s="280">
        <v>26</v>
      </c>
      <c r="H11" s="280">
        <v>24</v>
      </c>
      <c r="I11" s="280">
        <v>10</v>
      </c>
      <c r="J11" s="280">
        <v>9</v>
      </c>
      <c r="K11" s="280">
        <v>8</v>
      </c>
      <c r="L11" s="281">
        <v>77</v>
      </c>
      <c r="M11" s="282">
        <v>77</v>
      </c>
      <c r="N11" s="276">
        <v>0</v>
      </c>
      <c r="O11" s="280">
        <v>0</v>
      </c>
      <c r="P11" s="277">
        <v>0</v>
      </c>
      <c r="Q11" s="279">
        <v>0</v>
      </c>
      <c r="R11" s="280">
        <v>0</v>
      </c>
      <c r="S11" s="280">
        <v>1</v>
      </c>
      <c r="T11" s="280">
        <v>1</v>
      </c>
      <c r="U11" s="280">
        <v>6</v>
      </c>
      <c r="V11" s="280">
        <v>3</v>
      </c>
      <c r="W11" s="277">
        <v>11</v>
      </c>
      <c r="X11" s="282">
        <v>11</v>
      </c>
      <c r="Y11" s="276">
        <v>5</v>
      </c>
      <c r="Z11" s="280">
        <v>2</v>
      </c>
      <c r="AA11" s="277">
        <v>7</v>
      </c>
      <c r="AB11" s="279">
        <v>0</v>
      </c>
      <c r="AC11" s="280">
        <v>18</v>
      </c>
      <c r="AD11" s="280">
        <v>17</v>
      </c>
      <c r="AE11" s="280">
        <v>8</v>
      </c>
      <c r="AF11" s="280">
        <v>15</v>
      </c>
      <c r="AG11" s="280">
        <v>5</v>
      </c>
      <c r="AH11" s="277">
        <v>63</v>
      </c>
      <c r="AI11" s="282">
        <v>70</v>
      </c>
      <c r="AJ11" s="276">
        <v>1</v>
      </c>
      <c r="AK11" s="280">
        <v>1</v>
      </c>
      <c r="AL11" s="277">
        <v>2</v>
      </c>
      <c r="AM11" s="279">
        <v>0</v>
      </c>
      <c r="AN11" s="280">
        <v>2</v>
      </c>
      <c r="AO11" s="280">
        <v>4</v>
      </c>
      <c r="AP11" s="280">
        <v>2</v>
      </c>
      <c r="AQ11" s="280">
        <v>8</v>
      </c>
      <c r="AR11" s="280">
        <v>2</v>
      </c>
      <c r="AS11" s="277">
        <v>18</v>
      </c>
      <c r="AT11" s="282">
        <v>20</v>
      </c>
      <c r="AU11" s="276">
        <v>6</v>
      </c>
      <c r="AV11" s="280">
        <v>4</v>
      </c>
      <c r="AW11" s="277">
        <v>10</v>
      </c>
      <c r="AX11" s="279">
        <v>0</v>
      </c>
      <c r="AY11" s="280">
        <v>13</v>
      </c>
      <c r="AZ11" s="280">
        <v>22</v>
      </c>
      <c r="BA11" s="280">
        <v>9</v>
      </c>
      <c r="BB11" s="280">
        <v>31</v>
      </c>
      <c r="BC11" s="280">
        <v>18</v>
      </c>
      <c r="BD11" s="281">
        <v>93</v>
      </c>
      <c r="BE11" s="282">
        <v>103</v>
      </c>
      <c r="BF11" s="276">
        <v>0</v>
      </c>
      <c r="BG11" s="280">
        <v>0</v>
      </c>
      <c r="BH11" s="277">
        <v>0</v>
      </c>
      <c r="BI11" s="279">
        <v>0</v>
      </c>
      <c r="BJ11" s="280">
        <v>32</v>
      </c>
      <c r="BK11" s="280">
        <v>25</v>
      </c>
      <c r="BL11" s="280">
        <v>6</v>
      </c>
      <c r="BM11" s="280">
        <v>10</v>
      </c>
      <c r="BN11" s="280">
        <v>3</v>
      </c>
      <c r="BO11" s="277">
        <v>76</v>
      </c>
      <c r="BP11" s="282">
        <v>76</v>
      </c>
      <c r="BQ11" s="276">
        <v>1</v>
      </c>
      <c r="BR11" s="280">
        <v>4</v>
      </c>
      <c r="BS11" s="277">
        <v>5</v>
      </c>
      <c r="BT11" s="279">
        <v>0</v>
      </c>
      <c r="BU11" s="280">
        <v>11</v>
      </c>
      <c r="BV11" s="280">
        <v>12</v>
      </c>
      <c r="BW11" s="280">
        <v>6</v>
      </c>
      <c r="BX11" s="280">
        <v>4</v>
      </c>
      <c r="BY11" s="280">
        <v>2</v>
      </c>
      <c r="BZ11" s="277">
        <v>35</v>
      </c>
      <c r="CA11" s="282">
        <v>40</v>
      </c>
      <c r="CB11" s="276">
        <v>0</v>
      </c>
      <c r="CC11" s="280">
        <v>0</v>
      </c>
      <c r="CD11" s="277">
        <v>0</v>
      </c>
      <c r="CE11" s="279">
        <v>0</v>
      </c>
      <c r="CF11" s="280">
        <v>4</v>
      </c>
      <c r="CG11" s="280">
        <v>9</v>
      </c>
      <c r="CH11" s="280">
        <v>8</v>
      </c>
      <c r="CI11" s="280">
        <v>5</v>
      </c>
      <c r="CJ11" s="280">
        <v>1</v>
      </c>
      <c r="CK11" s="277">
        <v>27</v>
      </c>
      <c r="CL11" s="282">
        <v>27</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c r="DI11" s="276">
        <v>0</v>
      </c>
      <c r="DJ11" s="280">
        <v>0</v>
      </c>
      <c r="DK11" s="277">
        <v>0</v>
      </c>
      <c r="DL11" s="279">
        <v>0</v>
      </c>
      <c r="DM11" s="280">
        <v>0</v>
      </c>
      <c r="DN11" s="280">
        <v>0</v>
      </c>
      <c r="DO11" s="280">
        <v>0</v>
      </c>
      <c r="DP11" s="280">
        <v>0</v>
      </c>
      <c r="DQ11" s="280">
        <v>0</v>
      </c>
      <c r="DR11" s="277">
        <v>0</v>
      </c>
      <c r="DS11" s="282">
        <v>0</v>
      </c>
      <c r="DT11" s="276">
        <v>12</v>
      </c>
      <c r="DU11" s="280">
        <v>14</v>
      </c>
      <c r="DV11" s="277">
        <v>26</v>
      </c>
      <c r="DW11" s="279">
        <v>0</v>
      </c>
      <c r="DX11" s="280">
        <v>41</v>
      </c>
      <c r="DY11" s="280">
        <v>60</v>
      </c>
      <c r="DZ11" s="280">
        <v>29</v>
      </c>
      <c r="EA11" s="280">
        <v>34</v>
      </c>
      <c r="EB11" s="280">
        <v>14</v>
      </c>
      <c r="EC11" s="277">
        <v>178</v>
      </c>
      <c r="ED11" s="282">
        <v>204</v>
      </c>
      <c r="EE11" s="276">
        <v>7</v>
      </c>
      <c r="EF11" s="280">
        <v>2</v>
      </c>
      <c r="EG11" s="277">
        <v>9</v>
      </c>
      <c r="EH11" s="279">
        <v>0</v>
      </c>
      <c r="EI11" s="280">
        <v>9</v>
      </c>
      <c r="EJ11" s="280">
        <v>10</v>
      </c>
      <c r="EK11" s="280">
        <v>6</v>
      </c>
      <c r="EL11" s="280">
        <v>10</v>
      </c>
      <c r="EM11" s="280">
        <v>10</v>
      </c>
      <c r="EN11" s="277">
        <v>45</v>
      </c>
      <c r="EO11" s="282">
        <v>54</v>
      </c>
      <c r="EP11" s="276">
        <v>18</v>
      </c>
      <c r="EQ11" s="280">
        <v>18</v>
      </c>
      <c r="ER11" s="277">
        <v>36</v>
      </c>
      <c r="ES11" s="279">
        <v>0</v>
      </c>
      <c r="ET11" s="280">
        <v>103</v>
      </c>
      <c r="EU11" s="280">
        <v>83</v>
      </c>
      <c r="EV11" s="280">
        <v>34</v>
      </c>
      <c r="EW11" s="280">
        <v>33</v>
      </c>
      <c r="EX11" s="280">
        <v>13</v>
      </c>
      <c r="EY11" s="277">
        <v>266</v>
      </c>
      <c r="EZ11" s="282">
        <v>302</v>
      </c>
    </row>
    <row r="12" spans="2:156" ht="21" customHeight="1" x14ac:dyDescent="0.2">
      <c r="B12" s="261" t="s">
        <v>9</v>
      </c>
      <c r="C12" s="276">
        <v>0</v>
      </c>
      <c r="D12" s="280">
        <v>0</v>
      </c>
      <c r="E12" s="384">
        <v>0</v>
      </c>
      <c r="F12" s="279">
        <v>0</v>
      </c>
      <c r="G12" s="280">
        <v>63</v>
      </c>
      <c r="H12" s="280">
        <v>48</v>
      </c>
      <c r="I12" s="280">
        <v>35</v>
      </c>
      <c r="J12" s="280">
        <v>36</v>
      </c>
      <c r="K12" s="280">
        <v>31</v>
      </c>
      <c r="L12" s="281">
        <v>213</v>
      </c>
      <c r="M12" s="282">
        <v>213</v>
      </c>
      <c r="N12" s="276">
        <v>0</v>
      </c>
      <c r="O12" s="280">
        <v>0</v>
      </c>
      <c r="P12" s="277">
        <v>0</v>
      </c>
      <c r="Q12" s="279">
        <v>0</v>
      </c>
      <c r="R12" s="280">
        <v>2</v>
      </c>
      <c r="S12" s="280">
        <v>2</v>
      </c>
      <c r="T12" s="280">
        <v>0</v>
      </c>
      <c r="U12" s="280">
        <v>9</v>
      </c>
      <c r="V12" s="280">
        <v>18</v>
      </c>
      <c r="W12" s="277">
        <v>31</v>
      </c>
      <c r="X12" s="282">
        <v>31</v>
      </c>
      <c r="Y12" s="276">
        <v>6</v>
      </c>
      <c r="Z12" s="280">
        <v>11</v>
      </c>
      <c r="AA12" s="277">
        <v>17</v>
      </c>
      <c r="AB12" s="279">
        <v>0</v>
      </c>
      <c r="AC12" s="280">
        <v>60</v>
      </c>
      <c r="AD12" s="280">
        <v>33</v>
      </c>
      <c r="AE12" s="280">
        <v>22</v>
      </c>
      <c r="AF12" s="280">
        <v>25</v>
      </c>
      <c r="AG12" s="280">
        <v>17</v>
      </c>
      <c r="AH12" s="277">
        <v>157</v>
      </c>
      <c r="AI12" s="282">
        <v>174</v>
      </c>
      <c r="AJ12" s="276">
        <v>0</v>
      </c>
      <c r="AK12" s="280">
        <v>2</v>
      </c>
      <c r="AL12" s="277">
        <v>2</v>
      </c>
      <c r="AM12" s="279">
        <v>0</v>
      </c>
      <c r="AN12" s="280">
        <v>7</v>
      </c>
      <c r="AO12" s="280">
        <v>8</v>
      </c>
      <c r="AP12" s="280">
        <v>4</v>
      </c>
      <c r="AQ12" s="280">
        <v>12</v>
      </c>
      <c r="AR12" s="280">
        <v>5</v>
      </c>
      <c r="AS12" s="277">
        <v>36</v>
      </c>
      <c r="AT12" s="282">
        <v>38</v>
      </c>
      <c r="AU12" s="276">
        <v>14</v>
      </c>
      <c r="AV12" s="280">
        <v>5</v>
      </c>
      <c r="AW12" s="277">
        <v>19</v>
      </c>
      <c r="AX12" s="279">
        <v>0</v>
      </c>
      <c r="AY12" s="280">
        <v>68</v>
      </c>
      <c r="AZ12" s="280">
        <v>65</v>
      </c>
      <c r="BA12" s="280">
        <v>58</v>
      </c>
      <c r="BB12" s="280">
        <v>64</v>
      </c>
      <c r="BC12" s="280">
        <v>44</v>
      </c>
      <c r="BD12" s="281">
        <v>299</v>
      </c>
      <c r="BE12" s="282">
        <v>318</v>
      </c>
      <c r="BF12" s="276">
        <v>0</v>
      </c>
      <c r="BG12" s="280">
        <v>0</v>
      </c>
      <c r="BH12" s="277">
        <v>0</v>
      </c>
      <c r="BI12" s="279">
        <v>0</v>
      </c>
      <c r="BJ12" s="280">
        <v>54</v>
      </c>
      <c r="BK12" s="280">
        <v>33</v>
      </c>
      <c r="BL12" s="280">
        <v>26</v>
      </c>
      <c r="BM12" s="280">
        <v>13</v>
      </c>
      <c r="BN12" s="280">
        <v>4</v>
      </c>
      <c r="BO12" s="277">
        <v>130</v>
      </c>
      <c r="BP12" s="282">
        <v>130</v>
      </c>
      <c r="BQ12" s="276">
        <v>2</v>
      </c>
      <c r="BR12" s="280">
        <v>7</v>
      </c>
      <c r="BS12" s="277">
        <v>9</v>
      </c>
      <c r="BT12" s="279">
        <v>0</v>
      </c>
      <c r="BU12" s="280">
        <v>12</v>
      </c>
      <c r="BV12" s="280">
        <v>13</v>
      </c>
      <c r="BW12" s="280">
        <v>9</v>
      </c>
      <c r="BX12" s="280">
        <v>9</v>
      </c>
      <c r="BY12" s="280">
        <v>0</v>
      </c>
      <c r="BZ12" s="277">
        <v>43</v>
      </c>
      <c r="CA12" s="282">
        <v>52</v>
      </c>
      <c r="CB12" s="276">
        <v>0</v>
      </c>
      <c r="CC12" s="280">
        <v>0</v>
      </c>
      <c r="CD12" s="277">
        <v>0</v>
      </c>
      <c r="CE12" s="279">
        <v>0</v>
      </c>
      <c r="CF12" s="280">
        <v>7</v>
      </c>
      <c r="CG12" s="280">
        <v>11</v>
      </c>
      <c r="CH12" s="280">
        <v>13</v>
      </c>
      <c r="CI12" s="280">
        <v>11</v>
      </c>
      <c r="CJ12" s="280">
        <v>5</v>
      </c>
      <c r="CK12" s="277">
        <v>47</v>
      </c>
      <c r="CL12" s="282">
        <v>47</v>
      </c>
      <c r="CM12" s="276">
        <v>0</v>
      </c>
      <c r="CN12" s="280">
        <v>0</v>
      </c>
      <c r="CO12" s="277">
        <v>0</v>
      </c>
      <c r="CP12" s="279">
        <v>0</v>
      </c>
      <c r="CQ12" s="280">
        <v>0</v>
      </c>
      <c r="CR12" s="280">
        <v>3</v>
      </c>
      <c r="CS12" s="280">
        <v>3</v>
      </c>
      <c r="CT12" s="280">
        <v>2</v>
      </c>
      <c r="CU12" s="280">
        <v>1</v>
      </c>
      <c r="CV12" s="277">
        <v>9</v>
      </c>
      <c r="CW12" s="282">
        <v>9</v>
      </c>
      <c r="CX12" s="276">
        <v>0</v>
      </c>
      <c r="CY12" s="280">
        <v>0</v>
      </c>
      <c r="CZ12" s="277">
        <v>0</v>
      </c>
      <c r="DA12" s="279">
        <v>0</v>
      </c>
      <c r="DB12" s="280">
        <v>0</v>
      </c>
      <c r="DC12" s="280">
        <v>0</v>
      </c>
      <c r="DD12" s="280">
        <v>0</v>
      </c>
      <c r="DE12" s="280">
        <v>0</v>
      </c>
      <c r="DF12" s="280">
        <v>0</v>
      </c>
      <c r="DG12" s="277">
        <v>0</v>
      </c>
      <c r="DH12" s="282">
        <v>0</v>
      </c>
      <c r="DI12" s="276">
        <v>0</v>
      </c>
      <c r="DJ12" s="280">
        <v>0</v>
      </c>
      <c r="DK12" s="277">
        <v>0</v>
      </c>
      <c r="DL12" s="279">
        <v>0</v>
      </c>
      <c r="DM12" s="280">
        <v>0</v>
      </c>
      <c r="DN12" s="280">
        <v>0</v>
      </c>
      <c r="DO12" s="280">
        <v>0</v>
      </c>
      <c r="DP12" s="280">
        <v>0</v>
      </c>
      <c r="DQ12" s="280">
        <v>0</v>
      </c>
      <c r="DR12" s="277">
        <v>0</v>
      </c>
      <c r="DS12" s="282">
        <v>0</v>
      </c>
      <c r="DT12" s="276">
        <v>28</v>
      </c>
      <c r="DU12" s="280">
        <v>37</v>
      </c>
      <c r="DV12" s="277">
        <v>65</v>
      </c>
      <c r="DW12" s="279">
        <v>0</v>
      </c>
      <c r="DX12" s="280">
        <v>100</v>
      </c>
      <c r="DY12" s="280">
        <v>99</v>
      </c>
      <c r="DZ12" s="280">
        <v>68</v>
      </c>
      <c r="EA12" s="280">
        <v>59</v>
      </c>
      <c r="EB12" s="280">
        <v>42</v>
      </c>
      <c r="EC12" s="277">
        <v>368</v>
      </c>
      <c r="ED12" s="282">
        <v>433</v>
      </c>
      <c r="EE12" s="276">
        <v>10</v>
      </c>
      <c r="EF12" s="280">
        <v>5</v>
      </c>
      <c r="EG12" s="277">
        <v>15</v>
      </c>
      <c r="EH12" s="279">
        <v>0</v>
      </c>
      <c r="EI12" s="280">
        <v>37</v>
      </c>
      <c r="EJ12" s="280">
        <v>24</v>
      </c>
      <c r="EK12" s="280">
        <v>15</v>
      </c>
      <c r="EL12" s="280">
        <v>27</v>
      </c>
      <c r="EM12" s="280">
        <v>14</v>
      </c>
      <c r="EN12" s="277">
        <v>117</v>
      </c>
      <c r="EO12" s="282">
        <v>132</v>
      </c>
      <c r="EP12" s="276">
        <v>34</v>
      </c>
      <c r="EQ12" s="280">
        <v>49</v>
      </c>
      <c r="ER12" s="277">
        <v>83</v>
      </c>
      <c r="ES12" s="279">
        <v>0</v>
      </c>
      <c r="ET12" s="280">
        <v>188</v>
      </c>
      <c r="EU12" s="280">
        <v>126</v>
      </c>
      <c r="EV12" s="280">
        <v>81</v>
      </c>
      <c r="EW12" s="280">
        <v>65</v>
      </c>
      <c r="EX12" s="280">
        <v>42</v>
      </c>
      <c r="EY12" s="277">
        <v>502</v>
      </c>
      <c r="EZ12" s="282">
        <v>585</v>
      </c>
    </row>
    <row r="13" spans="2:156" ht="21" customHeight="1" x14ac:dyDescent="0.2">
      <c r="B13" s="261" t="s">
        <v>10</v>
      </c>
      <c r="C13" s="276">
        <v>0</v>
      </c>
      <c r="D13" s="280">
        <v>0</v>
      </c>
      <c r="E13" s="384">
        <v>0</v>
      </c>
      <c r="F13" s="279">
        <v>0</v>
      </c>
      <c r="G13" s="280">
        <v>91</v>
      </c>
      <c r="H13" s="280">
        <v>54</v>
      </c>
      <c r="I13" s="280">
        <v>35</v>
      </c>
      <c r="J13" s="280">
        <v>31</v>
      </c>
      <c r="K13" s="280">
        <v>25</v>
      </c>
      <c r="L13" s="281">
        <v>236</v>
      </c>
      <c r="M13" s="282">
        <v>236</v>
      </c>
      <c r="N13" s="276">
        <v>0</v>
      </c>
      <c r="O13" s="280">
        <v>0</v>
      </c>
      <c r="P13" s="277">
        <v>0</v>
      </c>
      <c r="Q13" s="279">
        <v>0</v>
      </c>
      <c r="R13" s="280">
        <v>1</v>
      </c>
      <c r="S13" s="280">
        <v>2</v>
      </c>
      <c r="T13" s="280">
        <v>3</v>
      </c>
      <c r="U13" s="280">
        <v>6</v>
      </c>
      <c r="V13" s="280">
        <v>9</v>
      </c>
      <c r="W13" s="277">
        <v>21</v>
      </c>
      <c r="X13" s="282">
        <v>21</v>
      </c>
      <c r="Y13" s="276">
        <v>18</v>
      </c>
      <c r="Z13" s="280">
        <v>21</v>
      </c>
      <c r="AA13" s="277">
        <v>39</v>
      </c>
      <c r="AB13" s="279">
        <v>0</v>
      </c>
      <c r="AC13" s="280">
        <v>54</v>
      </c>
      <c r="AD13" s="280">
        <v>37</v>
      </c>
      <c r="AE13" s="280">
        <v>25</v>
      </c>
      <c r="AF13" s="280">
        <v>13</v>
      </c>
      <c r="AG13" s="280">
        <v>20</v>
      </c>
      <c r="AH13" s="277">
        <v>149</v>
      </c>
      <c r="AI13" s="282">
        <v>188</v>
      </c>
      <c r="AJ13" s="276">
        <v>2</v>
      </c>
      <c r="AK13" s="280">
        <v>3</v>
      </c>
      <c r="AL13" s="277">
        <v>5</v>
      </c>
      <c r="AM13" s="279">
        <v>0</v>
      </c>
      <c r="AN13" s="280">
        <v>9</v>
      </c>
      <c r="AO13" s="280">
        <v>11</v>
      </c>
      <c r="AP13" s="280">
        <v>8</v>
      </c>
      <c r="AQ13" s="280">
        <v>3</v>
      </c>
      <c r="AR13" s="280">
        <v>3</v>
      </c>
      <c r="AS13" s="277">
        <v>34</v>
      </c>
      <c r="AT13" s="282">
        <v>39</v>
      </c>
      <c r="AU13" s="276">
        <v>24</v>
      </c>
      <c r="AV13" s="280">
        <v>21</v>
      </c>
      <c r="AW13" s="277">
        <v>45</v>
      </c>
      <c r="AX13" s="279">
        <v>0</v>
      </c>
      <c r="AY13" s="280">
        <v>91</v>
      </c>
      <c r="AZ13" s="280">
        <v>74</v>
      </c>
      <c r="BA13" s="280">
        <v>76</v>
      </c>
      <c r="BB13" s="280">
        <v>73</v>
      </c>
      <c r="BC13" s="280">
        <v>62</v>
      </c>
      <c r="BD13" s="281">
        <v>376</v>
      </c>
      <c r="BE13" s="282">
        <v>421</v>
      </c>
      <c r="BF13" s="276">
        <v>0</v>
      </c>
      <c r="BG13" s="280">
        <v>0</v>
      </c>
      <c r="BH13" s="277">
        <v>0</v>
      </c>
      <c r="BI13" s="279">
        <v>0</v>
      </c>
      <c r="BJ13" s="280">
        <v>112</v>
      </c>
      <c r="BK13" s="280">
        <v>69</v>
      </c>
      <c r="BL13" s="280">
        <v>32</v>
      </c>
      <c r="BM13" s="280">
        <v>11</v>
      </c>
      <c r="BN13" s="280">
        <v>7</v>
      </c>
      <c r="BO13" s="277">
        <v>231</v>
      </c>
      <c r="BP13" s="282">
        <v>231</v>
      </c>
      <c r="BQ13" s="276">
        <v>5</v>
      </c>
      <c r="BR13" s="280">
        <v>5</v>
      </c>
      <c r="BS13" s="277">
        <v>10</v>
      </c>
      <c r="BT13" s="279">
        <v>0</v>
      </c>
      <c r="BU13" s="280">
        <v>24</v>
      </c>
      <c r="BV13" s="280">
        <v>13</v>
      </c>
      <c r="BW13" s="280">
        <v>8</v>
      </c>
      <c r="BX13" s="280">
        <v>2</v>
      </c>
      <c r="BY13" s="280">
        <v>0</v>
      </c>
      <c r="BZ13" s="277">
        <v>47</v>
      </c>
      <c r="CA13" s="282">
        <v>57</v>
      </c>
      <c r="CB13" s="276">
        <v>0</v>
      </c>
      <c r="CC13" s="280">
        <v>2</v>
      </c>
      <c r="CD13" s="277">
        <v>2</v>
      </c>
      <c r="CE13" s="279">
        <v>0</v>
      </c>
      <c r="CF13" s="280">
        <v>11</v>
      </c>
      <c r="CG13" s="280">
        <v>7</v>
      </c>
      <c r="CH13" s="280">
        <v>17</v>
      </c>
      <c r="CI13" s="280">
        <v>7</v>
      </c>
      <c r="CJ13" s="280">
        <v>3</v>
      </c>
      <c r="CK13" s="277">
        <v>45</v>
      </c>
      <c r="CL13" s="282">
        <v>47</v>
      </c>
      <c r="CM13" s="276">
        <v>0</v>
      </c>
      <c r="CN13" s="280">
        <v>0</v>
      </c>
      <c r="CO13" s="277">
        <v>0</v>
      </c>
      <c r="CP13" s="279">
        <v>0</v>
      </c>
      <c r="CQ13" s="280">
        <v>1</v>
      </c>
      <c r="CR13" s="280">
        <v>1</v>
      </c>
      <c r="CS13" s="280">
        <v>0</v>
      </c>
      <c r="CT13" s="280">
        <v>1</v>
      </c>
      <c r="CU13" s="280">
        <v>0</v>
      </c>
      <c r="CV13" s="277">
        <v>3</v>
      </c>
      <c r="CW13" s="282">
        <v>3</v>
      </c>
      <c r="CX13" s="276">
        <v>0</v>
      </c>
      <c r="CY13" s="280">
        <v>0</v>
      </c>
      <c r="CZ13" s="277">
        <v>0</v>
      </c>
      <c r="DA13" s="279">
        <v>0</v>
      </c>
      <c r="DB13" s="280">
        <v>0</v>
      </c>
      <c r="DC13" s="280">
        <v>0</v>
      </c>
      <c r="DD13" s="280">
        <v>0</v>
      </c>
      <c r="DE13" s="280">
        <v>0</v>
      </c>
      <c r="DF13" s="280">
        <v>0</v>
      </c>
      <c r="DG13" s="277">
        <v>0</v>
      </c>
      <c r="DH13" s="282">
        <v>0</v>
      </c>
      <c r="DI13" s="276">
        <v>0</v>
      </c>
      <c r="DJ13" s="280">
        <v>0</v>
      </c>
      <c r="DK13" s="277">
        <v>0</v>
      </c>
      <c r="DL13" s="279">
        <v>0</v>
      </c>
      <c r="DM13" s="280">
        <v>0</v>
      </c>
      <c r="DN13" s="280">
        <v>0</v>
      </c>
      <c r="DO13" s="280">
        <v>0</v>
      </c>
      <c r="DP13" s="280">
        <v>0</v>
      </c>
      <c r="DQ13" s="280">
        <v>0</v>
      </c>
      <c r="DR13" s="277">
        <v>0</v>
      </c>
      <c r="DS13" s="282">
        <v>0</v>
      </c>
      <c r="DT13" s="276">
        <v>50</v>
      </c>
      <c r="DU13" s="280">
        <v>84</v>
      </c>
      <c r="DV13" s="277">
        <v>134</v>
      </c>
      <c r="DW13" s="279">
        <v>0</v>
      </c>
      <c r="DX13" s="280">
        <v>130</v>
      </c>
      <c r="DY13" s="280">
        <v>109</v>
      </c>
      <c r="DZ13" s="280">
        <v>81</v>
      </c>
      <c r="EA13" s="280">
        <v>48</v>
      </c>
      <c r="EB13" s="280">
        <v>38</v>
      </c>
      <c r="EC13" s="277">
        <v>406</v>
      </c>
      <c r="ED13" s="282">
        <v>540</v>
      </c>
      <c r="EE13" s="276">
        <v>8</v>
      </c>
      <c r="EF13" s="280">
        <v>7</v>
      </c>
      <c r="EG13" s="277">
        <v>15</v>
      </c>
      <c r="EH13" s="279">
        <v>0</v>
      </c>
      <c r="EI13" s="280">
        <v>33</v>
      </c>
      <c r="EJ13" s="280">
        <v>30</v>
      </c>
      <c r="EK13" s="280">
        <v>23</v>
      </c>
      <c r="EL13" s="280">
        <v>31</v>
      </c>
      <c r="EM13" s="280">
        <v>23</v>
      </c>
      <c r="EN13" s="277">
        <v>140</v>
      </c>
      <c r="EO13" s="282">
        <v>155</v>
      </c>
      <c r="EP13" s="276">
        <v>68</v>
      </c>
      <c r="EQ13" s="280">
        <v>94</v>
      </c>
      <c r="ER13" s="277">
        <v>162</v>
      </c>
      <c r="ES13" s="279">
        <v>0</v>
      </c>
      <c r="ET13" s="280">
        <v>242</v>
      </c>
      <c r="EU13" s="280">
        <v>146</v>
      </c>
      <c r="EV13" s="280">
        <v>89</v>
      </c>
      <c r="EW13" s="280">
        <v>50</v>
      </c>
      <c r="EX13" s="280">
        <v>37</v>
      </c>
      <c r="EY13" s="277">
        <v>564</v>
      </c>
      <c r="EZ13" s="282">
        <v>726</v>
      </c>
    </row>
    <row r="14" spans="2:156" ht="21" customHeight="1" x14ac:dyDescent="0.2">
      <c r="B14" s="261" t="s">
        <v>11</v>
      </c>
      <c r="C14" s="276">
        <v>0</v>
      </c>
      <c r="D14" s="280">
        <v>0</v>
      </c>
      <c r="E14" s="384">
        <v>0</v>
      </c>
      <c r="F14" s="279">
        <v>0</v>
      </c>
      <c r="G14" s="280">
        <v>16</v>
      </c>
      <c r="H14" s="280">
        <v>7</v>
      </c>
      <c r="I14" s="280">
        <v>9</v>
      </c>
      <c r="J14" s="280">
        <v>7</v>
      </c>
      <c r="K14" s="280">
        <v>6</v>
      </c>
      <c r="L14" s="281">
        <v>45</v>
      </c>
      <c r="M14" s="282">
        <v>45</v>
      </c>
      <c r="N14" s="276">
        <v>0</v>
      </c>
      <c r="O14" s="280">
        <v>0</v>
      </c>
      <c r="P14" s="277">
        <v>0</v>
      </c>
      <c r="Q14" s="279">
        <v>0</v>
      </c>
      <c r="R14" s="280">
        <v>1</v>
      </c>
      <c r="S14" s="280">
        <v>0</v>
      </c>
      <c r="T14" s="280">
        <v>2</v>
      </c>
      <c r="U14" s="280">
        <v>2</v>
      </c>
      <c r="V14" s="280">
        <v>4</v>
      </c>
      <c r="W14" s="277">
        <v>9</v>
      </c>
      <c r="X14" s="282">
        <v>9</v>
      </c>
      <c r="Y14" s="276">
        <v>2</v>
      </c>
      <c r="Z14" s="280">
        <v>4</v>
      </c>
      <c r="AA14" s="277">
        <v>6</v>
      </c>
      <c r="AB14" s="279">
        <v>0</v>
      </c>
      <c r="AC14" s="280">
        <v>19</v>
      </c>
      <c r="AD14" s="280">
        <v>12</v>
      </c>
      <c r="AE14" s="280">
        <v>9</v>
      </c>
      <c r="AF14" s="280">
        <v>13</v>
      </c>
      <c r="AG14" s="280">
        <v>6</v>
      </c>
      <c r="AH14" s="277">
        <v>59</v>
      </c>
      <c r="AI14" s="282">
        <v>65</v>
      </c>
      <c r="AJ14" s="276">
        <v>0</v>
      </c>
      <c r="AK14" s="280">
        <v>0</v>
      </c>
      <c r="AL14" s="277">
        <v>0</v>
      </c>
      <c r="AM14" s="279">
        <v>0</v>
      </c>
      <c r="AN14" s="280">
        <v>4</v>
      </c>
      <c r="AO14" s="280">
        <v>1</v>
      </c>
      <c r="AP14" s="280">
        <v>0</v>
      </c>
      <c r="AQ14" s="280">
        <v>2</v>
      </c>
      <c r="AR14" s="280">
        <v>2</v>
      </c>
      <c r="AS14" s="277">
        <v>9</v>
      </c>
      <c r="AT14" s="282">
        <v>9</v>
      </c>
      <c r="AU14" s="276">
        <v>6</v>
      </c>
      <c r="AV14" s="280">
        <v>0</v>
      </c>
      <c r="AW14" s="277">
        <v>6</v>
      </c>
      <c r="AX14" s="279">
        <v>0</v>
      </c>
      <c r="AY14" s="280">
        <v>22</v>
      </c>
      <c r="AZ14" s="280">
        <v>19</v>
      </c>
      <c r="BA14" s="280">
        <v>19</v>
      </c>
      <c r="BB14" s="280">
        <v>27</v>
      </c>
      <c r="BC14" s="280">
        <v>18</v>
      </c>
      <c r="BD14" s="281">
        <v>105</v>
      </c>
      <c r="BE14" s="282">
        <v>111</v>
      </c>
      <c r="BF14" s="276">
        <v>0</v>
      </c>
      <c r="BG14" s="280">
        <v>0</v>
      </c>
      <c r="BH14" s="277">
        <v>0</v>
      </c>
      <c r="BI14" s="279">
        <v>0</v>
      </c>
      <c r="BJ14" s="280">
        <v>20</v>
      </c>
      <c r="BK14" s="280">
        <v>13</v>
      </c>
      <c r="BL14" s="280">
        <v>10</v>
      </c>
      <c r="BM14" s="280">
        <v>11</v>
      </c>
      <c r="BN14" s="280">
        <v>4</v>
      </c>
      <c r="BO14" s="277">
        <v>58</v>
      </c>
      <c r="BP14" s="282">
        <v>58</v>
      </c>
      <c r="BQ14" s="276">
        <v>3</v>
      </c>
      <c r="BR14" s="280">
        <v>4</v>
      </c>
      <c r="BS14" s="277">
        <v>7</v>
      </c>
      <c r="BT14" s="279">
        <v>0</v>
      </c>
      <c r="BU14" s="280">
        <v>11</v>
      </c>
      <c r="BV14" s="280">
        <v>8</v>
      </c>
      <c r="BW14" s="280">
        <v>6</v>
      </c>
      <c r="BX14" s="280">
        <v>3</v>
      </c>
      <c r="BY14" s="280">
        <v>2</v>
      </c>
      <c r="BZ14" s="277">
        <v>30</v>
      </c>
      <c r="CA14" s="282">
        <v>37</v>
      </c>
      <c r="CB14" s="276">
        <v>0</v>
      </c>
      <c r="CC14" s="280">
        <v>0</v>
      </c>
      <c r="CD14" s="277">
        <v>0</v>
      </c>
      <c r="CE14" s="279">
        <v>0</v>
      </c>
      <c r="CF14" s="280">
        <v>2</v>
      </c>
      <c r="CG14" s="280">
        <v>4</v>
      </c>
      <c r="CH14" s="280">
        <v>4</v>
      </c>
      <c r="CI14" s="280">
        <v>3</v>
      </c>
      <c r="CJ14" s="280">
        <v>2</v>
      </c>
      <c r="CK14" s="277">
        <v>15</v>
      </c>
      <c r="CL14" s="282">
        <v>15</v>
      </c>
      <c r="CM14" s="276">
        <v>0</v>
      </c>
      <c r="CN14" s="280">
        <v>0</v>
      </c>
      <c r="CO14" s="277">
        <v>0</v>
      </c>
      <c r="CP14" s="279">
        <v>0</v>
      </c>
      <c r="CQ14" s="280">
        <v>1</v>
      </c>
      <c r="CR14" s="280">
        <v>0</v>
      </c>
      <c r="CS14" s="280">
        <v>3</v>
      </c>
      <c r="CT14" s="280">
        <v>1</v>
      </c>
      <c r="CU14" s="280">
        <v>2</v>
      </c>
      <c r="CV14" s="277">
        <v>7</v>
      </c>
      <c r="CW14" s="282">
        <v>7</v>
      </c>
      <c r="CX14" s="276">
        <v>0</v>
      </c>
      <c r="CY14" s="280">
        <v>0</v>
      </c>
      <c r="CZ14" s="277">
        <v>0</v>
      </c>
      <c r="DA14" s="279">
        <v>0</v>
      </c>
      <c r="DB14" s="280">
        <v>0</v>
      </c>
      <c r="DC14" s="280">
        <v>0</v>
      </c>
      <c r="DD14" s="280">
        <v>0</v>
      </c>
      <c r="DE14" s="280">
        <v>0</v>
      </c>
      <c r="DF14" s="280">
        <v>0</v>
      </c>
      <c r="DG14" s="277">
        <v>0</v>
      </c>
      <c r="DH14" s="282">
        <v>0</v>
      </c>
      <c r="DI14" s="276">
        <v>0</v>
      </c>
      <c r="DJ14" s="280">
        <v>0</v>
      </c>
      <c r="DK14" s="277">
        <v>0</v>
      </c>
      <c r="DL14" s="279">
        <v>0</v>
      </c>
      <c r="DM14" s="280">
        <v>0</v>
      </c>
      <c r="DN14" s="280">
        <v>0</v>
      </c>
      <c r="DO14" s="280">
        <v>0</v>
      </c>
      <c r="DP14" s="280">
        <v>0</v>
      </c>
      <c r="DQ14" s="280">
        <v>0</v>
      </c>
      <c r="DR14" s="277">
        <v>0</v>
      </c>
      <c r="DS14" s="282">
        <v>0</v>
      </c>
      <c r="DT14" s="276">
        <v>13</v>
      </c>
      <c r="DU14" s="280">
        <v>14</v>
      </c>
      <c r="DV14" s="277">
        <v>27</v>
      </c>
      <c r="DW14" s="279">
        <v>0</v>
      </c>
      <c r="DX14" s="280">
        <v>47</v>
      </c>
      <c r="DY14" s="280">
        <v>32</v>
      </c>
      <c r="DZ14" s="280">
        <v>30</v>
      </c>
      <c r="EA14" s="280">
        <v>19</v>
      </c>
      <c r="EB14" s="280">
        <v>11</v>
      </c>
      <c r="EC14" s="277">
        <v>139</v>
      </c>
      <c r="ED14" s="282">
        <v>166</v>
      </c>
      <c r="EE14" s="276">
        <v>2</v>
      </c>
      <c r="EF14" s="280">
        <v>3</v>
      </c>
      <c r="EG14" s="277">
        <v>5</v>
      </c>
      <c r="EH14" s="279">
        <v>0</v>
      </c>
      <c r="EI14" s="280">
        <v>19</v>
      </c>
      <c r="EJ14" s="280">
        <v>8</v>
      </c>
      <c r="EK14" s="280">
        <v>15</v>
      </c>
      <c r="EL14" s="280">
        <v>18</v>
      </c>
      <c r="EM14" s="280">
        <v>12</v>
      </c>
      <c r="EN14" s="277">
        <v>72</v>
      </c>
      <c r="EO14" s="282">
        <v>77</v>
      </c>
      <c r="EP14" s="276">
        <v>17</v>
      </c>
      <c r="EQ14" s="280">
        <v>19</v>
      </c>
      <c r="ER14" s="277">
        <v>36</v>
      </c>
      <c r="ES14" s="279">
        <v>0</v>
      </c>
      <c r="ET14" s="280">
        <v>89</v>
      </c>
      <c r="EU14" s="280">
        <v>38</v>
      </c>
      <c r="EV14" s="280">
        <v>34</v>
      </c>
      <c r="EW14" s="280">
        <v>23</v>
      </c>
      <c r="EX14" s="280">
        <v>12</v>
      </c>
      <c r="EY14" s="277">
        <v>196</v>
      </c>
      <c r="EZ14" s="282">
        <v>232</v>
      </c>
    </row>
    <row r="15" spans="2:156" ht="21" customHeight="1" x14ac:dyDescent="0.2">
      <c r="B15" s="261" t="s">
        <v>12</v>
      </c>
      <c r="C15" s="276">
        <v>0</v>
      </c>
      <c r="D15" s="280">
        <v>0</v>
      </c>
      <c r="E15" s="384">
        <v>0</v>
      </c>
      <c r="F15" s="279">
        <v>0</v>
      </c>
      <c r="G15" s="280">
        <v>40</v>
      </c>
      <c r="H15" s="280">
        <v>17</v>
      </c>
      <c r="I15" s="280">
        <v>27</v>
      </c>
      <c r="J15" s="280">
        <v>16</v>
      </c>
      <c r="K15" s="280">
        <v>9</v>
      </c>
      <c r="L15" s="281">
        <v>109</v>
      </c>
      <c r="M15" s="282">
        <v>109</v>
      </c>
      <c r="N15" s="276">
        <v>0</v>
      </c>
      <c r="O15" s="280">
        <v>0</v>
      </c>
      <c r="P15" s="277">
        <v>0</v>
      </c>
      <c r="Q15" s="279">
        <v>0</v>
      </c>
      <c r="R15" s="280">
        <v>0</v>
      </c>
      <c r="S15" s="280">
        <v>2</v>
      </c>
      <c r="T15" s="280">
        <v>1</v>
      </c>
      <c r="U15" s="280">
        <v>3</v>
      </c>
      <c r="V15" s="280">
        <v>9</v>
      </c>
      <c r="W15" s="277">
        <v>15</v>
      </c>
      <c r="X15" s="282">
        <v>15</v>
      </c>
      <c r="Y15" s="276">
        <v>7</v>
      </c>
      <c r="Z15" s="280">
        <v>13</v>
      </c>
      <c r="AA15" s="277">
        <v>20</v>
      </c>
      <c r="AB15" s="279">
        <v>0</v>
      </c>
      <c r="AC15" s="280">
        <v>15</v>
      </c>
      <c r="AD15" s="280">
        <v>19</v>
      </c>
      <c r="AE15" s="280">
        <v>21</v>
      </c>
      <c r="AF15" s="280">
        <v>14</v>
      </c>
      <c r="AG15" s="280">
        <v>9</v>
      </c>
      <c r="AH15" s="277">
        <v>78</v>
      </c>
      <c r="AI15" s="282">
        <v>98</v>
      </c>
      <c r="AJ15" s="276">
        <v>0</v>
      </c>
      <c r="AK15" s="280">
        <v>1</v>
      </c>
      <c r="AL15" s="277">
        <v>1</v>
      </c>
      <c r="AM15" s="279">
        <v>0</v>
      </c>
      <c r="AN15" s="280">
        <v>4</v>
      </c>
      <c r="AO15" s="280">
        <v>1</v>
      </c>
      <c r="AP15" s="280">
        <v>1</v>
      </c>
      <c r="AQ15" s="280">
        <v>0</v>
      </c>
      <c r="AR15" s="280">
        <v>0</v>
      </c>
      <c r="AS15" s="277">
        <v>6</v>
      </c>
      <c r="AT15" s="282">
        <v>7</v>
      </c>
      <c r="AU15" s="276">
        <v>11</v>
      </c>
      <c r="AV15" s="280">
        <v>10</v>
      </c>
      <c r="AW15" s="277">
        <v>21</v>
      </c>
      <c r="AX15" s="279">
        <v>0</v>
      </c>
      <c r="AY15" s="280">
        <v>20</v>
      </c>
      <c r="AZ15" s="280">
        <v>20</v>
      </c>
      <c r="BA15" s="280">
        <v>27</v>
      </c>
      <c r="BB15" s="280">
        <v>34</v>
      </c>
      <c r="BC15" s="280">
        <v>17</v>
      </c>
      <c r="BD15" s="281">
        <v>118</v>
      </c>
      <c r="BE15" s="282">
        <v>139</v>
      </c>
      <c r="BF15" s="276">
        <v>0</v>
      </c>
      <c r="BG15" s="280">
        <v>0</v>
      </c>
      <c r="BH15" s="277">
        <v>0</v>
      </c>
      <c r="BI15" s="279">
        <v>0</v>
      </c>
      <c r="BJ15" s="280">
        <v>41</v>
      </c>
      <c r="BK15" s="280">
        <v>24</v>
      </c>
      <c r="BL15" s="280">
        <v>12</v>
      </c>
      <c r="BM15" s="280">
        <v>9</v>
      </c>
      <c r="BN15" s="280">
        <v>4</v>
      </c>
      <c r="BO15" s="277">
        <v>90</v>
      </c>
      <c r="BP15" s="282">
        <v>90</v>
      </c>
      <c r="BQ15" s="276">
        <v>14</v>
      </c>
      <c r="BR15" s="280">
        <v>7</v>
      </c>
      <c r="BS15" s="277">
        <v>21</v>
      </c>
      <c r="BT15" s="279">
        <v>0</v>
      </c>
      <c r="BU15" s="280">
        <v>11</v>
      </c>
      <c r="BV15" s="280">
        <v>12</v>
      </c>
      <c r="BW15" s="280">
        <v>11</v>
      </c>
      <c r="BX15" s="280">
        <v>6</v>
      </c>
      <c r="BY15" s="280">
        <v>0</v>
      </c>
      <c r="BZ15" s="277">
        <v>40</v>
      </c>
      <c r="CA15" s="282">
        <v>61</v>
      </c>
      <c r="CB15" s="276">
        <v>0</v>
      </c>
      <c r="CC15" s="280">
        <v>1</v>
      </c>
      <c r="CD15" s="277">
        <v>1</v>
      </c>
      <c r="CE15" s="279">
        <v>0</v>
      </c>
      <c r="CF15" s="280">
        <v>6</v>
      </c>
      <c r="CG15" s="280">
        <v>3</v>
      </c>
      <c r="CH15" s="280">
        <v>12</v>
      </c>
      <c r="CI15" s="280">
        <v>6</v>
      </c>
      <c r="CJ15" s="280">
        <v>2</v>
      </c>
      <c r="CK15" s="277">
        <v>29</v>
      </c>
      <c r="CL15" s="282">
        <v>30</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c r="DI15" s="276">
        <v>0</v>
      </c>
      <c r="DJ15" s="280">
        <v>0</v>
      </c>
      <c r="DK15" s="277">
        <v>0</v>
      </c>
      <c r="DL15" s="279">
        <v>0</v>
      </c>
      <c r="DM15" s="280">
        <v>0</v>
      </c>
      <c r="DN15" s="280">
        <v>0</v>
      </c>
      <c r="DO15" s="280">
        <v>0</v>
      </c>
      <c r="DP15" s="280">
        <v>0</v>
      </c>
      <c r="DQ15" s="280">
        <v>0</v>
      </c>
      <c r="DR15" s="277">
        <v>0</v>
      </c>
      <c r="DS15" s="282">
        <v>0</v>
      </c>
      <c r="DT15" s="276">
        <v>26</v>
      </c>
      <c r="DU15" s="280">
        <v>45</v>
      </c>
      <c r="DV15" s="277">
        <v>71</v>
      </c>
      <c r="DW15" s="279">
        <v>0</v>
      </c>
      <c r="DX15" s="280">
        <v>37</v>
      </c>
      <c r="DY15" s="280">
        <v>49</v>
      </c>
      <c r="DZ15" s="280">
        <v>48</v>
      </c>
      <c r="EA15" s="280">
        <v>46</v>
      </c>
      <c r="EB15" s="280">
        <v>15</v>
      </c>
      <c r="EC15" s="277">
        <v>195</v>
      </c>
      <c r="ED15" s="282">
        <v>266</v>
      </c>
      <c r="EE15" s="276">
        <v>7</v>
      </c>
      <c r="EF15" s="280">
        <v>6</v>
      </c>
      <c r="EG15" s="277">
        <v>13</v>
      </c>
      <c r="EH15" s="279">
        <v>0</v>
      </c>
      <c r="EI15" s="280">
        <v>7</v>
      </c>
      <c r="EJ15" s="280">
        <v>8</v>
      </c>
      <c r="EK15" s="280">
        <v>7</v>
      </c>
      <c r="EL15" s="280">
        <v>13</v>
      </c>
      <c r="EM15" s="280">
        <v>7</v>
      </c>
      <c r="EN15" s="277">
        <v>42</v>
      </c>
      <c r="EO15" s="282">
        <v>55</v>
      </c>
      <c r="EP15" s="276">
        <v>46</v>
      </c>
      <c r="EQ15" s="280">
        <v>53</v>
      </c>
      <c r="ER15" s="277">
        <v>99</v>
      </c>
      <c r="ES15" s="279">
        <v>0</v>
      </c>
      <c r="ET15" s="280">
        <v>95</v>
      </c>
      <c r="EU15" s="280">
        <v>68</v>
      </c>
      <c r="EV15" s="280">
        <v>57</v>
      </c>
      <c r="EW15" s="280">
        <v>44</v>
      </c>
      <c r="EX15" s="280">
        <v>15</v>
      </c>
      <c r="EY15" s="277">
        <v>279</v>
      </c>
      <c r="EZ15" s="282">
        <v>378</v>
      </c>
    </row>
    <row r="16" spans="2:156" ht="21" customHeight="1" x14ac:dyDescent="0.2">
      <c r="B16" s="261" t="s">
        <v>13</v>
      </c>
      <c r="C16" s="276">
        <v>0</v>
      </c>
      <c r="D16" s="280">
        <v>0</v>
      </c>
      <c r="E16" s="384">
        <v>0</v>
      </c>
      <c r="F16" s="279">
        <v>0</v>
      </c>
      <c r="G16" s="280">
        <v>17</v>
      </c>
      <c r="H16" s="280">
        <v>23</v>
      </c>
      <c r="I16" s="280">
        <v>14</v>
      </c>
      <c r="J16" s="280">
        <v>12</v>
      </c>
      <c r="K16" s="280">
        <v>12</v>
      </c>
      <c r="L16" s="281">
        <v>78</v>
      </c>
      <c r="M16" s="282">
        <v>78</v>
      </c>
      <c r="N16" s="276">
        <v>0</v>
      </c>
      <c r="O16" s="280">
        <v>0</v>
      </c>
      <c r="P16" s="277">
        <v>0</v>
      </c>
      <c r="Q16" s="279">
        <v>0</v>
      </c>
      <c r="R16" s="280">
        <v>0</v>
      </c>
      <c r="S16" s="280">
        <v>0</v>
      </c>
      <c r="T16" s="280">
        <v>1</v>
      </c>
      <c r="U16" s="280">
        <v>1</v>
      </c>
      <c r="V16" s="280">
        <v>1</v>
      </c>
      <c r="W16" s="277">
        <v>3</v>
      </c>
      <c r="X16" s="282">
        <v>3</v>
      </c>
      <c r="Y16" s="276">
        <v>0</v>
      </c>
      <c r="Z16" s="280">
        <v>3</v>
      </c>
      <c r="AA16" s="277">
        <v>3</v>
      </c>
      <c r="AB16" s="279">
        <v>0</v>
      </c>
      <c r="AC16" s="280">
        <v>14</v>
      </c>
      <c r="AD16" s="280">
        <v>11</v>
      </c>
      <c r="AE16" s="280">
        <v>8</v>
      </c>
      <c r="AF16" s="280">
        <v>9</v>
      </c>
      <c r="AG16" s="280">
        <v>7</v>
      </c>
      <c r="AH16" s="277">
        <v>49</v>
      </c>
      <c r="AI16" s="282">
        <v>52</v>
      </c>
      <c r="AJ16" s="276">
        <v>0</v>
      </c>
      <c r="AK16" s="280">
        <v>0</v>
      </c>
      <c r="AL16" s="277">
        <v>0</v>
      </c>
      <c r="AM16" s="279">
        <v>0</v>
      </c>
      <c r="AN16" s="280">
        <v>3</v>
      </c>
      <c r="AO16" s="280">
        <v>5</v>
      </c>
      <c r="AP16" s="280">
        <v>0</v>
      </c>
      <c r="AQ16" s="280">
        <v>1</v>
      </c>
      <c r="AR16" s="280">
        <v>2</v>
      </c>
      <c r="AS16" s="277">
        <v>11</v>
      </c>
      <c r="AT16" s="282">
        <v>11</v>
      </c>
      <c r="AU16" s="276">
        <v>7</v>
      </c>
      <c r="AV16" s="280">
        <v>7</v>
      </c>
      <c r="AW16" s="277">
        <v>14</v>
      </c>
      <c r="AX16" s="279">
        <v>0</v>
      </c>
      <c r="AY16" s="280">
        <v>18</v>
      </c>
      <c r="AZ16" s="280">
        <v>26</v>
      </c>
      <c r="BA16" s="280">
        <v>21</v>
      </c>
      <c r="BB16" s="280">
        <v>16</v>
      </c>
      <c r="BC16" s="280">
        <v>18</v>
      </c>
      <c r="BD16" s="281">
        <v>99</v>
      </c>
      <c r="BE16" s="282">
        <v>113</v>
      </c>
      <c r="BF16" s="276">
        <v>0</v>
      </c>
      <c r="BG16" s="280">
        <v>0</v>
      </c>
      <c r="BH16" s="277">
        <v>0</v>
      </c>
      <c r="BI16" s="279">
        <v>0</v>
      </c>
      <c r="BJ16" s="280">
        <v>17</v>
      </c>
      <c r="BK16" s="280">
        <v>17</v>
      </c>
      <c r="BL16" s="280">
        <v>10</v>
      </c>
      <c r="BM16" s="280">
        <v>4</v>
      </c>
      <c r="BN16" s="280">
        <v>0</v>
      </c>
      <c r="BO16" s="277">
        <v>48</v>
      </c>
      <c r="BP16" s="282">
        <v>48</v>
      </c>
      <c r="BQ16" s="276">
        <v>0</v>
      </c>
      <c r="BR16" s="280">
        <v>1</v>
      </c>
      <c r="BS16" s="277">
        <v>1</v>
      </c>
      <c r="BT16" s="279">
        <v>0</v>
      </c>
      <c r="BU16" s="280">
        <v>1</v>
      </c>
      <c r="BV16" s="280">
        <v>3</v>
      </c>
      <c r="BW16" s="280">
        <v>5</v>
      </c>
      <c r="BX16" s="280">
        <v>2</v>
      </c>
      <c r="BY16" s="280">
        <v>0</v>
      </c>
      <c r="BZ16" s="277">
        <v>11</v>
      </c>
      <c r="CA16" s="282">
        <v>12</v>
      </c>
      <c r="CB16" s="276">
        <v>0</v>
      </c>
      <c r="CC16" s="280">
        <v>1</v>
      </c>
      <c r="CD16" s="277">
        <v>1</v>
      </c>
      <c r="CE16" s="279">
        <v>0</v>
      </c>
      <c r="CF16" s="280">
        <v>2</v>
      </c>
      <c r="CG16" s="280">
        <v>2</v>
      </c>
      <c r="CH16" s="280">
        <v>2</v>
      </c>
      <c r="CI16" s="280">
        <v>1</v>
      </c>
      <c r="CJ16" s="280">
        <v>2</v>
      </c>
      <c r="CK16" s="277">
        <v>9</v>
      </c>
      <c r="CL16" s="282">
        <v>10</v>
      </c>
      <c r="CM16" s="276">
        <v>0</v>
      </c>
      <c r="CN16" s="280">
        <v>0</v>
      </c>
      <c r="CO16" s="277">
        <v>0</v>
      </c>
      <c r="CP16" s="279">
        <v>0</v>
      </c>
      <c r="CQ16" s="280">
        <v>0</v>
      </c>
      <c r="CR16" s="280">
        <v>0</v>
      </c>
      <c r="CS16" s="280">
        <v>1</v>
      </c>
      <c r="CT16" s="280">
        <v>0</v>
      </c>
      <c r="CU16" s="280">
        <v>0</v>
      </c>
      <c r="CV16" s="277">
        <v>1</v>
      </c>
      <c r="CW16" s="282">
        <v>1</v>
      </c>
      <c r="CX16" s="276">
        <v>0</v>
      </c>
      <c r="CY16" s="280">
        <v>0</v>
      </c>
      <c r="CZ16" s="277">
        <v>0</v>
      </c>
      <c r="DA16" s="279">
        <v>0</v>
      </c>
      <c r="DB16" s="280">
        <v>0</v>
      </c>
      <c r="DC16" s="280">
        <v>0</v>
      </c>
      <c r="DD16" s="280">
        <v>0</v>
      </c>
      <c r="DE16" s="280">
        <v>0</v>
      </c>
      <c r="DF16" s="280">
        <v>0</v>
      </c>
      <c r="DG16" s="277">
        <v>0</v>
      </c>
      <c r="DH16" s="282">
        <v>0</v>
      </c>
      <c r="DI16" s="276">
        <v>0</v>
      </c>
      <c r="DJ16" s="280">
        <v>0</v>
      </c>
      <c r="DK16" s="277">
        <v>0</v>
      </c>
      <c r="DL16" s="279">
        <v>0</v>
      </c>
      <c r="DM16" s="280">
        <v>0</v>
      </c>
      <c r="DN16" s="280">
        <v>0</v>
      </c>
      <c r="DO16" s="280">
        <v>0</v>
      </c>
      <c r="DP16" s="280">
        <v>0</v>
      </c>
      <c r="DQ16" s="280">
        <v>0</v>
      </c>
      <c r="DR16" s="277">
        <v>0</v>
      </c>
      <c r="DS16" s="282">
        <v>0</v>
      </c>
      <c r="DT16" s="276">
        <v>4</v>
      </c>
      <c r="DU16" s="280">
        <v>13</v>
      </c>
      <c r="DV16" s="277">
        <v>17</v>
      </c>
      <c r="DW16" s="279">
        <v>0</v>
      </c>
      <c r="DX16" s="280">
        <v>25</v>
      </c>
      <c r="DY16" s="280">
        <v>37</v>
      </c>
      <c r="DZ16" s="280">
        <v>19</v>
      </c>
      <c r="EA16" s="280">
        <v>14</v>
      </c>
      <c r="EB16" s="280">
        <v>15</v>
      </c>
      <c r="EC16" s="277">
        <v>110</v>
      </c>
      <c r="ED16" s="282">
        <v>127</v>
      </c>
      <c r="EE16" s="276">
        <v>7</v>
      </c>
      <c r="EF16" s="280">
        <v>4</v>
      </c>
      <c r="EG16" s="277">
        <v>11</v>
      </c>
      <c r="EH16" s="279">
        <v>0</v>
      </c>
      <c r="EI16" s="280">
        <v>13</v>
      </c>
      <c r="EJ16" s="280">
        <v>11</v>
      </c>
      <c r="EK16" s="280">
        <v>8</v>
      </c>
      <c r="EL16" s="280">
        <v>7</v>
      </c>
      <c r="EM16" s="280">
        <v>6</v>
      </c>
      <c r="EN16" s="277">
        <v>45</v>
      </c>
      <c r="EO16" s="282">
        <v>56</v>
      </c>
      <c r="EP16" s="276">
        <v>4</v>
      </c>
      <c r="EQ16" s="280">
        <v>16</v>
      </c>
      <c r="ER16" s="277">
        <v>20</v>
      </c>
      <c r="ES16" s="279">
        <v>0</v>
      </c>
      <c r="ET16" s="280">
        <v>52</v>
      </c>
      <c r="EU16" s="280">
        <v>57</v>
      </c>
      <c r="EV16" s="280">
        <v>29</v>
      </c>
      <c r="EW16" s="280">
        <v>15</v>
      </c>
      <c r="EX16" s="280">
        <v>15</v>
      </c>
      <c r="EY16" s="277">
        <v>168</v>
      </c>
      <c r="EZ16" s="282">
        <v>188</v>
      </c>
    </row>
    <row r="17" spans="2:156" ht="21" customHeight="1" x14ac:dyDescent="0.2">
      <c r="B17" s="261" t="s">
        <v>15</v>
      </c>
      <c r="C17" s="276">
        <v>0</v>
      </c>
      <c r="D17" s="280">
        <v>0</v>
      </c>
      <c r="E17" s="384">
        <v>0</v>
      </c>
      <c r="F17" s="279">
        <v>0</v>
      </c>
      <c r="G17" s="280">
        <v>3</v>
      </c>
      <c r="H17" s="280">
        <v>6</v>
      </c>
      <c r="I17" s="280">
        <v>0</v>
      </c>
      <c r="J17" s="280">
        <v>2</v>
      </c>
      <c r="K17" s="280">
        <v>4</v>
      </c>
      <c r="L17" s="281">
        <v>15</v>
      </c>
      <c r="M17" s="282">
        <v>15</v>
      </c>
      <c r="N17" s="276">
        <v>0</v>
      </c>
      <c r="O17" s="280">
        <v>0</v>
      </c>
      <c r="P17" s="277">
        <v>0</v>
      </c>
      <c r="Q17" s="279">
        <v>0</v>
      </c>
      <c r="R17" s="280">
        <v>0</v>
      </c>
      <c r="S17" s="280">
        <v>0</v>
      </c>
      <c r="T17" s="280">
        <v>0</v>
      </c>
      <c r="U17" s="280">
        <v>0</v>
      </c>
      <c r="V17" s="280">
        <v>2</v>
      </c>
      <c r="W17" s="277">
        <v>2</v>
      </c>
      <c r="X17" s="282">
        <v>2</v>
      </c>
      <c r="Y17" s="276">
        <v>0</v>
      </c>
      <c r="Z17" s="280">
        <v>1</v>
      </c>
      <c r="AA17" s="277">
        <v>1</v>
      </c>
      <c r="AB17" s="279">
        <v>0</v>
      </c>
      <c r="AC17" s="280">
        <v>2</v>
      </c>
      <c r="AD17" s="280">
        <v>3</v>
      </c>
      <c r="AE17" s="280">
        <v>1</v>
      </c>
      <c r="AF17" s="280">
        <v>5</v>
      </c>
      <c r="AG17" s="280">
        <v>3</v>
      </c>
      <c r="AH17" s="277">
        <v>14</v>
      </c>
      <c r="AI17" s="282">
        <v>15</v>
      </c>
      <c r="AJ17" s="276">
        <v>0</v>
      </c>
      <c r="AK17" s="280">
        <v>0</v>
      </c>
      <c r="AL17" s="277">
        <v>0</v>
      </c>
      <c r="AM17" s="279">
        <v>0</v>
      </c>
      <c r="AN17" s="280">
        <v>0</v>
      </c>
      <c r="AO17" s="280">
        <v>1</v>
      </c>
      <c r="AP17" s="280">
        <v>1</v>
      </c>
      <c r="AQ17" s="280">
        <v>0</v>
      </c>
      <c r="AR17" s="280">
        <v>1</v>
      </c>
      <c r="AS17" s="277">
        <v>3</v>
      </c>
      <c r="AT17" s="282">
        <v>3</v>
      </c>
      <c r="AU17" s="276">
        <v>0</v>
      </c>
      <c r="AV17" s="280">
        <v>2</v>
      </c>
      <c r="AW17" s="277">
        <v>2</v>
      </c>
      <c r="AX17" s="279">
        <v>0</v>
      </c>
      <c r="AY17" s="280">
        <v>2</v>
      </c>
      <c r="AZ17" s="280">
        <v>8</v>
      </c>
      <c r="BA17" s="280">
        <v>4</v>
      </c>
      <c r="BB17" s="280">
        <v>4</v>
      </c>
      <c r="BC17" s="280">
        <v>6</v>
      </c>
      <c r="BD17" s="281">
        <v>24</v>
      </c>
      <c r="BE17" s="282">
        <v>26</v>
      </c>
      <c r="BF17" s="276">
        <v>0</v>
      </c>
      <c r="BG17" s="280">
        <v>0</v>
      </c>
      <c r="BH17" s="277">
        <v>0</v>
      </c>
      <c r="BI17" s="279">
        <v>0</v>
      </c>
      <c r="BJ17" s="280">
        <v>4</v>
      </c>
      <c r="BK17" s="280">
        <v>2</v>
      </c>
      <c r="BL17" s="280">
        <v>1</v>
      </c>
      <c r="BM17" s="280">
        <v>2</v>
      </c>
      <c r="BN17" s="280">
        <v>0</v>
      </c>
      <c r="BO17" s="277">
        <v>9</v>
      </c>
      <c r="BP17" s="282">
        <v>9</v>
      </c>
      <c r="BQ17" s="276">
        <v>0</v>
      </c>
      <c r="BR17" s="280">
        <v>0</v>
      </c>
      <c r="BS17" s="277">
        <v>0</v>
      </c>
      <c r="BT17" s="279">
        <v>0</v>
      </c>
      <c r="BU17" s="280">
        <v>3</v>
      </c>
      <c r="BV17" s="280">
        <v>1</v>
      </c>
      <c r="BW17" s="280">
        <v>1</v>
      </c>
      <c r="BX17" s="280">
        <v>2</v>
      </c>
      <c r="BY17" s="280">
        <v>1</v>
      </c>
      <c r="BZ17" s="277">
        <v>8</v>
      </c>
      <c r="CA17" s="282">
        <v>8</v>
      </c>
      <c r="CB17" s="276">
        <v>0</v>
      </c>
      <c r="CC17" s="280">
        <v>0</v>
      </c>
      <c r="CD17" s="277">
        <v>0</v>
      </c>
      <c r="CE17" s="279">
        <v>0</v>
      </c>
      <c r="CF17" s="280">
        <v>0</v>
      </c>
      <c r="CG17" s="280">
        <v>2</v>
      </c>
      <c r="CH17" s="280">
        <v>2</v>
      </c>
      <c r="CI17" s="280">
        <v>3</v>
      </c>
      <c r="CJ17" s="280">
        <v>1</v>
      </c>
      <c r="CK17" s="277">
        <v>8</v>
      </c>
      <c r="CL17" s="282">
        <v>8</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c r="DI17" s="276">
        <v>0</v>
      </c>
      <c r="DJ17" s="280">
        <v>0</v>
      </c>
      <c r="DK17" s="277">
        <v>0</v>
      </c>
      <c r="DL17" s="279">
        <v>0</v>
      </c>
      <c r="DM17" s="280">
        <v>0</v>
      </c>
      <c r="DN17" s="280">
        <v>0</v>
      </c>
      <c r="DO17" s="280">
        <v>0</v>
      </c>
      <c r="DP17" s="280">
        <v>0</v>
      </c>
      <c r="DQ17" s="280">
        <v>0</v>
      </c>
      <c r="DR17" s="277">
        <v>0</v>
      </c>
      <c r="DS17" s="282">
        <v>0</v>
      </c>
      <c r="DT17" s="276">
        <v>0</v>
      </c>
      <c r="DU17" s="280">
        <v>4</v>
      </c>
      <c r="DV17" s="277">
        <v>4</v>
      </c>
      <c r="DW17" s="279">
        <v>0</v>
      </c>
      <c r="DX17" s="280">
        <v>9</v>
      </c>
      <c r="DY17" s="280">
        <v>14</v>
      </c>
      <c r="DZ17" s="280">
        <v>1</v>
      </c>
      <c r="EA17" s="280">
        <v>6</v>
      </c>
      <c r="EB17" s="280">
        <v>6</v>
      </c>
      <c r="EC17" s="277">
        <v>36</v>
      </c>
      <c r="ED17" s="282">
        <v>40</v>
      </c>
      <c r="EE17" s="276">
        <v>1</v>
      </c>
      <c r="EF17" s="280">
        <v>2</v>
      </c>
      <c r="EG17" s="277">
        <v>3</v>
      </c>
      <c r="EH17" s="279">
        <v>0</v>
      </c>
      <c r="EI17" s="280">
        <v>6</v>
      </c>
      <c r="EJ17" s="280">
        <v>3</v>
      </c>
      <c r="EK17" s="280">
        <v>2</v>
      </c>
      <c r="EL17" s="280">
        <v>1</v>
      </c>
      <c r="EM17" s="280">
        <v>1</v>
      </c>
      <c r="EN17" s="277">
        <v>13</v>
      </c>
      <c r="EO17" s="282">
        <v>16</v>
      </c>
      <c r="EP17" s="276">
        <v>0</v>
      </c>
      <c r="EQ17" s="280">
        <v>6</v>
      </c>
      <c r="ER17" s="277">
        <v>6</v>
      </c>
      <c r="ES17" s="279">
        <v>0</v>
      </c>
      <c r="ET17" s="280">
        <v>15</v>
      </c>
      <c r="EU17" s="280">
        <v>18</v>
      </c>
      <c r="EV17" s="280">
        <v>3</v>
      </c>
      <c r="EW17" s="280">
        <v>6</v>
      </c>
      <c r="EX17" s="280">
        <v>7</v>
      </c>
      <c r="EY17" s="277">
        <v>49</v>
      </c>
      <c r="EZ17" s="282">
        <v>55</v>
      </c>
    </row>
    <row r="18" spans="2:156" ht="21" customHeight="1" x14ac:dyDescent="0.2">
      <c r="B18" s="261" t="s">
        <v>16</v>
      </c>
      <c r="C18" s="276">
        <v>0</v>
      </c>
      <c r="D18" s="280">
        <v>0</v>
      </c>
      <c r="E18" s="384">
        <v>0</v>
      </c>
      <c r="F18" s="279">
        <v>0</v>
      </c>
      <c r="G18" s="280">
        <v>7</v>
      </c>
      <c r="H18" s="280">
        <v>14</v>
      </c>
      <c r="I18" s="280">
        <v>8</v>
      </c>
      <c r="J18" s="280">
        <v>5</v>
      </c>
      <c r="K18" s="280">
        <v>1</v>
      </c>
      <c r="L18" s="281">
        <v>35</v>
      </c>
      <c r="M18" s="282">
        <v>35</v>
      </c>
      <c r="N18" s="276">
        <v>0</v>
      </c>
      <c r="O18" s="280">
        <v>0</v>
      </c>
      <c r="P18" s="277">
        <v>0</v>
      </c>
      <c r="Q18" s="279">
        <v>0</v>
      </c>
      <c r="R18" s="280">
        <v>0</v>
      </c>
      <c r="S18" s="280">
        <v>2</v>
      </c>
      <c r="T18" s="280">
        <v>1</v>
      </c>
      <c r="U18" s="280">
        <v>0</v>
      </c>
      <c r="V18" s="280">
        <v>1</v>
      </c>
      <c r="W18" s="277">
        <v>4</v>
      </c>
      <c r="X18" s="282">
        <v>4</v>
      </c>
      <c r="Y18" s="276">
        <v>1</v>
      </c>
      <c r="Z18" s="280">
        <v>3</v>
      </c>
      <c r="AA18" s="277">
        <v>4</v>
      </c>
      <c r="AB18" s="279">
        <v>0</v>
      </c>
      <c r="AC18" s="280">
        <v>7</v>
      </c>
      <c r="AD18" s="280">
        <v>14</v>
      </c>
      <c r="AE18" s="280">
        <v>11</v>
      </c>
      <c r="AF18" s="280">
        <v>7</v>
      </c>
      <c r="AG18" s="280">
        <v>2</v>
      </c>
      <c r="AH18" s="277">
        <v>41</v>
      </c>
      <c r="AI18" s="282">
        <v>45</v>
      </c>
      <c r="AJ18" s="276">
        <v>0</v>
      </c>
      <c r="AK18" s="280">
        <v>0</v>
      </c>
      <c r="AL18" s="277">
        <v>0</v>
      </c>
      <c r="AM18" s="279">
        <v>0</v>
      </c>
      <c r="AN18" s="280">
        <v>1</v>
      </c>
      <c r="AO18" s="280">
        <v>0</v>
      </c>
      <c r="AP18" s="280">
        <v>3</v>
      </c>
      <c r="AQ18" s="280">
        <v>1</v>
      </c>
      <c r="AR18" s="280">
        <v>0</v>
      </c>
      <c r="AS18" s="277">
        <v>5</v>
      </c>
      <c r="AT18" s="282">
        <v>5</v>
      </c>
      <c r="AU18" s="276">
        <v>2</v>
      </c>
      <c r="AV18" s="280">
        <v>2</v>
      </c>
      <c r="AW18" s="277">
        <v>4</v>
      </c>
      <c r="AX18" s="279">
        <v>0</v>
      </c>
      <c r="AY18" s="280">
        <v>12</v>
      </c>
      <c r="AZ18" s="280">
        <v>13</v>
      </c>
      <c r="BA18" s="280">
        <v>18</v>
      </c>
      <c r="BB18" s="280">
        <v>17</v>
      </c>
      <c r="BC18" s="280">
        <v>12</v>
      </c>
      <c r="BD18" s="281">
        <v>72</v>
      </c>
      <c r="BE18" s="282">
        <v>76</v>
      </c>
      <c r="BF18" s="276">
        <v>0</v>
      </c>
      <c r="BG18" s="280">
        <v>0</v>
      </c>
      <c r="BH18" s="277">
        <v>0</v>
      </c>
      <c r="BI18" s="279">
        <v>0</v>
      </c>
      <c r="BJ18" s="280">
        <v>20</v>
      </c>
      <c r="BK18" s="280">
        <v>17</v>
      </c>
      <c r="BL18" s="280">
        <v>9</v>
      </c>
      <c r="BM18" s="280">
        <v>2</v>
      </c>
      <c r="BN18" s="280">
        <v>3</v>
      </c>
      <c r="BO18" s="277">
        <v>51</v>
      </c>
      <c r="BP18" s="282">
        <v>51</v>
      </c>
      <c r="BQ18" s="276">
        <v>1</v>
      </c>
      <c r="BR18" s="280">
        <v>5</v>
      </c>
      <c r="BS18" s="277">
        <v>6</v>
      </c>
      <c r="BT18" s="279">
        <v>0</v>
      </c>
      <c r="BU18" s="280">
        <v>10</v>
      </c>
      <c r="BV18" s="280">
        <v>16</v>
      </c>
      <c r="BW18" s="280">
        <v>7</v>
      </c>
      <c r="BX18" s="280">
        <v>2</v>
      </c>
      <c r="BY18" s="280">
        <v>2</v>
      </c>
      <c r="BZ18" s="277">
        <v>37</v>
      </c>
      <c r="CA18" s="282">
        <v>43</v>
      </c>
      <c r="CB18" s="276">
        <v>0</v>
      </c>
      <c r="CC18" s="280">
        <v>0</v>
      </c>
      <c r="CD18" s="277">
        <v>0</v>
      </c>
      <c r="CE18" s="279">
        <v>0</v>
      </c>
      <c r="CF18" s="280">
        <v>1</v>
      </c>
      <c r="CG18" s="280">
        <v>3</v>
      </c>
      <c r="CH18" s="280">
        <v>3</v>
      </c>
      <c r="CI18" s="280">
        <v>0</v>
      </c>
      <c r="CJ18" s="280">
        <v>0</v>
      </c>
      <c r="CK18" s="277">
        <v>7</v>
      </c>
      <c r="CL18" s="282">
        <v>7</v>
      </c>
      <c r="CM18" s="276">
        <v>0</v>
      </c>
      <c r="CN18" s="280">
        <v>0</v>
      </c>
      <c r="CO18" s="277">
        <v>0</v>
      </c>
      <c r="CP18" s="279">
        <v>0</v>
      </c>
      <c r="CQ18" s="280">
        <v>1</v>
      </c>
      <c r="CR18" s="280">
        <v>0</v>
      </c>
      <c r="CS18" s="280">
        <v>1</v>
      </c>
      <c r="CT18" s="280">
        <v>0</v>
      </c>
      <c r="CU18" s="280">
        <v>0</v>
      </c>
      <c r="CV18" s="277">
        <v>2</v>
      </c>
      <c r="CW18" s="282">
        <v>2</v>
      </c>
      <c r="CX18" s="276">
        <v>0</v>
      </c>
      <c r="CY18" s="280">
        <v>0</v>
      </c>
      <c r="CZ18" s="277">
        <v>0</v>
      </c>
      <c r="DA18" s="279">
        <v>0</v>
      </c>
      <c r="DB18" s="280">
        <v>0</v>
      </c>
      <c r="DC18" s="280">
        <v>0</v>
      </c>
      <c r="DD18" s="280">
        <v>0</v>
      </c>
      <c r="DE18" s="280">
        <v>0</v>
      </c>
      <c r="DF18" s="280">
        <v>0</v>
      </c>
      <c r="DG18" s="277">
        <v>0</v>
      </c>
      <c r="DH18" s="282">
        <v>0</v>
      </c>
      <c r="DI18" s="276">
        <v>0</v>
      </c>
      <c r="DJ18" s="280">
        <v>0</v>
      </c>
      <c r="DK18" s="277">
        <v>0</v>
      </c>
      <c r="DL18" s="279">
        <v>0</v>
      </c>
      <c r="DM18" s="280">
        <v>0</v>
      </c>
      <c r="DN18" s="280">
        <v>0</v>
      </c>
      <c r="DO18" s="280">
        <v>0</v>
      </c>
      <c r="DP18" s="280">
        <v>0</v>
      </c>
      <c r="DQ18" s="280">
        <v>0</v>
      </c>
      <c r="DR18" s="277">
        <v>0</v>
      </c>
      <c r="DS18" s="282">
        <v>0</v>
      </c>
      <c r="DT18" s="276">
        <v>8</v>
      </c>
      <c r="DU18" s="280">
        <v>15</v>
      </c>
      <c r="DV18" s="277">
        <v>23</v>
      </c>
      <c r="DW18" s="279">
        <v>0</v>
      </c>
      <c r="DX18" s="280">
        <v>18</v>
      </c>
      <c r="DY18" s="280">
        <v>42</v>
      </c>
      <c r="DZ18" s="280">
        <v>27</v>
      </c>
      <c r="EA18" s="280">
        <v>8</v>
      </c>
      <c r="EB18" s="280">
        <v>8</v>
      </c>
      <c r="EC18" s="277">
        <v>103</v>
      </c>
      <c r="ED18" s="282">
        <v>126</v>
      </c>
      <c r="EE18" s="276">
        <v>2</v>
      </c>
      <c r="EF18" s="280">
        <v>1</v>
      </c>
      <c r="EG18" s="277">
        <v>3</v>
      </c>
      <c r="EH18" s="279">
        <v>0</v>
      </c>
      <c r="EI18" s="280">
        <v>11</v>
      </c>
      <c r="EJ18" s="280">
        <v>8</v>
      </c>
      <c r="EK18" s="280">
        <v>10</v>
      </c>
      <c r="EL18" s="280">
        <v>14</v>
      </c>
      <c r="EM18" s="280">
        <v>8</v>
      </c>
      <c r="EN18" s="277">
        <v>51</v>
      </c>
      <c r="EO18" s="282">
        <v>54</v>
      </c>
      <c r="EP18" s="276">
        <v>10</v>
      </c>
      <c r="EQ18" s="280">
        <v>19</v>
      </c>
      <c r="ER18" s="277">
        <v>29</v>
      </c>
      <c r="ES18" s="279">
        <v>0</v>
      </c>
      <c r="ET18" s="280">
        <v>46</v>
      </c>
      <c r="EU18" s="280">
        <v>61</v>
      </c>
      <c r="EV18" s="280">
        <v>32</v>
      </c>
      <c r="EW18" s="280">
        <v>10</v>
      </c>
      <c r="EX18" s="280">
        <v>8</v>
      </c>
      <c r="EY18" s="277">
        <v>157</v>
      </c>
      <c r="EZ18" s="282">
        <v>186</v>
      </c>
    </row>
    <row r="19" spans="2:156" ht="21" customHeight="1" x14ac:dyDescent="0.2">
      <c r="B19" s="261" t="s">
        <v>17</v>
      </c>
      <c r="C19" s="276">
        <v>0</v>
      </c>
      <c r="D19" s="280">
        <v>0</v>
      </c>
      <c r="E19" s="384">
        <v>0</v>
      </c>
      <c r="F19" s="279">
        <v>0</v>
      </c>
      <c r="G19" s="280">
        <v>11</v>
      </c>
      <c r="H19" s="280">
        <v>15</v>
      </c>
      <c r="I19" s="280">
        <v>13</v>
      </c>
      <c r="J19" s="280">
        <v>7</v>
      </c>
      <c r="K19" s="280">
        <v>5</v>
      </c>
      <c r="L19" s="281">
        <v>51</v>
      </c>
      <c r="M19" s="282">
        <v>51</v>
      </c>
      <c r="N19" s="276">
        <v>0</v>
      </c>
      <c r="O19" s="280">
        <v>0</v>
      </c>
      <c r="P19" s="277">
        <v>0</v>
      </c>
      <c r="Q19" s="279">
        <v>0</v>
      </c>
      <c r="R19" s="280">
        <v>0</v>
      </c>
      <c r="S19" s="280">
        <v>0</v>
      </c>
      <c r="T19" s="280">
        <v>1</v>
      </c>
      <c r="U19" s="280">
        <v>3</v>
      </c>
      <c r="V19" s="280">
        <v>4</v>
      </c>
      <c r="W19" s="277">
        <v>8</v>
      </c>
      <c r="X19" s="282">
        <v>8</v>
      </c>
      <c r="Y19" s="276">
        <v>3</v>
      </c>
      <c r="Z19" s="280">
        <v>5</v>
      </c>
      <c r="AA19" s="277">
        <v>8</v>
      </c>
      <c r="AB19" s="279">
        <v>0</v>
      </c>
      <c r="AC19" s="280">
        <v>15</v>
      </c>
      <c r="AD19" s="280">
        <v>18</v>
      </c>
      <c r="AE19" s="280">
        <v>13</v>
      </c>
      <c r="AF19" s="280">
        <v>6</v>
      </c>
      <c r="AG19" s="280">
        <v>9</v>
      </c>
      <c r="AH19" s="277">
        <v>61</v>
      </c>
      <c r="AI19" s="282">
        <v>69</v>
      </c>
      <c r="AJ19" s="276">
        <v>1</v>
      </c>
      <c r="AK19" s="280">
        <v>0</v>
      </c>
      <c r="AL19" s="277">
        <v>1</v>
      </c>
      <c r="AM19" s="279">
        <v>0</v>
      </c>
      <c r="AN19" s="280">
        <v>2</v>
      </c>
      <c r="AO19" s="280">
        <v>1</v>
      </c>
      <c r="AP19" s="280">
        <v>1</v>
      </c>
      <c r="AQ19" s="280">
        <v>4</v>
      </c>
      <c r="AR19" s="280">
        <v>0</v>
      </c>
      <c r="AS19" s="277">
        <v>8</v>
      </c>
      <c r="AT19" s="282">
        <v>9</v>
      </c>
      <c r="AU19" s="276">
        <v>4</v>
      </c>
      <c r="AV19" s="280">
        <v>5</v>
      </c>
      <c r="AW19" s="277">
        <v>9</v>
      </c>
      <c r="AX19" s="279">
        <v>0</v>
      </c>
      <c r="AY19" s="280">
        <v>12</v>
      </c>
      <c r="AZ19" s="280">
        <v>23</v>
      </c>
      <c r="BA19" s="280">
        <v>22</v>
      </c>
      <c r="BB19" s="280">
        <v>26</v>
      </c>
      <c r="BC19" s="280">
        <v>25</v>
      </c>
      <c r="BD19" s="281">
        <v>108</v>
      </c>
      <c r="BE19" s="282">
        <v>117</v>
      </c>
      <c r="BF19" s="276">
        <v>0</v>
      </c>
      <c r="BG19" s="280">
        <v>0</v>
      </c>
      <c r="BH19" s="277">
        <v>0</v>
      </c>
      <c r="BI19" s="279">
        <v>0</v>
      </c>
      <c r="BJ19" s="280">
        <v>23</v>
      </c>
      <c r="BK19" s="280">
        <v>34</v>
      </c>
      <c r="BL19" s="280">
        <v>10</v>
      </c>
      <c r="BM19" s="280">
        <v>11</v>
      </c>
      <c r="BN19" s="280">
        <v>4</v>
      </c>
      <c r="BO19" s="277">
        <v>82</v>
      </c>
      <c r="BP19" s="282">
        <v>82</v>
      </c>
      <c r="BQ19" s="276">
        <v>4</v>
      </c>
      <c r="BR19" s="280">
        <v>5</v>
      </c>
      <c r="BS19" s="277">
        <v>9</v>
      </c>
      <c r="BT19" s="279">
        <v>0</v>
      </c>
      <c r="BU19" s="280">
        <v>5</v>
      </c>
      <c r="BV19" s="280">
        <v>9</v>
      </c>
      <c r="BW19" s="280">
        <v>6</v>
      </c>
      <c r="BX19" s="280">
        <v>2</v>
      </c>
      <c r="BY19" s="280">
        <v>1</v>
      </c>
      <c r="BZ19" s="277">
        <v>23</v>
      </c>
      <c r="CA19" s="282">
        <v>32</v>
      </c>
      <c r="CB19" s="276">
        <v>0</v>
      </c>
      <c r="CC19" s="280">
        <v>0</v>
      </c>
      <c r="CD19" s="277">
        <v>0</v>
      </c>
      <c r="CE19" s="279">
        <v>0</v>
      </c>
      <c r="CF19" s="280">
        <v>4</v>
      </c>
      <c r="CG19" s="280">
        <v>5</v>
      </c>
      <c r="CH19" s="280">
        <v>7</v>
      </c>
      <c r="CI19" s="280">
        <v>7</v>
      </c>
      <c r="CJ19" s="280">
        <v>3</v>
      </c>
      <c r="CK19" s="277">
        <v>26</v>
      </c>
      <c r="CL19" s="282">
        <v>26</v>
      </c>
      <c r="CM19" s="276">
        <v>0</v>
      </c>
      <c r="CN19" s="280">
        <v>0</v>
      </c>
      <c r="CO19" s="277">
        <v>0</v>
      </c>
      <c r="CP19" s="279">
        <v>0</v>
      </c>
      <c r="CQ19" s="280">
        <v>1</v>
      </c>
      <c r="CR19" s="280">
        <v>0</v>
      </c>
      <c r="CS19" s="280">
        <v>3</v>
      </c>
      <c r="CT19" s="280">
        <v>3</v>
      </c>
      <c r="CU19" s="280">
        <v>0</v>
      </c>
      <c r="CV19" s="277">
        <v>7</v>
      </c>
      <c r="CW19" s="282">
        <v>7</v>
      </c>
      <c r="CX19" s="276">
        <v>0</v>
      </c>
      <c r="CY19" s="280">
        <v>0</v>
      </c>
      <c r="CZ19" s="277">
        <v>0</v>
      </c>
      <c r="DA19" s="279">
        <v>0</v>
      </c>
      <c r="DB19" s="280">
        <v>0</v>
      </c>
      <c r="DC19" s="280">
        <v>0</v>
      </c>
      <c r="DD19" s="280">
        <v>0</v>
      </c>
      <c r="DE19" s="280">
        <v>0</v>
      </c>
      <c r="DF19" s="280">
        <v>0</v>
      </c>
      <c r="DG19" s="277">
        <v>0</v>
      </c>
      <c r="DH19" s="282">
        <v>0</v>
      </c>
      <c r="DI19" s="276">
        <v>0</v>
      </c>
      <c r="DJ19" s="280">
        <v>0</v>
      </c>
      <c r="DK19" s="277">
        <v>0</v>
      </c>
      <c r="DL19" s="279">
        <v>0</v>
      </c>
      <c r="DM19" s="280">
        <v>0</v>
      </c>
      <c r="DN19" s="280">
        <v>0</v>
      </c>
      <c r="DO19" s="280">
        <v>0</v>
      </c>
      <c r="DP19" s="280">
        <v>0</v>
      </c>
      <c r="DQ19" s="280">
        <v>0</v>
      </c>
      <c r="DR19" s="277">
        <v>0</v>
      </c>
      <c r="DS19" s="282">
        <v>0</v>
      </c>
      <c r="DT19" s="276">
        <v>14</v>
      </c>
      <c r="DU19" s="280">
        <v>19</v>
      </c>
      <c r="DV19" s="277">
        <v>33</v>
      </c>
      <c r="DW19" s="279">
        <v>0</v>
      </c>
      <c r="DX19" s="280">
        <v>26</v>
      </c>
      <c r="DY19" s="280">
        <v>60</v>
      </c>
      <c r="DZ19" s="280">
        <v>45</v>
      </c>
      <c r="EA19" s="280">
        <v>28</v>
      </c>
      <c r="EB19" s="280">
        <v>15</v>
      </c>
      <c r="EC19" s="277">
        <v>174</v>
      </c>
      <c r="ED19" s="282">
        <v>207</v>
      </c>
      <c r="EE19" s="276">
        <v>2</v>
      </c>
      <c r="EF19" s="280">
        <v>2</v>
      </c>
      <c r="EG19" s="277">
        <v>4</v>
      </c>
      <c r="EH19" s="279">
        <v>0</v>
      </c>
      <c r="EI19" s="280">
        <v>6</v>
      </c>
      <c r="EJ19" s="280">
        <v>6</v>
      </c>
      <c r="EK19" s="280">
        <v>8</v>
      </c>
      <c r="EL19" s="280">
        <v>14</v>
      </c>
      <c r="EM19" s="280">
        <v>9</v>
      </c>
      <c r="EN19" s="277">
        <v>43</v>
      </c>
      <c r="EO19" s="282">
        <v>47</v>
      </c>
      <c r="EP19" s="276">
        <v>19</v>
      </c>
      <c r="EQ19" s="280">
        <v>25</v>
      </c>
      <c r="ER19" s="277">
        <v>44</v>
      </c>
      <c r="ES19" s="279">
        <v>0</v>
      </c>
      <c r="ET19" s="280">
        <v>57</v>
      </c>
      <c r="EU19" s="280">
        <v>82</v>
      </c>
      <c r="EV19" s="280">
        <v>50</v>
      </c>
      <c r="EW19" s="280">
        <v>31</v>
      </c>
      <c r="EX19" s="280">
        <v>16</v>
      </c>
      <c r="EY19" s="277">
        <v>236</v>
      </c>
      <c r="EZ19" s="282">
        <v>280</v>
      </c>
    </row>
    <row r="20" spans="2:156" ht="21" customHeight="1" x14ac:dyDescent="0.2">
      <c r="B20" s="261" t="s">
        <v>18</v>
      </c>
      <c r="C20" s="276">
        <v>0</v>
      </c>
      <c r="D20" s="280">
        <v>0</v>
      </c>
      <c r="E20" s="384">
        <v>0</v>
      </c>
      <c r="F20" s="279">
        <v>0</v>
      </c>
      <c r="G20" s="280">
        <v>29</v>
      </c>
      <c r="H20" s="280">
        <v>29</v>
      </c>
      <c r="I20" s="280">
        <v>15</v>
      </c>
      <c r="J20" s="280">
        <v>14</v>
      </c>
      <c r="K20" s="280">
        <v>11</v>
      </c>
      <c r="L20" s="281">
        <v>98</v>
      </c>
      <c r="M20" s="282">
        <v>98</v>
      </c>
      <c r="N20" s="276">
        <v>0</v>
      </c>
      <c r="O20" s="280">
        <v>0</v>
      </c>
      <c r="P20" s="277">
        <v>0</v>
      </c>
      <c r="Q20" s="279">
        <v>0</v>
      </c>
      <c r="R20" s="280">
        <v>0</v>
      </c>
      <c r="S20" s="280">
        <v>0</v>
      </c>
      <c r="T20" s="280">
        <v>3</v>
      </c>
      <c r="U20" s="280">
        <v>4</v>
      </c>
      <c r="V20" s="280">
        <v>5</v>
      </c>
      <c r="W20" s="277">
        <v>12</v>
      </c>
      <c r="X20" s="282">
        <v>12</v>
      </c>
      <c r="Y20" s="276">
        <v>8</v>
      </c>
      <c r="Z20" s="280">
        <v>8</v>
      </c>
      <c r="AA20" s="277">
        <v>16</v>
      </c>
      <c r="AB20" s="279">
        <v>0</v>
      </c>
      <c r="AC20" s="280">
        <v>19</v>
      </c>
      <c r="AD20" s="280">
        <v>31</v>
      </c>
      <c r="AE20" s="280">
        <v>14</v>
      </c>
      <c r="AF20" s="280">
        <v>14</v>
      </c>
      <c r="AG20" s="280">
        <v>10</v>
      </c>
      <c r="AH20" s="277">
        <v>88</v>
      </c>
      <c r="AI20" s="282">
        <v>104</v>
      </c>
      <c r="AJ20" s="276">
        <v>1</v>
      </c>
      <c r="AK20" s="280">
        <v>0</v>
      </c>
      <c r="AL20" s="277">
        <v>1</v>
      </c>
      <c r="AM20" s="279">
        <v>0</v>
      </c>
      <c r="AN20" s="280">
        <v>3</v>
      </c>
      <c r="AO20" s="280">
        <v>4</v>
      </c>
      <c r="AP20" s="280">
        <v>3</v>
      </c>
      <c r="AQ20" s="280">
        <v>2</v>
      </c>
      <c r="AR20" s="280">
        <v>1</v>
      </c>
      <c r="AS20" s="277">
        <v>13</v>
      </c>
      <c r="AT20" s="282">
        <v>14</v>
      </c>
      <c r="AU20" s="276">
        <v>5</v>
      </c>
      <c r="AV20" s="280">
        <v>3</v>
      </c>
      <c r="AW20" s="277">
        <v>8</v>
      </c>
      <c r="AX20" s="279">
        <v>0</v>
      </c>
      <c r="AY20" s="280">
        <v>29</v>
      </c>
      <c r="AZ20" s="280">
        <v>32</v>
      </c>
      <c r="BA20" s="280">
        <v>29</v>
      </c>
      <c r="BB20" s="280">
        <v>26</v>
      </c>
      <c r="BC20" s="280">
        <v>35</v>
      </c>
      <c r="BD20" s="281">
        <v>151</v>
      </c>
      <c r="BE20" s="282">
        <v>159</v>
      </c>
      <c r="BF20" s="276">
        <v>0</v>
      </c>
      <c r="BG20" s="280">
        <v>0</v>
      </c>
      <c r="BH20" s="277">
        <v>0</v>
      </c>
      <c r="BI20" s="279">
        <v>0</v>
      </c>
      <c r="BJ20" s="280">
        <v>34</v>
      </c>
      <c r="BK20" s="280">
        <v>43</v>
      </c>
      <c r="BL20" s="280">
        <v>15</v>
      </c>
      <c r="BM20" s="280">
        <v>9</v>
      </c>
      <c r="BN20" s="280">
        <v>5</v>
      </c>
      <c r="BO20" s="277">
        <v>106</v>
      </c>
      <c r="BP20" s="282">
        <v>106</v>
      </c>
      <c r="BQ20" s="276">
        <v>6</v>
      </c>
      <c r="BR20" s="280">
        <v>6</v>
      </c>
      <c r="BS20" s="277">
        <v>12</v>
      </c>
      <c r="BT20" s="279">
        <v>0</v>
      </c>
      <c r="BU20" s="280">
        <v>10</v>
      </c>
      <c r="BV20" s="280">
        <v>13</v>
      </c>
      <c r="BW20" s="280">
        <v>6</v>
      </c>
      <c r="BX20" s="280">
        <v>8</v>
      </c>
      <c r="BY20" s="280">
        <v>2</v>
      </c>
      <c r="BZ20" s="277">
        <v>39</v>
      </c>
      <c r="CA20" s="282">
        <v>51</v>
      </c>
      <c r="CB20" s="276">
        <v>0</v>
      </c>
      <c r="CC20" s="280">
        <v>0</v>
      </c>
      <c r="CD20" s="277">
        <v>0</v>
      </c>
      <c r="CE20" s="279">
        <v>0</v>
      </c>
      <c r="CF20" s="280">
        <v>2</v>
      </c>
      <c r="CG20" s="280">
        <v>11</v>
      </c>
      <c r="CH20" s="280">
        <v>10</v>
      </c>
      <c r="CI20" s="280">
        <v>11</v>
      </c>
      <c r="CJ20" s="280">
        <v>6</v>
      </c>
      <c r="CK20" s="277">
        <v>40</v>
      </c>
      <c r="CL20" s="282">
        <v>40</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c r="DI20" s="276">
        <v>0</v>
      </c>
      <c r="DJ20" s="280">
        <v>0</v>
      </c>
      <c r="DK20" s="277">
        <v>0</v>
      </c>
      <c r="DL20" s="279">
        <v>0</v>
      </c>
      <c r="DM20" s="280">
        <v>0</v>
      </c>
      <c r="DN20" s="280">
        <v>0</v>
      </c>
      <c r="DO20" s="280">
        <v>0</v>
      </c>
      <c r="DP20" s="280">
        <v>0</v>
      </c>
      <c r="DQ20" s="280">
        <v>0</v>
      </c>
      <c r="DR20" s="277">
        <v>0</v>
      </c>
      <c r="DS20" s="282">
        <v>0</v>
      </c>
      <c r="DT20" s="276">
        <v>13</v>
      </c>
      <c r="DU20" s="280">
        <v>26</v>
      </c>
      <c r="DV20" s="277">
        <v>39</v>
      </c>
      <c r="DW20" s="279">
        <v>0</v>
      </c>
      <c r="DX20" s="280">
        <v>41</v>
      </c>
      <c r="DY20" s="280">
        <v>67</v>
      </c>
      <c r="DZ20" s="280">
        <v>41</v>
      </c>
      <c r="EA20" s="280">
        <v>33</v>
      </c>
      <c r="EB20" s="280">
        <v>26</v>
      </c>
      <c r="EC20" s="277">
        <v>208</v>
      </c>
      <c r="ED20" s="282">
        <v>247</v>
      </c>
      <c r="EE20" s="276">
        <v>4</v>
      </c>
      <c r="EF20" s="280">
        <v>2</v>
      </c>
      <c r="EG20" s="277">
        <v>6</v>
      </c>
      <c r="EH20" s="279">
        <v>0</v>
      </c>
      <c r="EI20" s="280">
        <v>15</v>
      </c>
      <c r="EJ20" s="280">
        <v>11</v>
      </c>
      <c r="EK20" s="280">
        <v>8</v>
      </c>
      <c r="EL20" s="280">
        <v>9</v>
      </c>
      <c r="EM20" s="280">
        <v>12</v>
      </c>
      <c r="EN20" s="277">
        <v>55</v>
      </c>
      <c r="EO20" s="282">
        <v>61</v>
      </c>
      <c r="EP20" s="276">
        <v>22</v>
      </c>
      <c r="EQ20" s="280">
        <v>32</v>
      </c>
      <c r="ER20" s="277">
        <v>54</v>
      </c>
      <c r="ES20" s="279">
        <v>0</v>
      </c>
      <c r="ET20" s="280">
        <v>98</v>
      </c>
      <c r="EU20" s="280">
        <v>99</v>
      </c>
      <c r="EV20" s="280">
        <v>51</v>
      </c>
      <c r="EW20" s="280">
        <v>43</v>
      </c>
      <c r="EX20" s="280">
        <v>25</v>
      </c>
      <c r="EY20" s="277">
        <v>316</v>
      </c>
      <c r="EZ20" s="282">
        <v>370</v>
      </c>
    </row>
    <row r="21" spans="2:156" ht="21" customHeight="1" x14ac:dyDescent="0.2">
      <c r="B21" s="261" t="s">
        <v>19</v>
      </c>
      <c r="C21" s="276">
        <v>0</v>
      </c>
      <c r="D21" s="280">
        <v>0</v>
      </c>
      <c r="E21" s="384">
        <v>0</v>
      </c>
      <c r="F21" s="279">
        <v>0</v>
      </c>
      <c r="G21" s="280">
        <v>6</v>
      </c>
      <c r="H21" s="280">
        <v>6</v>
      </c>
      <c r="I21" s="280">
        <v>5</v>
      </c>
      <c r="J21" s="280">
        <v>5</v>
      </c>
      <c r="K21" s="280">
        <v>7</v>
      </c>
      <c r="L21" s="281">
        <v>29</v>
      </c>
      <c r="M21" s="282">
        <v>29</v>
      </c>
      <c r="N21" s="276">
        <v>0</v>
      </c>
      <c r="O21" s="280">
        <v>0</v>
      </c>
      <c r="P21" s="277">
        <v>0</v>
      </c>
      <c r="Q21" s="279">
        <v>0</v>
      </c>
      <c r="R21" s="280">
        <v>1</v>
      </c>
      <c r="S21" s="280">
        <v>0</v>
      </c>
      <c r="T21" s="280">
        <v>1</v>
      </c>
      <c r="U21" s="280">
        <v>1</v>
      </c>
      <c r="V21" s="280">
        <v>3</v>
      </c>
      <c r="W21" s="277">
        <v>6</v>
      </c>
      <c r="X21" s="282">
        <v>6</v>
      </c>
      <c r="Y21" s="276">
        <v>2</v>
      </c>
      <c r="Z21" s="280">
        <v>4</v>
      </c>
      <c r="AA21" s="277">
        <v>6</v>
      </c>
      <c r="AB21" s="279">
        <v>0</v>
      </c>
      <c r="AC21" s="280">
        <v>11</v>
      </c>
      <c r="AD21" s="280">
        <v>7</v>
      </c>
      <c r="AE21" s="280">
        <v>4</v>
      </c>
      <c r="AF21" s="280">
        <v>9</v>
      </c>
      <c r="AG21" s="280">
        <v>4</v>
      </c>
      <c r="AH21" s="277">
        <v>35</v>
      </c>
      <c r="AI21" s="282">
        <v>41</v>
      </c>
      <c r="AJ21" s="276">
        <v>0</v>
      </c>
      <c r="AK21" s="280">
        <v>0</v>
      </c>
      <c r="AL21" s="277">
        <v>0</v>
      </c>
      <c r="AM21" s="279">
        <v>0</v>
      </c>
      <c r="AN21" s="280">
        <v>2</v>
      </c>
      <c r="AO21" s="280">
        <v>0</v>
      </c>
      <c r="AP21" s="280">
        <v>1</v>
      </c>
      <c r="AQ21" s="280">
        <v>1</v>
      </c>
      <c r="AR21" s="280">
        <v>0</v>
      </c>
      <c r="AS21" s="277">
        <v>4</v>
      </c>
      <c r="AT21" s="282">
        <v>4</v>
      </c>
      <c r="AU21" s="276">
        <v>1</v>
      </c>
      <c r="AV21" s="280">
        <v>4</v>
      </c>
      <c r="AW21" s="277">
        <v>5</v>
      </c>
      <c r="AX21" s="279">
        <v>0</v>
      </c>
      <c r="AY21" s="280">
        <v>16</v>
      </c>
      <c r="AZ21" s="280">
        <v>13</v>
      </c>
      <c r="BA21" s="280">
        <v>8</v>
      </c>
      <c r="BB21" s="280">
        <v>16</v>
      </c>
      <c r="BC21" s="280">
        <v>7</v>
      </c>
      <c r="BD21" s="281">
        <v>60</v>
      </c>
      <c r="BE21" s="282">
        <v>65</v>
      </c>
      <c r="BF21" s="276">
        <v>0</v>
      </c>
      <c r="BG21" s="280">
        <v>0</v>
      </c>
      <c r="BH21" s="277">
        <v>0</v>
      </c>
      <c r="BI21" s="279">
        <v>0</v>
      </c>
      <c r="BJ21" s="280">
        <v>12</v>
      </c>
      <c r="BK21" s="280">
        <v>3</v>
      </c>
      <c r="BL21" s="280">
        <v>6</v>
      </c>
      <c r="BM21" s="280">
        <v>5</v>
      </c>
      <c r="BN21" s="280">
        <v>5</v>
      </c>
      <c r="BO21" s="277">
        <v>31</v>
      </c>
      <c r="BP21" s="282">
        <v>31</v>
      </c>
      <c r="BQ21" s="276">
        <v>0</v>
      </c>
      <c r="BR21" s="280">
        <v>4</v>
      </c>
      <c r="BS21" s="277">
        <v>4</v>
      </c>
      <c r="BT21" s="279">
        <v>0</v>
      </c>
      <c r="BU21" s="280">
        <v>6</v>
      </c>
      <c r="BV21" s="280">
        <v>1</v>
      </c>
      <c r="BW21" s="280">
        <v>4</v>
      </c>
      <c r="BX21" s="280">
        <v>4</v>
      </c>
      <c r="BY21" s="280">
        <v>1</v>
      </c>
      <c r="BZ21" s="277">
        <v>16</v>
      </c>
      <c r="CA21" s="282">
        <v>20</v>
      </c>
      <c r="CB21" s="276">
        <v>0</v>
      </c>
      <c r="CC21" s="280">
        <v>1</v>
      </c>
      <c r="CD21" s="277">
        <v>1</v>
      </c>
      <c r="CE21" s="279">
        <v>0</v>
      </c>
      <c r="CF21" s="280">
        <v>2</v>
      </c>
      <c r="CG21" s="280">
        <v>2</v>
      </c>
      <c r="CH21" s="280">
        <v>1</v>
      </c>
      <c r="CI21" s="280">
        <v>1</v>
      </c>
      <c r="CJ21" s="280">
        <v>2</v>
      </c>
      <c r="CK21" s="277">
        <v>8</v>
      </c>
      <c r="CL21" s="282">
        <v>9</v>
      </c>
      <c r="CM21" s="276">
        <v>0</v>
      </c>
      <c r="CN21" s="280">
        <v>0</v>
      </c>
      <c r="CO21" s="277">
        <v>0</v>
      </c>
      <c r="CP21" s="279">
        <v>0</v>
      </c>
      <c r="CQ21" s="280">
        <v>0</v>
      </c>
      <c r="CR21" s="280">
        <v>0</v>
      </c>
      <c r="CS21" s="280">
        <v>1</v>
      </c>
      <c r="CT21" s="280">
        <v>0</v>
      </c>
      <c r="CU21" s="280">
        <v>0</v>
      </c>
      <c r="CV21" s="277">
        <v>1</v>
      </c>
      <c r="CW21" s="282">
        <v>1</v>
      </c>
      <c r="CX21" s="276">
        <v>0</v>
      </c>
      <c r="CY21" s="280">
        <v>0</v>
      </c>
      <c r="CZ21" s="277">
        <v>0</v>
      </c>
      <c r="DA21" s="279">
        <v>0</v>
      </c>
      <c r="DB21" s="280">
        <v>0</v>
      </c>
      <c r="DC21" s="280">
        <v>0</v>
      </c>
      <c r="DD21" s="280">
        <v>0</v>
      </c>
      <c r="DE21" s="280">
        <v>0</v>
      </c>
      <c r="DF21" s="280">
        <v>0</v>
      </c>
      <c r="DG21" s="277">
        <v>0</v>
      </c>
      <c r="DH21" s="282">
        <v>0</v>
      </c>
      <c r="DI21" s="276">
        <v>0</v>
      </c>
      <c r="DJ21" s="280">
        <v>0</v>
      </c>
      <c r="DK21" s="277">
        <v>0</v>
      </c>
      <c r="DL21" s="279">
        <v>0</v>
      </c>
      <c r="DM21" s="280">
        <v>0</v>
      </c>
      <c r="DN21" s="280">
        <v>0</v>
      </c>
      <c r="DO21" s="280">
        <v>0</v>
      </c>
      <c r="DP21" s="280">
        <v>0</v>
      </c>
      <c r="DQ21" s="280">
        <v>0</v>
      </c>
      <c r="DR21" s="277">
        <v>0</v>
      </c>
      <c r="DS21" s="282">
        <v>0</v>
      </c>
      <c r="DT21" s="276">
        <v>6</v>
      </c>
      <c r="DU21" s="280">
        <v>9</v>
      </c>
      <c r="DV21" s="277">
        <v>15</v>
      </c>
      <c r="DW21" s="279">
        <v>0</v>
      </c>
      <c r="DX21" s="280">
        <v>18</v>
      </c>
      <c r="DY21" s="280">
        <v>16</v>
      </c>
      <c r="DZ21" s="280">
        <v>16</v>
      </c>
      <c r="EA21" s="280">
        <v>14</v>
      </c>
      <c r="EB21" s="280">
        <v>7</v>
      </c>
      <c r="EC21" s="277">
        <v>71</v>
      </c>
      <c r="ED21" s="282">
        <v>86</v>
      </c>
      <c r="EE21" s="276">
        <v>0</v>
      </c>
      <c r="EF21" s="280">
        <v>3</v>
      </c>
      <c r="EG21" s="277">
        <v>3</v>
      </c>
      <c r="EH21" s="279">
        <v>0</v>
      </c>
      <c r="EI21" s="280">
        <v>8</v>
      </c>
      <c r="EJ21" s="280">
        <v>7</v>
      </c>
      <c r="EK21" s="280">
        <v>2</v>
      </c>
      <c r="EL21" s="280">
        <v>6</v>
      </c>
      <c r="EM21" s="280">
        <v>1</v>
      </c>
      <c r="EN21" s="277">
        <v>24</v>
      </c>
      <c r="EO21" s="282">
        <v>27</v>
      </c>
      <c r="EP21" s="276">
        <v>8</v>
      </c>
      <c r="EQ21" s="280">
        <v>14</v>
      </c>
      <c r="ER21" s="277">
        <v>22</v>
      </c>
      <c r="ES21" s="279">
        <v>0</v>
      </c>
      <c r="ET21" s="280">
        <v>38</v>
      </c>
      <c r="EU21" s="280">
        <v>24</v>
      </c>
      <c r="EV21" s="280">
        <v>16</v>
      </c>
      <c r="EW21" s="280">
        <v>14</v>
      </c>
      <c r="EX21" s="280">
        <v>8</v>
      </c>
      <c r="EY21" s="277">
        <v>100</v>
      </c>
      <c r="EZ21" s="282">
        <v>122</v>
      </c>
    </row>
    <row r="22" spans="2:156" ht="21" customHeight="1" x14ac:dyDescent="0.2">
      <c r="B22" s="261" t="s">
        <v>20</v>
      </c>
      <c r="C22" s="276">
        <v>0</v>
      </c>
      <c r="D22" s="280">
        <v>0</v>
      </c>
      <c r="E22" s="384">
        <v>0</v>
      </c>
      <c r="F22" s="279">
        <v>0</v>
      </c>
      <c r="G22" s="280">
        <v>16</v>
      </c>
      <c r="H22" s="280">
        <v>9</v>
      </c>
      <c r="I22" s="280">
        <v>7</v>
      </c>
      <c r="J22" s="280">
        <v>5</v>
      </c>
      <c r="K22" s="280">
        <v>5</v>
      </c>
      <c r="L22" s="281">
        <v>42</v>
      </c>
      <c r="M22" s="282">
        <v>42</v>
      </c>
      <c r="N22" s="276">
        <v>0</v>
      </c>
      <c r="O22" s="280">
        <v>0</v>
      </c>
      <c r="P22" s="277">
        <v>0</v>
      </c>
      <c r="Q22" s="279">
        <v>0</v>
      </c>
      <c r="R22" s="280">
        <v>0</v>
      </c>
      <c r="S22" s="280">
        <v>1</v>
      </c>
      <c r="T22" s="280">
        <v>1</v>
      </c>
      <c r="U22" s="280">
        <v>1</v>
      </c>
      <c r="V22" s="280">
        <v>1</v>
      </c>
      <c r="W22" s="277">
        <v>4</v>
      </c>
      <c r="X22" s="282">
        <v>4</v>
      </c>
      <c r="Y22" s="276">
        <v>3</v>
      </c>
      <c r="Z22" s="280">
        <v>8</v>
      </c>
      <c r="AA22" s="277">
        <v>11</v>
      </c>
      <c r="AB22" s="279">
        <v>0</v>
      </c>
      <c r="AC22" s="280">
        <v>15</v>
      </c>
      <c r="AD22" s="280">
        <v>13</v>
      </c>
      <c r="AE22" s="280">
        <v>10</v>
      </c>
      <c r="AF22" s="280">
        <v>3</v>
      </c>
      <c r="AG22" s="280">
        <v>2</v>
      </c>
      <c r="AH22" s="277">
        <v>43</v>
      </c>
      <c r="AI22" s="282">
        <v>54</v>
      </c>
      <c r="AJ22" s="276">
        <v>0</v>
      </c>
      <c r="AK22" s="280">
        <v>3</v>
      </c>
      <c r="AL22" s="277">
        <v>3</v>
      </c>
      <c r="AM22" s="279">
        <v>0</v>
      </c>
      <c r="AN22" s="280">
        <v>6</v>
      </c>
      <c r="AO22" s="280">
        <v>3</v>
      </c>
      <c r="AP22" s="280">
        <v>2</v>
      </c>
      <c r="AQ22" s="280">
        <v>1</v>
      </c>
      <c r="AR22" s="280">
        <v>1</v>
      </c>
      <c r="AS22" s="277">
        <v>13</v>
      </c>
      <c r="AT22" s="282">
        <v>16</v>
      </c>
      <c r="AU22" s="276">
        <v>1</v>
      </c>
      <c r="AV22" s="280">
        <v>1</v>
      </c>
      <c r="AW22" s="277">
        <v>2</v>
      </c>
      <c r="AX22" s="279">
        <v>0</v>
      </c>
      <c r="AY22" s="280">
        <v>12</v>
      </c>
      <c r="AZ22" s="280">
        <v>12</v>
      </c>
      <c r="BA22" s="280">
        <v>11</v>
      </c>
      <c r="BB22" s="280">
        <v>13</v>
      </c>
      <c r="BC22" s="280">
        <v>9</v>
      </c>
      <c r="BD22" s="281">
        <v>57</v>
      </c>
      <c r="BE22" s="282">
        <v>59</v>
      </c>
      <c r="BF22" s="276">
        <v>0</v>
      </c>
      <c r="BG22" s="280">
        <v>0</v>
      </c>
      <c r="BH22" s="277">
        <v>0</v>
      </c>
      <c r="BI22" s="279">
        <v>0</v>
      </c>
      <c r="BJ22" s="280">
        <v>10</v>
      </c>
      <c r="BK22" s="280">
        <v>10</v>
      </c>
      <c r="BL22" s="280">
        <v>11</v>
      </c>
      <c r="BM22" s="280">
        <v>3</v>
      </c>
      <c r="BN22" s="280">
        <v>3</v>
      </c>
      <c r="BO22" s="277">
        <v>37</v>
      </c>
      <c r="BP22" s="282">
        <v>37</v>
      </c>
      <c r="BQ22" s="276">
        <v>0</v>
      </c>
      <c r="BR22" s="280">
        <v>3</v>
      </c>
      <c r="BS22" s="277">
        <v>3</v>
      </c>
      <c r="BT22" s="279">
        <v>0</v>
      </c>
      <c r="BU22" s="280">
        <v>12</v>
      </c>
      <c r="BV22" s="280">
        <v>12</v>
      </c>
      <c r="BW22" s="280">
        <v>5</v>
      </c>
      <c r="BX22" s="280">
        <v>3</v>
      </c>
      <c r="BY22" s="280">
        <v>3</v>
      </c>
      <c r="BZ22" s="277">
        <v>35</v>
      </c>
      <c r="CA22" s="282">
        <v>38</v>
      </c>
      <c r="CB22" s="276">
        <v>0</v>
      </c>
      <c r="CC22" s="280">
        <v>0</v>
      </c>
      <c r="CD22" s="277">
        <v>0</v>
      </c>
      <c r="CE22" s="279">
        <v>0</v>
      </c>
      <c r="CF22" s="280">
        <v>3</v>
      </c>
      <c r="CG22" s="280">
        <v>3</v>
      </c>
      <c r="CH22" s="280">
        <v>3</v>
      </c>
      <c r="CI22" s="280">
        <v>5</v>
      </c>
      <c r="CJ22" s="280">
        <v>0</v>
      </c>
      <c r="CK22" s="277">
        <v>14</v>
      </c>
      <c r="CL22" s="282">
        <v>14</v>
      </c>
      <c r="CM22" s="276">
        <v>0</v>
      </c>
      <c r="CN22" s="280">
        <v>0</v>
      </c>
      <c r="CO22" s="277">
        <v>0</v>
      </c>
      <c r="CP22" s="279">
        <v>0</v>
      </c>
      <c r="CQ22" s="280">
        <v>0</v>
      </c>
      <c r="CR22" s="280">
        <v>0</v>
      </c>
      <c r="CS22" s="280">
        <v>1</v>
      </c>
      <c r="CT22" s="280">
        <v>0</v>
      </c>
      <c r="CU22" s="280">
        <v>0</v>
      </c>
      <c r="CV22" s="277">
        <v>1</v>
      </c>
      <c r="CW22" s="282">
        <v>1</v>
      </c>
      <c r="CX22" s="276">
        <v>0</v>
      </c>
      <c r="CY22" s="280">
        <v>0</v>
      </c>
      <c r="CZ22" s="277">
        <v>0</v>
      </c>
      <c r="DA22" s="279">
        <v>0</v>
      </c>
      <c r="DB22" s="280">
        <v>0</v>
      </c>
      <c r="DC22" s="280">
        <v>0</v>
      </c>
      <c r="DD22" s="280">
        <v>0</v>
      </c>
      <c r="DE22" s="280">
        <v>0</v>
      </c>
      <c r="DF22" s="280">
        <v>0</v>
      </c>
      <c r="DG22" s="277">
        <v>0</v>
      </c>
      <c r="DH22" s="282">
        <v>0</v>
      </c>
      <c r="DI22" s="276">
        <v>0</v>
      </c>
      <c r="DJ22" s="280">
        <v>0</v>
      </c>
      <c r="DK22" s="277">
        <v>0</v>
      </c>
      <c r="DL22" s="279">
        <v>0</v>
      </c>
      <c r="DM22" s="280">
        <v>0</v>
      </c>
      <c r="DN22" s="280">
        <v>0</v>
      </c>
      <c r="DO22" s="280">
        <v>0</v>
      </c>
      <c r="DP22" s="280">
        <v>0</v>
      </c>
      <c r="DQ22" s="280">
        <v>0</v>
      </c>
      <c r="DR22" s="277">
        <v>0</v>
      </c>
      <c r="DS22" s="282">
        <v>0</v>
      </c>
      <c r="DT22" s="276">
        <v>5</v>
      </c>
      <c r="DU22" s="280">
        <v>23</v>
      </c>
      <c r="DV22" s="277">
        <v>28</v>
      </c>
      <c r="DW22" s="279">
        <v>0</v>
      </c>
      <c r="DX22" s="280">
        <v>33</v>
      </c>
      <c r="DY22" s="280">
        <v>27</v>
      </c>
      <c r="DZ22" s="280">
        <v>19</v>
      </c>
      <c r="EA22" s="280">
        <v>10</v>
      </c>
      <c r="EB22" s="280">
        <v>6</v>
      </c>
      <c r="EC22" s="277">
        <v>95</v>
      </c>
      <c r="ED22" s="282">
        <v>123</v>
      </c>
      <c r="EE22" s="276">
        <v>1</v>
      </c>
      <c r="EF22" s="280">
        <v>1</v>
      </c>
      <c r="EG22" s="277">
        <v>2</v>
      </c>
      <c r="EH22" s="279">
        <v>0</v>
      </c>
      <c r="EI22" s="280">
        <v>2</v>
      </c>
      <c r="EJ22" s="280">
        <v>5</v>
      </c>
      <c r="EK22" s="280">
        <v>5</v>
      </c>
      <c r="EL22" s="280">
        <v>7</v>
      </c>
      <c r="EM22" s="280">
        <v>2</v>
      </c>
      <c r="EN22" s="277">
        <v>21</v>
      </c>
      <c r="EO22" s="282">
        <v>23</v>
      </c>
      <c r="EP22" s="276">
        <v>8</v>
      </c>
      <c r="EQ22" s="280">
        <v>26</v>
      </c>
      <c r="ER22" s="277">
        <v>34</v>
      </c>
      <c r="ES22" s="279">
        <v>0</v>
      </c>
      <c r="ET22" s="280">
        <v>58</v>
      </c>
      <c r="EU22" s="280">
        <v>39</v>
      </c>
      <c r="EV22" s="280">
        <v>25</v>
      </c>
      <c r="EW22" s="280">
        <v>11</v>
      </c>
      <c r="EX22" s="280">
        <v>7</v>
      </c>
      <c r="EY22" s="277">
        <v>140</v>
      </c>
      <c r="EZ22" s="282">
        <v>174</v>
      </c>
    </row>
    <row r="23" spans="2:156" ht="21" customHeight="1" x14ac:dyDescent="0.2">
      <c r="B23" s="261" t="s">
        <v>21</v>
      </c>
      <c r="C23" s="276">
        <v>0</v>
      </c>
      <c r="D23" s="280">
        <v>0</v>
      </c>
      <c r="E23" s="384">
        <v>0</v>
      </c>
      <c r="F23" s="279">
        <v>0</v>
      </c>
      <c r="G23" s="280">
        <v>11</v>
      </c>
      <c r="H23" s="280">
        <v>14</v>
      </c>
      <c r="I23" s="280">
        <v>6</v>
      </c>
      <c r="J23" s="280">
        <v>6</v>
      </c>
      <c r="K23" s="280">
        <v>5</v>
      </c>
      <c r="L23" s="281">
        <v>42</v>
      </c>
      <c r="M23" s="282">
        <v>42</v>
      </c>
      <c r="N23" s="276">
        <v>0</v>
      </c>
      <c r="O23" s="280">
        <v>0</v>
      </c>
      <c r="P23" s="277">
        <v>0</v>
      </c>
      <c r="Q23" s="279">
        <v>0</v>
      </c>
      <c r="R23" s="280">
        <v>0</v>
      </c>
      <c r="S23" s="280">
        <v>1</v>
      </c>
      <c r="T23" s="280">
        <v>2</v>
      </c>
      <c r="U23" s="280">
        <v>2</v>
      </c>
      <c r="V23" s="280">
        <v>3</v>
      </c>
      <c r="W23" s="277">
        <v>8</v>
      </c>
      <c r="X23" s="282">
        <v>8</v>
      </c>
      <c r="Y23" s="276">
        <v>3</v>
      </c>
      <c r="Z23" s="280">
        <v>0</v>
      </c>
      <c r="AA23" s="277">
        <v>3</v>
      </c>
      <c r="AB23" s="279">
        <v>0</v>
      </c>
      <c r="AC23" s="280">
        <v>10</v>
      </c>
      <c r="AD23" s="280">
        <v>9</v>
      </c>
      <c r="AE23" s="280">
        <v>6</v>
      </c>
      <c r="AF23" s="280">
        <v>4</v>
      </c>
      <c r="AG23" s="280">
        <v>5</v>
      </c>
      <c r="AH23" s="277">
        <v>34</v>
      </c>
      <c r="AI23" s="282">
        <v>37</v>
      </c>
      <c r="AJ23" s="276">
        <v>1</v>
      </c>
      <c r="AK23" s="280">
        <v>0</v>
      </c>
      <c r="AL23" s="277">
        <v>1</v>
      </c>
      <c r="AM23" s="279">
        <v>0</v>
      </c>
      <c r="AN23" s="280">
        <v>0</v>
      </c>
      <c r="AO23" s="280">
        <v>1</v>
      </c>
      <c r="AP23" s="280">
        <v>1</v>
      </c>
      <c r="AQ23" s="280">
        <v>1</v>
      </c>
      <c r="AR23" s="280">
        <v>1</v>
      </c>
      <c r="AS23" s="277">
        <v>4</v>
      </c>
      <c r="AT23" s="282">
        <v>5</v>
      </c>
      <c r="AU23" s="276">
        <v>5</v>
      </c>
      <c r="AV23" s="280">
        <v>2</v>
      </c>
      <c r="AW23" s="277">
        <v>7</v>
      </c>
      <c r="AX23" s="279">
        <v>0</v>
      </c>
      <c r="AY23" s="280">
        <v>13</v>
      </c>
      <c r="AZ23" s="280">
        <v>13</v>
      </c>
      <c r="BA23" s="280">
        <v>13</v>
      </c>
      <c r="BB23" s="280">
        <v>16</v>
      </c>
      <c r="BC23" s="280">
        <v>9</v>
      </c>
      <c r="BD23" s="281">
        <v>64</v>
      </c>
      <c r="BE23" s="282">
        <v>71</v>
      </c>
      <c r="BF23" s="276">
        <v>0</v>
      </c>
      <c r="BG23" s="280">
        <v>0</v>
      </c>
      <c r="BH23" s="277">
        <v>0</v>
      </c>
      <c r="BI23" s="279">
        <v>0</v>
      </c>
      <c r="BJ23" s="280">
        <v>18</v>
      </c>
      <c r="BK23" s="280">
        <v>13</v>
      </c>
      <c r="BL23" s="280">
        <v>5</v>
      </c>
      <c r="BM23" s="280">
        <v>6</v>
      </c>
      <c r="BN23" s="280">
        <v>3</v>
      </c>
      <c r="BO23" s="277">
        <v>45</v>
      </c>
      <c r="BP23" s="282">
        <v>45</v>
      </c>
      <c r="BQ23" s="276">
        <v>1</v>
      </c>
      <c r="BR23" s="280">
        <v>1</v>
      </c>
      <c r="BS23" s="277">
        <v>2</v>
      </c>
      <c r="BT23" s="279">
        <v>0</v>
      </c>
      <c r="BU23" s="280">
        <v>1</v>
      </c>
      <c r="BV23" s="280">
        <v>4</v>
      </c>
      <c r="BW23" s="280">
        <v>1</v>
      </c>
      <c r="BX23" s="280">
        <v>0</v>
      </c>
      <c r="BY23" s="280">
        <v>2</v>
      </c>
      <c r="BZ23" s="277">
        <v>8</v>
      </c>
      <c r="CA23" s="282">
        <v>10</v>
      </c>
      <c r="CB23" s="276">
        <v>1</v>
      </c>
      <c r="CC23" s="280">
        <v>0</v>
      </c>
      <c r="CD23" s="277">
        <v>1</v>
      </c>
      <c r="CE23" s="279">
        <v>0</v>
      </c>
      <c r="CF23" s="280">
        <v>2</v>
      </c>
      <c r="CG23" s="280">
        <v>5</v>
      </c>
      <c r="CH23" s="280">
        <v>4</v>
      </c>
      <c r="CI23" s="280">
        <v>2</v>
      </c>
      <c r="CJ23" s="280">
        <v>3</v>
      </c>
      <c r="CK23" s="277">
        <v>16</v>
      </c>
      <c r="CL23" s="282">
        <v>17</v>
      </c>
      <c r="CM23" s="276">
        <v>0</v>
      </c>
      <c r="CN23" s="280">
        <v>0</v>
      </c>
      <c r="CO23" s="277">
        <v>0</v>
      </c>
      <c r="CP23" s="279">
        <v>0</v>
      </c>
      <c r="CQ23" s="280">
        <v>0</v>
      </c>
      <c r="CR23" s="280">
        <v>1</v>
      </c>
      <c r="CS23" s="280">
        <v>0</v>
      </c>
      <c r="CT23" s="280">
        <v>0</v>
      </c>
      <c r="CU23" s="280">
        <v>1</v>
      </c>
      <c r="CV23" s="277">
        <v>2</v>
      </c>
      <c r="CW23" s="282">
        <v>2</v>
      </c>
      <c r="CX23" s="276">
        <v>0</v>
      </c>
      <c r="CY23" s="280">
        <v>0</v>
      </c>
      <c r="CZ23" s="277">
        <v>0</v>
      </c>
      <c r="DA23" s="279">
        <v>0</v>
      </c>
      <c r="DB23" s="280">
        <v>0</v>
      </c>
      <c r="DC23" s="280">
        <v>0</v>
      </c>
      <c r="DD23" s="280">
        <v>0</v>
      </c>
      <c r="DE23" s="280">
        <v>0</v>
      </c>
      <c r="DF23" s="280">
        <v>0</v>
      </c>
      <c r="DG23" s="277">
        <v>0</v>
      </c>
      <c r="DH23" s="282">
        <v>0</v>
      </c>
      <c r="DI23" s="276">
        <v>0</v>
      </c>
      <c r="DJ23" s="280">
        <v>0</v>
      </c>
      <c r="DK23" s="277">
        <v>0</v>
      </c>
      <c r="DL23" s="279">
        <v>0</v>
      </c>
      <c r="DM23" s="280">
        <v>0</v>
      </c>
      <c r="DN23" s="280">
        <v>0</v>
      </c>
      <c r="DO23" s="280">
        <v>0</v>
      </c>
      <c r="DP23" s="280">
        <v>0</v>
      </c>
      <c r="DQ23" s="280">
        <v>0</v>
      </c>
      <c r="DR23" s="277">
        <v>0</v>
      </c>
      <c r="DS23" s="282">
        <v>0</v>
      </c>
      <c r="DT23" s="276">
        <v>8</v>
      </c>
      <c r="DU23" s="280">
        <v>10</v>
      </c>
      <c r="DV23" s="277">
        <v>18</v>
      </c>
      <c r="DW23" s="279">
        <v>0</v>
      </c>
      <c r="DX23" s="280">
        <v>15</v>
      </c>
      <c r="DY23" s="280">
        <v>29</v>
      </c>
      <c r="DZ23" s="280">
        <v>12</v>
      </c>
      <c r="EA23" s="280">
        <v>14</v>
      </c>
      <c r="EB23" s="280">
        <v>5</v>
      </c>
      <c r="EC23" s="277">
        <v>75</v>
      </c>
      <c r="ED23" s="282">
        <v>93</v>
      </c>
      <c r="EE23" s="276">
        <v>3</v>
      </c>
      <c r="EF23" s="280">
        <v>1</v>
      </c>
      <c r="EG23" s="277">
        <v>4</v>
      </c>
      <c r="EH23" s="279">
        <v>0</v>
      </c>
      <c r="EI23" s="280">
        <v>7</v>
      </c>
      <c r="EJ23" s="280">
        <v>3</v>
      </c>
      <c r="EK23" s="280">
        <v>6</v>
      </c>
      <c r="EL23" s="280">
        <v>7</v>
      </c>
      <c r="EM23" s="280">
        <v>1</v>
      </c>
      <c r="EN23" s="277">
        <v>24</v>
      </c>
      <c r="EO23" s="282">
        <v>28</v>
      </c>
      <c r="EP23" s="276">
        <v>12</v>
      </c>
      <c r="EQ23" s="280">
        <v>11</v>
      </c>
      <c r="ER23" s="277">
        <v>23</v>
      </c>
      <c r="ES23" s="279">
        <v>0</v>
      </c>
      <c r="ET23" s="280">
        <v>47</v>
      </c>
      <c r="EU23" s="280">
        <v>38</v>
      </c>
      <c r="EV23" s="280">
        <v>18</v>
      </c>
      <c r="EW23" s="280">
        <v>14</v>
      </c>
      <c r="EX23" s="280">
        <v>9</v>
      </c>
      <c r="EY23" s="277">
        <v>126</v>
      </c>
      <c r="EZ23" s="282">
        <v>149</v>
      </c>
    </row>
    <row r="24" spans="2:156" ht="21" customHeight="1" x14ac:dyDescent="0.2">
      <c r="B24" s="261" t="s">
        <v>22</v>
      </c>
      <c r="C24" s="276">
        <v>0</v>
      </c>
      <c r="D24" s="280">
        <v>0</v>
      </c>
      <c r="E24" s="384">
        <v>0</v>
      </c>
      <c r="F24" s="279">
        <v>0</v>
      </c>
      <c r="G24" s="280">
        <v>6</v>
      </c>
      <c r="H24" s="280">
        <v>1</v>
      </c>
      <c r="I24" s="280">
        <v>1</v>
      </c>
      <c r="J24" s="280">
        <v>1</v>
      </c>
      <c r="K24" s="280">
        <v>3</v>
      </c>
      <c r="L24" s="281">
        <v>12</v>
      </c>
      <c r="M24" s="282">
        <v>12</v>
      </c>
      <c r="N24" s="276">
        <v>0</v>
      </c>
      <c r="O24" s="280">
        <v>0</v>
      </c>
      <c r="P24" s="277">
        <v>0</v>
      </c>
      <c r="Q24" s="279">
        <v>0</v>
      </c>
      <c r="R24" s="280">
        <v>0</v>
      </c>
      <c r="S24" s="280">
        <v>0</v>
      </c>
      <c r="T24" s="280">
        <v>0</v>
      </c>
      <c r="U24" s="280">
        <v>0</v>
      </c>
      <c r="V24" s="280">
        <v>4</v>
      </c>
      <c r="W24" s="277">
        <v>4</v>
      </c>
      <c r="X24" s="282">
        <v>4</v>
      </c>
      <c r="Y24" s="276">
        <v>1</v>
      </c>
      <c r="Z24" s="280">
        <v>1</v>
      </c>
      <c r="AA24" s="277">
        <v>2</v>
      </c>
      <c r="AB24" s="279">
        <v>0</v>
      </c>
      <c r="AC24" s="280">
        <v>6</v>
      </c>
      <c r="AD24" s="280">
        <v>5</v>
      </c>
      <c r="AE24" s="280">
        <v>1</v>
      </c>
      <c r="AF24" s="280">
        <v>3</v>
      </c>
      <c r="AG24" s="280">
        <v>4</v>
      </c>
      <c r="AH24" s="277">
        <v>19</v>
      </c>
      <c r="AI24" s="282">
        <v>21</v>
      </c>
      <c r="AJ24" s="276">
        <v>0</v>
      </c>
      <c r="AK24" s="280">
        <v>0</v>
      </c>
      <c r="AL24" s="277">
        <v>0</v>
      </c>
      <c r="AM24" s="279">
        <v>0</v>
      </c>
      <c r="AN24" s="280">
        <v>3</v>
      </c>
      <c r="AO24" s="280">
        <v>1</v>
      </c>
      <c r="AP24" s="280">
        <v>0</v>
      </c>
      <c r="AQ24" s="280">
        <v>2</v>
      </c>
      <c r="AR24" s="280">
        <v>0</v>
      </c>
      <c r="AS24" s="277">
        <v>6</v>
      </c>
      <c r="AT24" s="282">
        <v>6</v>
      </c>
      <c r="AU24" s="276">
        <v>0</v>
      </c>
      <c r="AV24" s="280">
        <v>0</v>
      </c>
      <c r="AW24" s="277">
        <v>0</v>
      </c>
      <c r="AX24" s="279">
        <v>0</v>
      </c>
      <c r="AY24" s="280">
        <v>5</v>
      </c>
      <c r="AZ24" s="280">
        <v>3</v>
      </c>
      <c r="BA24" s="280">
        <v>2</v>
      </c>
      <c r="BB24" s="280">
        <v>6</v>
      </c>
      <c r="BC24" s="280">
        <v>3</v>
      </c>
      <c r="BD24" s="281">
        <v>19</v>
      </c>
      <c r="BE24" s="282">
        <v>19</v>
      </c>
      <c r="BF24" s="276">
        <v>0</v>
      </c>
      <c r="BG24" s="280">
        <v>0</v>
      </c>
      <c r="BH24" s="277">
        <v>0</v>
      </c>
      <c r="BI24" s="279">
        <v>0</v>
      </c>
      <c r="BJ24" s="280">
        <v>11</v>
      </c>
      <c r="BK24" s="280">
        <v>3</v>
      </c>
      <c r="BL24" s="280">
        <v>3</v>
      </c>
      <c r="BM24" s="280">
        <v>2</v>
      </c>
      <c r="BN24" s="280">
        <v>3</v>
      </c>
      <c r="BO24" s="277">
        <v>22</v>
      </c>
      <c r="BP24" s="282">
        <v>22</v>
      </c>
      <c r="BQ24" s="276">
        <v>0</v>
      </c>
      <c r="BR24" s="280">
        <v>0</v>
      </c>
      <c r="BS24" s="277">
        <v>0</v>
      </c>
      <c r="BT24" s="279">
        <v>0</v>
      </c>
      <c r="BU24" s="280">
        <v>1</v>
      </c>
      <c r="BV24" s="280">
        <v>0</v>
      </c>
      <c r="BW24" s="280">
        <v>0</v>
      </c>
      <c r="BX24" s="280">
        <v>1</v>
      </c>
      <c r="BY24" s="280">
        <v>0</v>
      </c>
      <c r="BZ24" s="277">
        <v>2</v>
      </c>
      <c r="CA24" s="282">
        <v>2</v>
      </c>
      <c r="CB24" s="276">
        <v>0</v>
      </c>
      <c r="CC24" s="280">
        <v>0</v>
      </c>
      <c r="CD24" s="277">
        <v>0</v>
      </c>
      <c r="CE24" s="279">
        <v>0</v>
      </c>
      <c r="CF24" s="280">
        <v>1</v>
      </c>
      <c r="CG24" s="280">
        <v>1</v>
      </c>
      <c r="CH24" s="280">
        <v>1</v>
      </c>
      <c r="CI24" s="280">
        <v>1</v>
      </c>
      <c r="CJ24" s="280">
        <v>0</v>
      </c>
      <c r="CK24" s="277">
        <v>4</v>
      </c>
      <c r="CL24" s="282">
        <v>4</v>
      </c>
      <c r="CM24" s="276">
        <v>1</v>
      </c>
      <c r="CN24" s="280">
        <v>0</v>
      </c>
      <c r="CO24" s="277">
        <v>1</v>
      </c>
      <c r="CP24" s="279">
        <v>0</v>
      </c>
      <c r="CQ24" s="280">
        <v>0</v>
      </c>
      <c r="CR24" s="280">
        <v>0</v>
      </c>
      <c r="CS24" s="280">
        <v>0</v>
      </c>
      <c r="CT24" s="280">
        <v>0</v>
      </c>
      <c r="CU24" s="280">
        <v>0</v>
      </c>
      <c r="CV24" s="277">
        <v>0</v>
      </c>
      <c r="CW24" s="282">
        <v>1</v>
      </c>
      <c r="CX24" s="276">
        <v>0</v>
      </c>
      <c r="CY24" s="280">
        <v>0</v>
      </c>
      <c r="CZ24" s="277">
        <v>0</v>
      </c>
      <c r="DA24" s="279">
        <v>0</v>
      </c>
      <c r="DB24" s="280">
        <v>0</v>
      </c>
      <c r="DC24" s="280">
        <v>0</v>
      </c>
      <c r="DD24" s="280">
        <v>0</v>
      </c>
      <c r="DE24" s="280">
        <v>0</v>
      </c>
      <c r="DF24" s="280">
        <v>0</v>
      </c>
      <c r="DG24" s="277">
        <v>0</v>
      </c>
      <c r="DH24" s="282">
        <v>0</v>
      </c>
      <c r="DI24" s="276">
        <v>0</v>
      </c>
      <c r="DJ24" s="280">
        <v>0</v>
      </c>
      <c r="DK24" s="277">
        <v>0</v>
      </c>
      <c r="DL24" s="279">
        <v>0</v>
      </c>
      <c r="DM24" s="280">
        <v>0</v>
      </c>
      <c r="DN24" s="280">
        <v>0</v>
      </c>
      <c r="DO24" s="280">
        <v>0</v>
      </c>
      <c r="DP24" s="280">
        <v>0</v>
      </c>
      <c r="DQ24" s="280">
        <v>0</v>
      </c>
      <c r="DR24" s="277">
        <v>0</v>
      </c>
      <c r="DS24" s="282">
        <v>0</v>
      </c>
      <c r="DT24" s="276">
        <v>2</v>
      </c>
      <c r="DU24" s="280">
        <v>4</v>
      </c>
      <c r="DV24" s="277">
        <v>6</v>
      </c>
      <c r="DW24" s="279">
        <v>0</v>
      </c>
      <c r="DX24" s="280">
        <v>13</v>
      </c>
      <c r="DY24" s="280">
        <v>9</v>
      </c>
      <c r="DZ24" s="280">
        <v>5</v>
      </c>
      <c r="EA24" s="280">
        <v>5</v>
      </c>
      <c r="EB24" s="280">
        <v>5</v>
      </c>
      <c r="EC24" s="277">
        <v>37</v>
      </c>
      <c r="ED24" s="282">
        <v>43</v>
      </c>
      <c r="EE24" s="276">
        <v>0</v>
      </c>
      <c r="EF24" s="280">
        <v>0</v>
      </c>
      <c r="EG24" s="277">
        <v>0</v>
      </c>
      <c r="EH24" s="279">
        <v>0</v>
      </c>
      <c r="EI24" s="280">
        <v>2</v>
      </c>
      <c r="EJ24" s="280">
        <v>4</v>
      </c>
      <c r="EK24" s="280">
        <v>2</v>
      </c>
      <c r="EL24" s="280">
        <v>4</v>
      </c>
      <c r="EM24" s="280">
        <v>2</v>
      </c>
      <c r="EN24" s="277">
        <v>14</v>
      </c>
      <c r="EO24" s="282">
        <v>14</v>
      </c>
      <c r="EP24" s="276">
        <v>2</v>
      </c>
      <c r="EQ24" s="280">
        <v>4</v>
      </c>
      <c r="ER24" s="277">
        <v>6</v>
      </c>
      <c r="ES24" s="279">
        <v>0</v>
      </c>
      <c r="ET24" s="280">
        <v>26</v>
      </c>
      <c r="EU24" s="280">
        <v>10</v>
      </c>
      <c r="EV24" s="280">
        <v>7</v>
      </c>
      <c r="EW24" s="280">
        <v>6</v>
      </c>
      <c r="EX24" s="280">
        <v>7</v>
      </c>
      <c r="EY24" s="277">
        <v>56</v>
      </c>
      <c r="EZ24" s="282">
        <v>62</v>
      </c>
    </row>
    <row r="25" spans="2:156" ht="21" customHeight="1" x14ac:dyDescent="0.2">
      <c r="B25" s="261" t="s">
        <v>23</v>
      </c>
      <c r="C25" s="276">
        <v>0</v>
      </c>
      <c r="D25" s="280">
        <v>0</v>
      </c>
      <c r="E25" s="384">
        <v>0</v>
      </c>
      <c r="F25" s="279">
        <v>0</v>
      </c>
      <c r="G25" s="280">
        <v>2</v>
      </c>
      <c r="H25" s="280">
        <v>7</v>
      </c>
      <c r="I25" s="280">
        <v>5</v>
      </c>
      <c r="J25" s="280">
        <v>2</v>
      </c>
      <c r="K25" s="280">
        <v>0</v>
      </c>
      <c r="L25" s="281">
        <v>16</v>
      </c>
      <c r="M25" s="282">
        <v>16</v>
      </c>
      <c r="N25" s="276">
        <v>0</v>
      </c>
      <c r="O25" s="280">
        <v>0</v>
      </c>
      <c r="P25" s="277">
        <v>0</v>
      </c>
      <c r="Q25" s="279">
        <v>0</v>
      </c>
      <c r="R25" s="280">
        <v>1</v>
      </c>
      <c r="S25" s="280">
        <v>0</v>
      </c>
      <c r="T25" s="280">
        <v>1</v>
      </c>
      <c r="U25" s="280">
        <v>0</v>
      </c>
      <c r="V25" s="280">
        <v>0</v>
      </c>
      <c r="W25" s="277">
        <v>2</v>
      </c>
      <c r="X25" s="282">
        <v>2</v>
      </c>
      <c r="Y25" s="276">
        <v>3</v>
      </c>
      <c r="Z25" s="280">
        <v>1</v>
      </c>
      <c r="AA25" s="277">
        <v>4</v>
      </c>
      <c r="AB25" s="279">
        <v>0</v>
      </c>
      <c r="AC25" s="280">
        <v>5</v>
      </c>
      <c r="AD25" s="280">
        <v>6</v>
      </c>
      <c r="AE25" s="280">
        <v>5</v>
      </c>
      <c r="AF25" s="280">
        <v>3</v>
      </c>
      <c r="AG25" s="280">
        <v>0</v>
      </c>
      <c r="AH25" s="277">
        <v>19</v>
      </c>
      <c r="AI25" s="282">
        <v>23</v>
      </c>
      <c r="AJ25" s="276">
        <v>0</v>
      </c>
      <c r="AK25" s="280">
        <v>1</v>
      </c>
      <c r="AL25" s="277">
        <v>1</v>
      </c>
      <c r="AM25" s="279">
        <v>0</v>
      </c>
      <c r="AN25" s="280">
        <v>0</v>
      </c>
      <c r="AO25" s="280">
        <v>3</v>
      </c>
      <c r="AP25" s="280">
        <v>1</v>
      </c>
      <c r="AQ25" s="280">
        <v>0</v>
      </c>
      <c r="AR25" s="280">
        <v>0</v>
      </c>
      <c r="AS25" s="277">
        <v>4</v>
      </c>
      <c r="AT25" s="282">
        <v>5</v>
      </c>
      <c r="AU25" s="276">
        <v>0</v>
      </c>
      <c r="AV25" s="280">
        <v>1</v>
      </c>
      <c r="AW25" s="277">
        <v>1</v>
      </c>
      <c r="AX25" s="279">
        <v>0</v>
      </c>
      <c r="AY25" s="280">
        <v>6</v>
      </c>
      <c r="AZ25" s="280">
        <v>4</v>
      </c>
      <c r="BA25" s="280">
        <v>8</v>
      </c>
      <c r="BB25" s="280">
        <v>16</v>
      </c>
      <c r="BC25" s="280">
        <v>4</v>
      </c>
      <c r="BD25" s="281">
        <v>38</v>
      </c>
      <c r="BE25" s="282">
        <v>39</v>
      </c>
      <c r="BF25" s="276">
        <v>0</v>
      </c>
      <c r="BG25" s="280">
        <v>0</v>
      </c>
      <c r="BH25" s="277">
        <v>0</v>
      </c>
      <c r="BI25" s="279">
        <v>0</v>
      </c>
      <c r="BJ25" s="280">
        <v>9</v>
      </c>
      <c r="BK25" s="280">
        <v>14</v>
      </c>
      <c r="BL25" s="280">
        <v>3</v>
      </c>
      <c r="BM25" s="280">
        <v>5</v>
      </c>
      <c r="BN25" s="280">
        <v>0</v>
      </c>
      <c r="BO25" s="277">
        <v>31</v>
      </c>
      <c r="BP25" s="282">
        <v>31</v>
      </c>
      <c r="BQ25" s="276">
        <v>0</v>
      </c>
      <c r="BR25" s="280">
        <v>0</v>
      </c>
      <c r="BS25" s="277">
        <v>0</v>
      </c>
      <c r="BT25" s="279">
        <v>0</v>
      </c>
      <c r="BU25" s="280">
        <v>2</v>
      </c>
      <c r="BV25" s="280">
        <v>2</v>
      </c>
      <c r="BW25" s="280">
        <v>6</v>
      </c>
      <c r="BX25" s="280">
        <v>2</v>
      </c>
      <c r="BY25" s="280">
        <v>0</v>
      </c>
      <c r="BZ25" s="277">
        <v>12</v>
      </c>
      <c r="CA25" s="282">
        <v>12</v>
      </c>
      <c r="CB25" s="276">
        <v>0</v>
      </c>
      <c r="CC25" s="280">
        <v>0</v>
      </c>
      <c r="CD25" s="277">
        <v>0</v>
      </c>
      <c r="CE25" s="279">
        <v>0</v>
      </c>
      <c r="CF25" s="280">
        <v>2</v>
      </c>
      <c r="CG25" s="280">
        <v>3</v>
      </c>
      <c r="CH25" s="280">
        <v>3</v>
      </c>
      <c r="CI25" s="280">
        <v>3</v>
      </c>
      <c r="CJ25" s="280">
        <v>0</v>
      </c>
      <c r="CK25" s="277">
        <v>11</v>
      </c>
      <c r="CL25" s="282">
        <v>11</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c r="DI25" s="276">
        <v>0</v>
      </c>
      <c r="DJ25" s="280">
        <v>0</v>
      </c>
      <c r="DK25" s="277">
        <v>0</v>
      </c>
      <c r="DL25" s="279">
        <v>0</v>
      </c>
      <c r="DM25" s="280">
        <v>0</v>
      </c>
      <c r="DN25" s="280">
        <v>0</v>
      </c>
      <c r="DO25" s="280">
        <v>0</v>
      </c>
      <c r="DP25" s="280">
        <v>0</v>
      </c>
      <c r="DQ25" s="280">
        <v>0</v>
      </c>
      <c r="DR25" s="277">
        <v>0</v>
      </c>
      <c r="DS25" s="282">
        <v>0</v>
      </c>
      <c r="DT25" s="276">
        <v>4</v>
      </c>
      <c r="DU25" s="280">
        <v>5</v>
      </c>
      <c r="DV25" s="277">
        <v>9</v>
      </c>
      <c r="DW25" s="279">
        <v>0</v>
      </c>
      <c r="DX25" s="280">
        <v>12</v>
      </c>
      <c r="DY25" s="280">
        <v>17</v>
      </c>
      <c r="DZ25" s="280">
        <v>11</v>
      </c>
      <c r="EA25" s="280">
        <v>9</v>
      </c>
      <c r="EB25" s="280">
        <v>2</v>
      </c>
      <c r="EC25" s="277">
        <v>51</v>
      </c>
      <c r="ED25" s="282">
        <v>60</v>
      </c>
      <c r="EE25" s="276">
        <v>0</v>
      </c>
      <c r="EF25" s="280">
        <v>1</v>
      </c>
      <c r="EG25" s="277">
        <v>1</v>
      </c>
      <c r="EH25" s="279">
        <v>0</v>
      </c>
      <c r="EI25" s="280">
        <v>4</v>
      </c>
      <c r="EJ25" s="280">
        <v>1</v>
      </c>
      <c r="EK25" s="280">
        <v>2</v>
      </c>
      <c r="EL25" s="280">
        <v>11</v>
      </c>
      <c r="EM25" s="280">
        <v>4</v>
      </c>
      <c r="EN25" s="277">
        <v>22</v>
      </c>
      <c r="EO25" s="282">
        <v>23</v>
      </c>
      <c r="EP25" s="276">
        <v>5</v>
      </c>
      <c r="EQ25" s="280">
        <v>7</v>
      </c>
      <c r="ER25" s="277">
        <v>12</v>
      </c>
      <c r="ES25" s="279">
        <v>0</v>
      </c>
      <c r="ET25" s="280">
        <v>22</v>
      </c>
      <c r="EU25" s="280">
        <v>27</v>
      </c>
      <c r="EV25" s="280">
        <v>15</v>
      </c>
      <c r="EW25" s="280">
        <v>9</v>
      </c>
      <c r="EX25" s="280">
        <v>2</v>
      </c>
      <c r="EY25" s="277">
        <v>75</v>
      </c>
      <c r="EZ25" s="282">
        <v>87</v>
      </c>
    </row>
    <row r="26" spans="2:156" ht="21" customHeight="1" x14ac:dyDescent="0.2">
      <c r="B26" s="261" t="s">
        <v>24</v>
      </c>
      <c r="C26" s="276">
        <v>0</v>
      </c>
      <c r="D26" s="280">
        <v>0</v>
      </c>
      <c r="E26" s="384">
        <v>0</v>
      </c>
      <c r="F26" s="279">
        <v>0</v>
      </c>
      <c r="G26" s="280">
        <v>6</v>
      </c>
      <c r="H26" s="280">
        <v>5</v>
      </c>
      <c r="I26" s="280">
        <v>5</v>
      </c>
      <c r="J26" s="280">
        <v>4</v>
      </c>
      <c r="K26" s="280">
        <v>4</v>
      </c>
      <c r="L26" s="281">
        <v>24</v>
      </c>
      <c r="M26" s="282">
        <v>24</v>
      </c>
      <c r="N26" s="276">
        <v>0</v>
      </c>
      <c r="O26" s="280">
        <v>0</v>
      </c>
      <c r="P26" s="277">
        <v>0</v>
      </c>
      <c r="Q26" s="279">
        <v>0</v>
      </c>
      <c r="R26" s="280">
        <v>0</v>
      </c>
      <c r="S26" s="280">
        <v>0</v>
      </c>
      <c r="T26" s="280">
        <v>0</v>
      </c>
      <c r="U26" s="280">
        <v>0</v>
      </c>
      <c r="V26" s="280">
        <v>2</v>
      </c>
      <c r="W26" s="277">
        <v>2</v>
      </c>
      <c r="X26" s="282">
        <v>2</v>
      </c>
      <c r="Y26" s="276">
        <v>1</v>
      </c>
      <c r="Z26" s="280">
        <v>1</v>
      </c>
      <c r="AA26" s="277">
        <v>2</v>
      </c>
      <c r="AB26" s="279">
        <v>0</v>
      </c>
      <c r="AC26" s="280">
        <v>4</v>
      </c>
      <c r="AD26" s="280">
        <v>4</v>
      </c>
      <c r="AE26" s="280">
        <v>7</v>
      </c>
      <c r="AF26" s="280">
        <v>4</v>
      </c>
      <c r="AG26" s="280">
        <v>3</v>
      </c>
      <c r="AH26" s="277">
        <v>22</v>
      </c>
      <c r="AI26" s="282">
        <v>24</v>
      </c>
      <c r="AJ26" s="276">
        <v>0</v>
      </c>
      <c r="AK26" s="280">
        <v>0</v>
      </c>
      <c r="AL26" s="277">
        <v>0</v>
      </c>
      <c r="AM26" s="279">
        <v>0</v>
      </c>
      <c r="AN26" s="280">
        <v>0</v>
      </c>
      <c r="AO26" s="280">
        <v>0</v>
      </c>
      <c r="AP26" s="280">
        <v>0</v>
      </c>
      <c r="AQ26" s="280">
        <v>0</v>
      </c>
      <c r="AR26" s="280">
        <v>1</v>
      </c>
      <c r="AS26" s="277">
        <v>1</v>
      </c>
      <c r="AT26" s="282">
        <v>1</v>
      </c>
      <c r="AU26" s="276">
        <v>4</v>
      </c>
      <c r="AV26" s="280">
        <v>2</v>
      </c>
      <c r="AW26" s="277">
        <v>6</v>
      </c>
      <c r="AX26" s="279">
        <v>0</v>
      </c>
      <c r="AY26" s="280">
        <v>10</v>
      </c>
      <c r="AZ26" s="280">
        <v>8</v>
      </c>
      <c r="BA26" s="280">
        <v>7</v>
      </c>
      <c r="BB26" s="280">
        <v>11</v>
      </c>
      <c r="BC26" s="280">
        <v>8</v>
      </c>
      <c r="BD26" s="281">
        <v>44</v>
      </c>
      <c r="BE26" s="282">
        <v>50</v>
      </c>
      <c r="BF26" s="276">
        <v>0</v>
      </c>
      <c r="BG26" s="280">
        <v>0</v>
      </c>
      <c r="BH26" s="277">
        <v>0</v>
      </c>
      <c r="BI26" s="279">
        <v>0</v>
      </c>
      <c r="BJ26" s="280">
        <v>9</v>
      </c>
      <c r="BK26" s="280">
        <v>8</v>
      </c>
      <c r="BL26" s="280">
        <v>3</v>
      </c>
      <c r="BM26" s="280">
        <v>1</v>
      </c>
      <c r="BN26" s="280">
        <v>1</v>
      </c>
      <c r="BO26" s="277">
        <v>22</v>
      </c>
      <c r="BP26" s="282">
        <v>22</v>
      </c>
      <c r="BQ26" s="276">
        <v>1</v>
      </c>
      <c r="BR26" s="280">
        <v>0</v>
      </c>
      <c r="BS26" s="277">
        <v>1</v>
      </c>
      <c r="BT26" s="279">
        <v>0</v>
      </c>
      <c r="BU26" s="280">
        <v>4</v>
      </c>
      <c r="BV26" s="280">
        <v>5</v>
      </c>
      <c r="BW26" s="280">
        <v>1</v>
      </c>
      <c r="BX26" s="280">
        <v>1</v>
      </c>
      <c r="BY26" s="280">
        <v>2</v>
      </c>
      <c r="BZ26" s="277">
        <v>13</v>
      </c>
      <c r="CA26" s="282">
        <v>14</v>
      </c>
      <c r="CB26" s="276">
        <v>0</v>
      </c>
      <c r="CC26" s="280">
        <v>0</v>
      </c>
      <c r="CD26" s="277">
        <v>0</v>
      </c>
      <c r="CE26" s="279">
        <v>0</v>
      </c>
      <c r="CF26" s="280">
        <v>0</v>
      </c>
      <c r="CG26" s="280">
        <v>2</v>
      </c>
      <c r="CH26" s="280">
        <v>1</v>
      </c>
      <c r="CI26" s="280">
        <v>1</v>
      </c>
      <c r="CJ26" s="280">
        <v>1</v>
      </c>
      <c r="CK26" s="277">
        <v>5</v>
      </c>
      <c r="CL26" s="282">
        <v>5</v>
      </c>
      <c r="CM26" s="276">
        <v>0</v>
      </c>
      <c r="CN26" s="280">
        <v>0</v>
      </c>
      <c r="CO26" s="277">
        <v>0</v>
      </c>
      <c r="CP26" s="279">
        <v>0</v>
      </c>
      <c r="CQ26" s="280">
        <v>0</v>
      </c>
      <c r="CR26" s="280">
        <v>0</v>
      </c>
      <c r="CS26" s="280">
        <v>0</v>
      </c>
      <c r="CT26" s="280">
        <v>0</v>
      </c>
      <c r="CU26" s="280">
        <v>1</v>
      </c>
      <c r="CV26" s="277">
        <v>1</v>
      </c>
      <c r="CW26" s="282">
        <v>1</v>
      </c>
      <c r="CX26" s="276">
        <v>0</v>
      </c>
      <c r="CY26" s="280">
        <v>0</v>
      </c>
      <c r="CZ26" s="277">
        <v>0</v>
      </c>
      <c r="DA26" s="279">
        <v>0</v>
      </c>
      <c r="DB26" s="280">
        <v>0</v>
      </c>
      <c r="DC26" s="280">
        <v>0</v>
      </c>
      <c r="DD26" s="280">
        <v>0</v>
      </c>
      <c r="DE26" s="280">
        <v>0</v>
      </c>
      <c r="DF26" s="280">
        <v>0</v>
      </c>
      <c r="DG26" s="277">
        <v>0</v>
      </c>
      <c r="DH26" s="282">
        <v>0</v>
      </c>
      <c r="DI26" s="276">
        <v>0</v>
      </c>
      <c r="DJ26" s="280">
        <v>0</v>
      </c>
      <c r="DK26" s="277">
        <v>0</v>
      </c>
      <c r="DL26" s="279">
        <v>0</v>
      </c>
      <c r="DM26" s="280">
        <v>0</v>
      </c>
      <c r="DN26" s="280">
        <v>0</v>
      </c>
      <c r="DO26" s="280">
        <v>0</v>
      </c>
      <c r="DP26" s="280">
        <v>0</v>
      </c>
      <c r="DQ26" s="280">
        <v>0</v>
      </c>
      <c r="DR26" s="277">
        <v>0</v>
      </c>
      <c r="DS26" s="282">
        <v>0</v>
      </c>
      <c r="DT26" s="276">
        <v>8</v>
      </c>
      <c r="DU26" s="280">
        <v>9</v>
      </c>
      <c r="DV26" s="277">
        <v>17</v>
      </c>
      <c r="DW26" s="279">
        <v>0</v>
      </c>
      <c r="DX26" s="280">
        <v>9</v>
      </c>
      <c r="DY26" s="280">
        <v>14</v>
      </c>
      <c r="DZ26" s="280">
        <v>10</v>
      </c>
      <c r="EA26" s="280">
        <v>6</v>
      </c>
      <c r="EB26" s="280">
        <v>7</v>
      </c>
      <c r="EC26" s="277">
        <v>46</v>
      </c>
      <c r="ED26" s="282">
        <v>63</v>
      </c>
      <c r="EE26" s="276">
        <v>2</v>
      </c>
      <c r="EF26" s="280">
        <v>3</v>
      </c>
      <c r="EG26" s="277">
        <v>5</v>
      </c>
      <c r="EH26" s="279">
        <v>0</v>
      </c>
      <c r="EI26" s="280">
        <v>8</v>
      </c>
      <c r="EJ26" s="280">
        <v>8</v>
      </c>
      <c r="EK26" s="280">
        <v>5</v>
      </c>
      <c r="EL26" s="280">
        <v>5</v>
      </c>
      <c r="EM26" s="280">
        <v>3</v>
      </c>
      <c r="EN26" s="277">
        <v>29</v>
      </c>
      <c r="EO26" s="282">
        <v>34</v>
      </c>
      <c r="EP26" s="276">
        <v>10</v>
      </c>
      <c r="EQ26" s="280">
        <v>9</v>
      </c>
      <c r="ER26" s="277">
        <v>19</v>
      </c>
      <c r="ES26" s="279">
        <v>0</v>
      </c>
      <c r="ET26" s="280">
        <v>18</v>
      </c>
      <c r="EU26" s="280">
        <v>17</v>
      </c>
      <c r="EV26" s="280">
        <v>12</v>
      </c>
      <c r="EW26" s="280">
        <v>7</v>
      </c>
      <c r="EX26" s="280">
        <v>7</v>
      </c>
      <c r="EY26" s="277">
        <v>61</v>
      </c>
      <c r="EZ26" s="282">
        <v>80</v>
      </c>
    </row>
    <row r="27" spans="2:156" ht="21" customHeight="1" x14ac:dyDescent="0.2">
      <c r="B27" s="261" t="s">
        <v>25</v>
      </c>
      <c r="C27" s="276">
        <v>0</v>
      </c>
      <c r="D27" s="280">
        <v>0</v>
      </c>
      <c r="E27" s="384">
        <v>0</v>
      </c>
      <c r="F27" s="279">
        <v>0</v>
      </c>
      <c r="G27" s="280">
        <v>4</v>
      </c>
      <c r="H27" s="280">
        <v>3</v>
      </c>
      <c r="I27" s="280">
        <v>2</v>
      </c>
      <c r="J27" s="280">
        <v>1</v>
      </c>
      <c r="K27" s="280">
        <v>1</v>
      </c>
      <c r="L27" s="281">
        <v>11</v>
      </c>
      <c r="M27" s="282">
        <v>11</v>
      </c>
      <c r="N27" s="276">
        <v>0</v>
      </c>
      <c r="O27" s="280">
        <v>0</v>
      </c>
      <c r="P27" s="277">
        <v>0</v>
      </c>
      <c r="Q27" s="279">
        <v>0</v>
      </c>
      <c r="R27" s="280">
        <v>0</v>
      </c>
      <c r="S27" s="280">
        <v>0</v>
      </c>
      <c r="T27" s="280">
        <v>0</v>
      </c>
      <c r="U27" s="280">
        <v>1</v>
      </c>
      <c r="V27" s="280">
        <v>3</v>
      </c>
      <c r="W27" s="277">
        <v>4</v>
      </c>
      <c r="X27" s="282">
        <v>4</v>
      </c>
      <c r="Y27" s="276">
        <v>1</v>
      </c>
      <c r="Z27" s="280">
        <v>2</v>
      </c>
      <c r="AA27" s="277">
        <v>3</v>
      </c>
      <c r="AB27" s="279">
        <v>0</v>
      </c>
      <c r="AC27" s="280">
        <v>2</v>
      </c>
      <c r="AD27" s="280">
        <v>4</v>
      </c>
      <c r="AE27" s="280">
        <v>3</v>
      </c>
      <c r="AF27" s="280">
        <v>1</v>
      </c>
      <c r="AG27" s="280">
        <v>2</v>
      </c>
      <c r="AH27" s="277">
        <v>12</v>
      </c>
      <c r="AI27" s="282">
        <v>15</v>
      </c>
      <c r="AJ27" s="276">
        <v>0</v>
      </c>
      <c r="AK27" s="280">
        <v>0</v>
      </c>
      <c r="AL27" s="277">
        <v>0</v>
      </c>
      <c r="AM27" s="279">
        <v>0</v>
      </c>
      <c r="AN27" s="280">
        <v>0</v>
      </c>
      <c r="AO27" s="280">
        <v>0</v>
      </c>
      <c r="AP27" s="280">
        <v>0</v>
      </c>
      <c r="AQ27" s="280">
        <v>0</v>
      </c>
      <c r="AR27" s="280">
        <v>0</v>
      </c>
      <c r="AS27" s="277">
        <v>0</v>
      </c>
      <c r="AT27" s="282">
        <v>0</v>
      </c>
      <c r="AU27" s="276">
        <v>2</v>
      </c>
      <c r="AV27" s="280">
        <v>1</v>
      </c>
      <c r="AW27" s="277">
        <v>3</v>
      </c>
      <c r="AX27" s="279">
        <v>0</v>
      </c>
      <c r="AY27" s="280">
        <v>1</v>
      </c>
      <c r="AZ27" s="280">
        <v>3</v>
      </c>
      <c r="BA27" s="280">
        <v>4</v>
      </c>
      <c r="BB27" s="280">
        <v>3</v>
      </c>
      <c r="BC27" s="280">
        <v>4</v>
      </c>
      <c r="BD27" s="281">
        <v>15</v>
      </c>
      <c r="BE27" s="282">
        <v>18</v>
      </c>
      <c r="BF27" s="276">
        <v>0</v>
      </c>
      <c r="BG27" s="280">
        <v>0</v>
      </c>
      <c r="BH27" s="277">
        <v>0</v>
      </c>
      <c r="BI27" s="279">
        <v>0</v>
      </c>
      <c r="BJ27" s="280">
        <v>6</v>
      </c>
      <c r="BK27" s="280">
        <v>7</v>
      </c>
      <c r="BL27" s="280">
        <v>4</v>
      </c>
      <c r="BM27" s="280">
        <v>1</v>
      </c>
      <c r="BN27" s="280">
        <v>0</v>
      </c>
      <c r="BO27" s="277">
        <v>18</v>
      </c>
      <c r="BP27" s="282">
        <v>18</v>
      </c>
      <c r="BQ27" s="276">
        <v>0</v>
      </c>
      <c r="BR27" s="280">
        <v>2</v>
      </c>
      <c r="BS27" s="277">
        <v>2</v>
      </c>
      <c r="BT27" s="279">
        <v>0</v>
      </c>
      <c r="BU27" s="280">
        <v>2</v>
      </c>
      <c r="BV27" s="280">
        <v>4</v>
      </c>
      <c r="BW27" s="280">
        <v>1</v>
      </c>
      <c r="BX27" s="280">
        <v>0</v>
      </c>
      <c r="BY27" s="280">
        <v>1</v>
      </c>
      <c r="BZ27" s="277">
        <v>8</v>
      </c>
      <c r="CA27" s="282">
        <v>10</v>
      </c>
      <c r="CB27" s="276">
        <v>0</v>
      </c>
      <c r="CC27" s="280">
        <v>0</v>
      </c>
      <c r="CD27" s="277">
        <v>0</v>
      </c>
      <c r="CE27" s="279">
        <v>0</v>
      </c>
      <c r="CF27" s="280">
        <v>0</v>
      </c>
      <c r="CG27" s="280">
        <v>3</v>
      </c>
      <c r="CH27" s="280">
        <v>2</v>
      </c>
      <c r="CI27" s="280">
        <v>0</v>
      </c>
      <c r="CJ27" s="280">
        <v>0</v>
      </c>
      <c r="CK27" s="277">
        <v>5</v>
      </c>
      <c r="CL27" s="282">
        <v>5</v>
      </c>
      <c r="CM27" s="276">
        <v>0</v>
      </c>
      <c r="CN27" s="280">
        <v>0</v>
      </c>
      <c r="CO27" s="277">
        <v>0</v>
      </c>
      <c r="CP27" s="279">
        <v>0</v>
      </c>
      <c r="CQ27" s="280">
        <v>1</v>
      </c>
      <c r="CR27" s="280">
        <v>0</v>
      </c>
      <c r="CS27" s="280">
        <v>1</v>
      </c>
      <c r="CT27" s="280">
        <v>0</v>
      </c>
      <c r="CU27" s="280">
        <v>0</v>
      </c>
      <c r="CV27" s="277">
        <v>2</v>
      </c>
      <c r="CW27" s="282">
        <v>2</v>
      </c>
      <c r="CX27" s="276">
        <v>0</v>
      </c>
      <c r="CY27" s="280">
        <v>0</v>
      </c>
      <c r="CZ27" s="277">
        <v>0</v>
      </c>
      <c r="DA27" s="279">
        <v>0</v>
      </c>
      <c r="DB27" s="280">
        <v>0</v>
      </c>
      <c r="DC27" s="280">
        <v>0</v>
      </c>
      <c r="DD27" s="280">
        <v>0</v>
      </c>
      <c r="DE27" s="280">
        <v>0</v>
      </c>
      <c r="DF27" s="280">
        <v>0</v>
      </c>
      <c r="DG27" s="277">
        <v>0</v>
      </c>
      <c r="DH27" s="282">
        <v>0</v>
      </c>
      <c r="DI27" s="276">
        <v>0</v>
      </c>
      <c r="DJ27" s="280">
        <v>0</v>
      </c>
      <c r="DK27" s="277">
        <v>0</v>
      </c>
      <c r="DL27" s="279">
        <v>0</v>
      </c>
      <c r="DM27" s="280">
        <v>0</v>
      </c>
      <c r="DN27" s="280">
        <v>0</v>
      </c>
      <c r="DO27" s="280">
        <v>0</v>
      </c>
      <c r="DP27" s="280">
        <v>0</v>
      </c>
      <c r="DQ27" s="280">
        <v>0</v>
      </c>
      <c r="DR27" s="277">
        <v>0</v>
      </c>
      <c r="DS27" s="282">
        <v>0</v>
      </c>
      <c r="DT27" s="276">
        <v>4</v>
      </c>
      <c r="DU27" s="280">
        <v>8</v>
      </c>
      <c r="DV27" s="277">
        <v>12</v>
      </c>
      <c r="DW27" s="279">
        <v>0</v>
      </c>
      <c r="DX27" s="280">
        <v>6</v>
      </c>
      <c r="DY27" s="280">
        <v>11</v>
      </c>
      <c r="DZ27" s="280">
        <v>5</v>
      </c>
      <c r="EA27" s="280">
        <v>3</v>
      </c>
      <c r="EB27" s="280">
        <v>4</v>
      </c>
      <c r="EC27" s="277">
        <v>29</v>
      </c>
      <c r="ED27" s="282">
        <v>41</v>
      </c>
      <c r="EE27" s="276">
        <v>0</v>
      </c>
      <c r="EF27" s="280">
        <v>0</v>
      </c>
      <c r="EG27" s="277">
        <v>0</v>
      </c>
      <c r="EH27" s="279">
        <v>0</v>
      </c>
      <c r="EI27" s="280">
        <v>0</v>
      </c>
      <c r="EJ27" s="280">
        <v>2</v>
      </c>
      <c r="EK27" s="280">
        <v>1</v>
      </c>
      <c r="EL27" s="280">
        <v>2</v>
      </c>
      <c r="EM27" s="280">
        <v>2</v>
      </c>
      <c r="EN27" s="277">
        <v>7</v>
      </c>
      <c r="EO27" s="282">
        <v>7</v>
      </c>
      <c r="EP27" s="276">
        <v>5</v>
      </c>
      <c r="EQ27" s="280">
        <v>10</v>
      </c>
      <c r="ER27" s="277">
        <v>15</v>
      </c>
      <c r="ES27" s="279">
        <v>0</v>
      </c>
      <c r="ET27" s="280">
        <v>14</v>
      </c>
      <c r="EU27" s="280">
        <v>15</v>
      </c>
      <c r="EV27" s="280">
        <v>6</v>
      </c>
      <c r="EW27" s="280">
        <v>3</v>
      </c>
      <c r="EX27" s="280">
        <v>4</v>
      </c>
      <c r="EY27" s="277">
        <v>42</v>
      </c>
      <c r="EZ27" s="282">
        <v>57</v>
      </c>
    </row>
    <row r="28" spans="2:156" ht="21" customHeight="1" x14ac:dyDescent="0.2">
      <c r="B28" s="261" t="s">
        <v>26</v>
      </c>
      <c r="C28" s="276">
        <v>0</v>
      </c>
      <c r="D28" s="280">
        <v>0</v>
      </c>
      <c r="E28" s="384">
        <v>0</v>
      </c>
      <c r="F28" s="279">
        <v>0</v>
      </c>
      <c r="G28" s="280">
        <v>4</v>
      </c>
      <c r="H28" s="280">
        <v>1</v>
      </c>
      <c r="I28" s="280">
        <v>3</v>
      </c>
      <c r="J28" s="280">
        <v>3</v>
      </c>
      <c r="K28" s="280">
        <v>2</v>
      </c>
      <c r="L28" s="281">
        <v>13</v>
      </c>
      <c r="M28" s="282">
        <v>13</v>
      </c>
      <c r="N28" s="276">
        <v>0</v>
      </c>
      <c r="O28" s="280">
        <v>0</v>
      </c>
      <c r="P28" s="277">
        <v>0</v>
      </c>
      <c r="Q28" s="279">
        <v>0</v>
      </c>
      <c r="R28" s="280">
        <v>0</v>
      </c>
      <c r="S28" s="280">
        <v>0</v>
      </c>
      <c r="T28" s="280">
        <v>1</v>
      </c>
      <c r="U28" s="280">
        <v>0</v>
      </c>
      <c r="V28" s="280">
        <v>2</v>
      </c>
      <c r="W28" s="277">
        <v>3</v>
      </c>
      <c r="X28" s="282">
        <v>3</v>
      </c>
      <c r="Y28" s="276">
        <v>0</v>
      </c>
      <c r="Z28" s="280">
        <v>3</v>
      </c>
      <c r="AA28" s="277">
        <v>3</v>
      </c>
      <c r="AB28" s="279">
        <v>0</v>
      </c>
      <c r="AC28" s="280">
        <v>6</v>
      </c>
      <c r="AD28" s="280">
        <v>4</v>
      </c>
      <c r="AE28" s="280">
        <v>3</v>
      </c>
      <c r="AF28" s="280">
        <v>5</v>
      </c>
      <c r="AG28" s="280">
        <v>3</v>
      </c>
      <c r="AH28" s="277">
        <v>21</v>
      </c>
      <c r="AI28" s="282">
        <v>24</v>
      </c>
      <c r="AJ28" s="276">
        <v>0</v>
      </c>
      <c r="AK28" s="280">
        <v>0</v>
      </c>
      <c r="AL28" s="277">
        <v>0</v>
      </c>
      <c r="AM28" s="279">
        <v>0</v>
      </c>
      <c r="AN28" s="280">
        <v>0</v>
      </c>
      <c r="AO28" s="280">
        <v>1</v>
      </c>
      <c r="AP28" s="280">
        <v>1</v>
      </c>
      <c r="AQ28" s="280">
        <v>0</v>
      </c>
      <c r="AR28" s="280">
        <v>0</v>
      </c>
      <c r="AS28" s="277">
        <v>2</v>
      </c>
      <c r="AT28" s="282">
        <v>2</v>
      </c>
      <c r="AU28" s="276">
        <v>3</v>
      </c>
      <c r="AV28" s="280">
        <v>1</v>
      </c>
      <c r="AW28" s="277">
        <v>4</v>
      </c>
      <c r="AX28" s="279">
        <v>0</v>
      </c>
      <c r="AY28" s="280">
        <v>4</v>
      </c>
      <c r="AZ28" s="280">
        <v>8</v>
      </c>
      <c r="BA28" s="280">
        <v>2</v>
      </c>
      <c r="BB28" s="280">
        <v>5</v>
      </c>
      <c r="BC28" s="280">
        <v>5</v>
      </c>
      <c r="BD28" s="281">
        <v>24</v>
      </c>
      <c r="BE28" s="282">
        <v>28</v>
      </c>
      <c r="BF28" s="276">
        <v>0</v>
      </c>
      <c r="BG28" s="280">
        <v>0</v>
      </c>
      <c r="BH28" s="277">
        <v>0</v>
      </c>
      <c r="BI28" s="279">
        <v>0</v>
      </c>
      <c r="BJ28" s="280">
        <v>6</v>
      </c>
      <c r="BK28" s="280">
        <v>2</v>
      </c>
      <c r="BL28" s="280">
        <v>3</v>
      </c>
      <c r="BM28" s="280">
        <v>1</v>
      </c>
      <c r="BN28" s="280">
        <v>0</v>
      </c>
      <c r="BO28" s="277">
        <v>12</v>
      </c>
      <c r="BP28" s="282">
        <v>12</v>
      </c>
      <c r="BQ28" s="276">
        <v>0</v>
      </c>
      <c r="BR28" s="280">
        <v>1</v>
      </c>
      <c r="BS28" s="277">
        <v>1</v>
      </c>
      <c r="BT28" s="279">
        <v>0</v>
      </c>
      <c r="BU28" s="280">
        <v>1</v>
      </c>
      <c r="BV28" s="280">
        <v>5</v>
      </c>
      <c r="BW28" s="280">
        <v>2</v>
      </c>
      <c r="BX28" s="280">
        <v>0</v>
      </c>
      <c r="BY28" s="280">
        <v>0</v>
      </c>
      <c r="BZ28" s="277">
        <v>8</v>
      </c>
      <c r="CA28" s="282">
        <v>9</v>
      </c>
      <c r="CB28" s="276">
        <v>0</v>
      </c>
      <c r="CC28" s="280">
        <v>0</v>
      </c>
      <c r="CD28" s="277">
        <v>0</v>
      </c>
      <c r="CE28" s="279">
        <v>0</v>
      </c>
      <c r="CF28" s="280">
        <v>2</v>
      </c>
      <c r="CG28" s="280">
        <v>0</v>
      </c>
      <c r="CH28" s="280">
        <v>1</v>
      </c>
      <c r="CI28" s="280">
        <v>0</v>
      </c>
      <c r="CJ28" s="280">
        <v>0</v>
      </c>
      <c r="CK28" s="277">
        <v>3</v>
      </c>
      <c r="CL28" s="282">
        <v>3</v>
      </c>
      <c r="CM28" s="276">
        <v>0</v>
      </c>
      <c r="CN28" s="280">
        <v>0</v>
      </c>
      <c r="CO28" s="277">
        <v>0</v>
      </c>
      <c r="CP28" s="279">
        <v>0</v>
      </c>
      <c r="CQ28" s="280">
        <v>0</v>
      </c>
      <c r="CR28" s="280">
        <v>1</v>
      </c>
      <c r="CS28" s="280">
        <v>1</v>
      </c>
      <c r="CT28" s="280">
        <v>0</v>
      </c>
      <c r="CU28" s="280">
        <v>0</v>
      </c>
      <c r="CV28" s="277">
        <v>2</v>
      </c>
      <c r="CW28" s="282">
        <v>2</v>
      </c>
      <c r="CX28" s="276">
        <v>0</v>
      </c>
      <c r="CY28" s="280">
        <v>0</v>
      </c>
      <c r="CZ28" s="277">
        <v>0</v>
      </c>
      <c r="DA28" s="279">
        <v>0</v>
      </c>
      <c r="DB28" s="280">
        <v>0</v>
      </c>
      <c r="DC28" s="280">
        <v>0</v>
      </c>
      <c r="DD28" s="280">
        <v>0</v>
      </c>
      <c r="DE28" s="280">
        <v>0</v>
      </c>
      <c r="DF28" s="280">
        <v>0</v>
      </c>
      <c r="DG28" s="277">
        <v>0</v>
      </c>
      <c r="DH28" s="282">
        <v>0</v>
      </c>
      <c r="DI28" s="276">
        <v>0</v>
      </c>
      <c r="DJ28" s="280">
        <v>0</v>
      </c>
      <c r="DK28" s="277">
        <v>0</v>
      </c>
      <c r="DL28" s="279">
        <v>0</v>
      </c>
      <c r="DM28" s="280">
        <v>0</v>
      </c>
      <c r="DN28" s="280">
        <v>0</v>
      </c>
      <c r="DO28" s="280">
        <v>0</v>
      </c>
      <c r="DP28" s="280">
        <v>0</v>
      </c>
      <c r="DQ28" s="280">
        <v>0</v>
      </c>
      <c r="DR28" s="277">
        <v>0</v>
      </c>
      <c r="DS28" s="282">
        <v>0</v>
      </c>
      <c r="DT28" s="276">
        <v>3</v>
      </c>
      <c r="DU28" s="280">
        <v>6</v>
      </c>
      <c r="DV28" s="277">
        <v>9</v>
      </c>
      <c r="DW28" s="279">
        <v>0</v>
      </c>
      <c r="DX28" s="280">
        <v>9</v>
      </c>
      <c r="DY28" s="280">
        <v>6</v>
      </c>
      <c r="DZ28" s="280">
        <v>8</v>
      </c>
      <c r="EA28" s="280">
        <v>4</v>
      </c>
      <c r="EB28" s="280">
        <v>4</v>
      </c>
      <c r="EC28" s="277">
        <v>31</v>
      </c>
      <c r="ED28" s="282">
        <v>40</v>
      </c>
      <c r="EE28" s="276">
        <v>3</v>
      </c>
      <c r="EF28" s="280">
        <v>0</v>
      </c>
      <c r="EG28" s="277">
        <v>3</v>
      </c>
      <c r="EH28" s="279">
        <v>0</v>
      </c>
      <c r="EI28" s="280">
        <v>3</v>
      </c>
      <c r="EJ28" s="280">
        <v>9</v>
      </c>
      <c r="EK28" s="280">
        <v>0</v>
      </c>
      <c r="EL28" s="280">
        <v>0</v>
      </c>
      <c r="EM28" s="280">
        <v>1</v>
      </c>
      <c r="EN28" s="277">
        <v>13</v>
      </c>
      <c r="EO28" s="282">
        <v>16</v>
      </c>
      <c r="EP28" s="276">
        <v>3</v>
      </c>
      <c r="EQ28" s="280">
        <v>8</v>
      </c>
      <c r="ER28" s="277">
        <v>11</v>
      </c>
      <c r="ES28" s="279">
        <v>0</v>
      </c>
      <c r="ET28" s="280">
        <v>18</v>
      </c>
      <c r="EU28" s="280">
        <v>9</v>
      </c>
      <c r="EV28" s="280">
        <v>8</v>
      </c>
      <c r="EW28" s="280">
        <v>5</v>
      </c>
      <c r="EX28" s="280">
        <v>4</v>
      </c>
      <c r="EY28" s="277">
        <v>44</v>
      </c>
      <c r="EZ28" s="282">
        <v>55</v>
      </c>
    </row>
    <row r="29" spans="2:156" ht="21" customHeight="1" x14ac:dyDescent="0.2">
      <c r="B29" s="261" t="s">
        <v>27</v>
      </c>
      <c r="C29" s="276">
        <v>0</v>
      </c>
      <c r="D29" s="280">
        <v>0</v>
      </c>
      <c r="E29" s="384">
        <v>0</v>
      </c>
      <c r="F29" s="279">
        <v>0</v>
      </c>
      <c r="G29" s="280">
        <v>1</v>
      </c>
      <c r="H29" s="280">
        <v>4</v>
      </c>
      <c r="I29" s="280">
        <v>3</v>
      </c>
      <c r="J29" s="280">
        <v>0</v>
      </c>
      <c r="K29" s="280">
        <v>1</v>
      </c>
      <c r="L29" s="281">
        <v>9</v>
      </c>
      <c r="M29" s="282">
        <v>9</v>
      </c>
      <c r="N29" s="276">
        <v>0</v>
      </c>
      <c r="O29" s="280">
        <v>0</v>
      </c>
      <c r="P29" s="277">
        <v>0</v>
      </c>
      <c r="Q29" s="279">
        <v>0</v>
      </c>
      <c r="R29" s="280">
        <v>0</v>
      </c>
      <c r="S29" s="280">
        <v>0</v>
      </c>
      <c r="T29" s="280">
        <v>0</v>
      </c>
      <c r="U29" s="280">
        <v>0</v>
      </c>
      <c r="V29" s="280">
        <v>0</v>
      </c>
      <c r="W29" s="277">
        <v>0</v>
      </c>
      <c r="X29" s="282">
        <v>0</v>
      </c>
      <c r="Y29" s="276">
        <v>3</v>
      </c>
      <c r="Z29" s="280">
        <v>2</v>
      </c>
      <c r="AA29" s="277">
        <v>5</v>
      </c>
      <c r="AB29" s="279">
        <v>0</v>
      </c>
      <c r="AC29" s="280">
        <v>1</v>
      </c>
      <c r="AD29" s="280">
        <v>4</v>
      </c>
      <c r="AE29" s="280">
        <v>3</v>
      </c>
      <c r="AF29" s="280">
        <v>1</v>
      </c>
      <c r="AG29" s="280">
        <v>1</v>
      </c>
      <c r="AH29" s="277">
        <v>10</v>
      </c>
      <c r="AI29" s="282">
        <v>15</v>
      </c>
      <c r="AJ29" s="276">
        <v>0</v>
      </c>
      <c r="AK29" s="280">
        <v>0</v>
      </c>
      <c r="AL29" s="277">
        <v>0</v>
      </c>
      <c r="AM29" s="279">
        <v>0</v>
      </c>
      <c r="AN29" s="280">
        <v>0</v>
      </c>
      <c r="AO29" s="280">
        <v>1</v>
      </c>
      <c r="AP29" s="280">
        <v>0</v>
      </c>
      <c r="AQ29" s="280">
        <v>0</v>
      </c>
      <c r="AR29" s="280">
        <v>0</v>
      </c>
      <c r="AS29" s="277">
        <v>1</v>
      </c>
      <c r="AT29" s="282">
        <v>1</v>
      </c>
      <c r="AU29" s="276">
        <v>0</v>
      </c>
      <c r="AV29" s="280">
        <v>1</v>
      </c>
      <c r="AW29" s="277">
        <v>1</v>
      </c>
      <c r="AX29" s="279">
        <v>0</v>
      </c>
      <c r="AY29" s="280">
        <v>4</v>
      </c>
      <c r="AZ29" s="280">
        <v>4</v>
      </c>
      <c r="BA29" s="280">
        <v>9</v>
      </c>
      <c r="BB29" s="280">
        <v>3</v>
      </c>
      <c r="BC29" s="280">
        <v>1</v>
      </c>
      <c r="BD29" s="281">
        <v>21</v>
      </c>
      <c r="BE29" s="282">
        <v>22</v>
      </c>
      <c r="BF29" s="276">
        <v>0</v>
      </c>
      <c r="BG29" s="280">
        <v>0</v>
      </c>
      <c r="BH29" s="277">
        <v>0</v>
      </c>
      <c r="BI29" s="279">
        <v>0</v>
      </c>
      <c r="BJ29" s="280">
        <v>0</v>
      </c>
      <c r="BK29" s="280">
        <v>1</v>
      </c>
      <c r="BL29" s="280">
        <v>2</v>
      </c>
      <c r="BM29" s="280">
        <v>1</v>
      </c>
      <c r="BN29" s="280">
        <v>0</v>
      </c>
      <c r="BO29" s="277">
        <v>4</v>
      </c>
      <c r="BP29" s="282">
        <v>4</v>
      </c>
      <c r="BQ29" s="276">
        <v>2</v>
      </c>
      <c r="BR29" s="280">
        <v>2</v>
      </c>
      <c r="BS29" s="277">
        <v>4</v>
      </c>
      <c r="BT29" s="279">
        <v>0</v>
      </c>
      <c r="BU29" s="280">
        <v>1</v>
      </c>
      <c r="BV29" s="280">
        <v>1</v>
      </c>
      <c r="BW29" s="280">
        <v>1</v>
      </c>
      <c r="BX29" s="280">
        <v>0</v>
      </c>
      <c r="BY29" s="280">
        <v>0</v>
      </c>
      <c r="BZ29" s="277">
        <v>3</v>
      </c>
      <c r="CA29" s="282">
        <v>7</v>
      </c>
      <c r="CB29" s="276">
        <v>0</v>
      </c>
      <c r="CC29" s="280">
        <v>0</v>
      </c>
      <c r="CD29" s="277">
        <v>0</v>
      </c>
      <c r="CE29" s="279">
        <v>0</v>
      </c>
      <c r="CF29" s="280">
        <v>0</v>
      </c>
      <c r="CG29" s="280">
        <v>0</v>
      </c>
      <c r="CH29" s="280">
        <v>1</v>
      </c>
      <c r="CI29" s="280">
        <v>1</v>
      </c>
      <c r="CJ29" s="280">
        <v>0</v>
      </c>
      <c r="CK29" s="277">
        <v>2</v>
      </c>
      <c r="CL29" s="282">
        <v>2</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c r="DI29" s="276">
        <v>0</v>
      </c>
      <c r="DJ29" s="280">
        <v>0</v>
      </c>
      <c r="DK29" s="277">
        <v>0</v>
      </c>
      <c r="DL29" s="279">
        <v>0</v>
      </c>
      <c r="DM29" s="280">
        <v>0</v>
      </c>
      <c r="DN29" s="280">
        <v>0</v>
      </c>
      <c r="DO29" s="280">
        <v>0</v>
      </c>
      <c r="DP29" s="280">
        <v>0</v>
      </c>
      <c r="DQ29" s="280">
        <v>0</v>
      </c>
      <c r="DR29" s="277">
        <v>0</v>
      </c>
      <c r="DS29" s="282">
        <v>0</v>
      </c>
      <c r="DT29" s="276">
        <v>4</v>
      </c>
      <c r="DU29" s="280">
        <v>9</v>
      </c>
      <c r="DV29" s="277">
        <v>13</v>
      </c>
      <c r="DW29" s="279">
        <v>0</v>
      </c>
      <c r="DX29" s="280">
        <v>3</v>
      </c>
      <c r="DY29" s="280">
        <v>7</v>
      </c>
      <c r="DZ29" s="280">
        <v>4</v>
      </c>
      <c r="EA29" s="280">
        <v>1</v>
      </c>
      <c r="EB29" s="280">
        <v>1</v>
      </c>
      <c r="EC29" s="277">
        <v>16</v>
      </c>
      <c r="ED29" s="282">
        <v>29</v>
      </c>
      <c r="EE29" s="276">
        <v>0</v>
      </c>
      <c r="EF29" s="280">
        <v>1</v>
      </c>
      <c r="EG29" s="277">
        <v>1</v>
      </c>
      <c r="EH29" s="279">
        <v>0</v>
      </c>
      <c r="EI29" s="280">
        <v>3</v>
      </c>
      <c r="EJ29" s="280">
        <v>5</v>
      </c>
      <c r="EK29" s="280">
        <v>6</v>
      </c>
      <c r="EL29" s="280">
        <v>2</v>
      </c>
      <c r="EM29" s="280">
        <v>0</v>
      </c>
      <c r="EN29" s="277">
        <v>16</v>
      </c>
      <c r="EO29" s="282">
        <v>17</v>
      </c>
      <c r="EP29" s="276">
        <v>7</v>
      </c>
      <c r="EQ29" s="280">
        <v>11</v>
      </c>
      <c r="ER29" s="277">
        <v>18</v>
      </c>
      <c r="ES29" s="279">
        <v>0</v>
      </c>
      <c r="ET29" s="280">
        <v>5</v>
      </c>
      <c r="EU29" s="280">
        <v>10</v>
      </c>
      <c r="EV29" s="280">
        <v>7</v>
      </c>
      <c r="EW29" s="280">
        <v>1</v>
      </c>
      <c r="EX29" s="280">
        <v>1</v>
      </c>
      <c r="EY29" s="277">
        <v>24</v>
      </c>
      <c r="EZ29" s="282">
        <v>42</v>
      </c>
    </row>
    <row r="30" spans="2:156" ht="21" customHeight="1" x14ac:dyDescent="0.2">
      <c r="B30" s="261" t="s">
        <v>28</v>
      </c>
      <c r="C30" s="276">
        <v>0</v>
      </c>
      <c r="D30" s="280">
        <v>0</v>
      </c>
      <c r="E30" s="384">
        <v>0</v>
      </c>
      <c r="F30" s="279">
        <v>0</v>
      </c>
      <c r="G30" s="280">
        <v>1</v>
      </c>
      <c r="H30" s="280">
        <v>1</v>
      </c>
      <c r="I30" s="280">
        <v>0</v>
      </c>
      <c r="J30" s="280">
        <v>0</v>
      </c>
      <c r="K30" s="280">
        <v>1</v>
      </c>
      <c r="L30" s="281">
        <v>3</v>
      </c>
      <c r="M30" s="282">
        <v>3</v>
      </c>
      <c r="N30" s="276">
        <v>0</v>
      </c>
      <c r="O30" s="280">
        <v>0</v>
      </c>
      <c r="P30" s="277">
        <v>0</v>
      </c>
      <c r="Q30" s="279">
        <v>0</v>
      </c>
      <c r="R30" s="280">
        <v>0</v>
      </c>
      <c r="S30" s="280">
        <v>0</v>
      </c>
      <c r="T30" s="280">
        <v>0</v>
      </c>
      <c r="U30" s="280">
        <v>0</v>
      </c>
      <c r="V30" s="280">
        <v>0</v>
      </c>
      <c r="W30" s="277">
        <v>0</v>
      </c>
      <c r="X30" s="282">
        <v>0</v>
      </c>
      <c r="Y30" s="276">
        <v>0</v>
      </c>
      <c r="Z30" s="280">
        <v>0</v>
      </c>
      <c r="AA30" s="277">
        <v>0</v>
      </c>
      <c r="AB30" s="279">
        <v>0</v>
      </c>
      <c r="AC30" s="280">
        <v>1</v>
      </c>
      <c r="AD30" s="280">
        <v>1</v>
      </c>
      <c r="AE30" s="280">
        <v>1</v>
      </c>
      <c r="AF30" s="280">
        <v>0</v>
      </c>
      <c r="AG30" s="280">
        <v>0</v>
      </c>
      <c r="AH30" s="277">
        <v>3</v>
      </c>
      <c r="AI30" s="282">
        <v>3</v>
      </c>
      <c r="AJ30" s="276">
        <v>0</v>
      </c>
      <c r="AK30" s="280">
        <v>0</v>
      </c>
      <c r="AL30" s="277">
        <v>0</v>
      </c>
      <c r="AM30" s="279">
        <v>0</v>
      </c>
      <c r="AN30" s="280">
        <v>1</v>
      </c>
      <c r="AO30" s="280">
        <v>0</v>
      </c>
      <c r="AP30" s="280">
        <v>0</v>
      </c>
      <c r="AQ30" s="280">
        <v>0</v>
      </c>
      <c r="AR30" s="280">
        <v>0</v>
      </c>
      <c r="AS30" s="277">
        <v>1</v>
      </c>
      <c r="AT30" s="282">
        <v>1</v>
      </c>
      <c r="AU30" s="276">
        <v>0</v>
      </c>
      <c r="AV30" s="280">
        <v>0</v>
      </c>
      <c r="AW30" s="277">
        <v>0</v>
      </c>
      <c r="AX30" s="279">
        <v>0</v>
      </c>
      <c r="AY30" s="280">
        <v>1</v>
      </c>
      <c r="AZ30" s="280">
        <v>2</v>
      </c>
      <c r="BA30" s="280">
        <v>1</v>
      </c>
      <c r="BB30" s="280">
        <v>1</v>
      </c>
      <c r="BC30" s="280">
        <v>1</v>
      </c>
      <c r="BD30" s="281">
        <v>6</v>
      </c>
      <c r="BE30" s="282">
        <v>6</v>
      </c>
      <c r="BF30" s="276">
        <v>0</v>
      </c>
      <c r="BG30" s="280">
        <v>0</v>
      </c>
      <c r="BH30" s="277">
        <v>0</v>
      </c>
      <c r="BI30" s="279">
        <v>0</v>
      </c>
      <c r="BJ30" s="280">
        <v>1</v>
      </c>
      <c r="BK30" s="280">
        <v>2</v>
      </c>
      <c r="BL30" s="280">
        <v>0</v>
      </c>
      <c r="BM30" s="280">
        <v>1</v>
      </c>
      <c r="BN30" s="280">
        <v>0</v>
      </c>
      <c r="BO30" s="277">
        <v>4</v>
      </c>
      <c r="BP30" s="282">
        <v>4</v>
      </c>
      <c r="BQ30" s="276">
        <v>0</v>
      </c>
      <c r="BR30" s="280">
        <v>0</v>
      </c>
      <c r="BS30" s="277">
        <v>0</v>
      </c>
      <c r="BT30" s="279">
        <v>0</v>
      </c>
      <c r="BU30" s="280">
        <v>1</v>
      </c>
      <c r="BV30" s="280">
        <v>1</v>
      </c>
      <c r="BW30" s="280">
        <v>1</v>
      </c>
      <c r="BX30" s="280">
        <v>0</v>
      </c>
      <c r="BY30" s="280">
        <v>1</v>
      </c>
      <c r="BZ30" s="277">
        <v>4</v>
      </c>
      <c r="CA30" s="282">
        <v>4</v>
      </c>
      <c r="CB30" s="276">
        <v>0</v>
      </c>
      <c r="CC30" s="280">
        <v>0</v>
      </c>
      <c r="CD30" s="277">
        <v>0</v>
      </c>
      <c r="CE30" s="279">
        <v>0</v>
      </c>
      <c r="CF30" s="280">
        <v>0</v>
      </c>
      <c r="CG30" s="280">
        <v>1</v>
      </c>
      <c r="CH30" s="280">
        <v>0</v>
      </c>
      <c r="CI30" s="280">
        <v>0</v>
      </c>
      <c r="CJ30" s="280">
        <v>0</v>
      </c>
      <c r="CK30" s="277">
        <v>1</v>
      </c>
      <c r="CL30" s="282">
        <v>1</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c r="DI30" s="276">
        <v>0</v>
      </c>
      <c r="DJ30" s="280">
        <v>0</v>
      </c>
      <c r="DK30" s="277">
        <v>0</v>
      </c>
      <c r="DL30" s="279">
        <v>0</v>
      </c>
      <c r="DM30" s="280">
        <v>0</v>
      </c>
      <c r="DN30" s="280">
        <v>0</v>
      </c>
      <c r="DO30" s="280">
        <v>0</v>
      </c>
      <c r="DP30" s="280">
        <v>0</v>
      </c>
      <c r="DQ30" s="280">
        <v>0</v>
      </c>
      <c r="DR30" s="277">
        <v>0</v>
      </c>
      <c r="DS30" s="282">
        <v>0</v>
      </c>
      <c r="DT30" s="276">
        <v>2</v>
      </c>
      <c r="DU30" s="280">
        <v>1</v>
      </c>
      <c r="DV30" s="277">
        <v>3</v>
      </c>
      <c r="DW30" s="279">
        <v>0</v>
      </c>
      <c r="DX30" s="280">
        <v>3</v>
      </c>
      <c r="DY30" s="280">
        <v>3</v>
      </c>
      <c r="DZ30" s="280">
        <v>1</v>
      </c>
      <c r="EA30" s="280">
        <v>0</v>
      </c>
      <c r="EB30" s="280">
        <v>1</v>
      </c>
      <c r="EC30" s="277">
        <v>8</v>
      </c>
      <c r="ED30" s="282">
        <v>11</v>
      </c>
      <c r="EE30" s="276">
        <v>0</v>
      </c>
      <c r="EF30" s="280">
        <v>0</v>
      </c>
      <c r="EG30" s="277">
        <v>0</v>
      </c>
      <c r="EH30" s="279">
        <v>0</v>
      </c>
      <c r="EI30" s="280">
        <v>0</v>
      </c>
      <c r="EJ30" s="280">
        <v>0</v>
      </c>
      <c r="EK30" s="280">
        <v>1</v>
      </c>
      <c r="EL30" s="280">
        <v>1</v>
      </c>
      <c r="EM30" s="280">
        <v>0</v>
      </c>
      <c r="EN30" s="277">
        <v>2</v>
      </c>
      <c r="EO30" s="282">
        <v>2</v>
      </c>
      <c r="EP30" s="276">
        <v>2</v>
      </c>
      <c r="EQ30" s="280">
        <v>1</v>
      </c>
      <c r="ER30" s="277">
        <v>3</v>
      </c>
      <c r="ES30" s="279">
        <v>0</v>
      </c>
      <c r="ET30" s="280">
        <v>7</v>
      </c>
      <c r="EU30" s="280">
        <v>4</v>
      </c>
      <c r="EV30" s="280">
        <v>1</v>
      </c>
      <c r="EW30" s="280">
        <v>1</v>
      </c>
      <c r="EX30" s="280">
        <v>2</v>
      </c>
      <c r="EY30" s="277">
        <v>15</v>
      </c>
      <c r="EZ30" s="282">
        <v>18</v>
      </c>
    </row>
    <row r="31" spans="2:156" ht="21" customHeight="1" x14ac:dyDescent="0.2">
      <c r="B31" s="261" t="s">
        <v>29</v>
      </c>
      <c r="C31" s="276">
        <v>0</v>
      </c>
      <c r="D31" s="280">
        <v>0</v>
      </c>
      <c r="E31" s="384">
        <v>0</v>
      </c>
      <c r="F31" s="279">
        <v>0</v>
      </c>
      <c r="G31" s="280">
        <v>1</v>
      </c>
      <c r="H31" s="280">
        <v>1</v>
      </c>
      <c r="I31" s="280">
        <v>1</v>
      </c>
      <c r="J31" s="280">
        <v>1</v>
      </c>
      <c r="K31" s="280">
        <v>0</v>
      </c>
      <c r="L31" s="281">
        <v>4</v>
      </c>
      <c r="M31" s="282">
        <v>4</v>
      </c>
      <c r="N31" s="276">
        <v>0</v>
      </c>
      <c r="O31" s="280">
        <v>0</v>
      </c>
      <c r="P31" s="277">
        <v>0</v>
      </c>
      <c r="Q31" s="279">
        <v>0</v>
      </c>
      <c r="R31" s="280">
        <v>0</v>
      </c>
      <c r="S31" s="280">
        <v>0</v>
      </c>
      <c r="T31" s="280">
        <v>0</v>
      </c>
      <c r="U31" s="280">
        <v>0</v>
      </c>
      <c r="V31" s="280">
        <v>0</v>
      </c>
      <c r="W31" s="277">
        <v>0</v>
      </c>
      <c r="X31" s="282">
        <v>0</v>
      </c>
      <c r="Y31" s="276">
        <v>0</v>
      </c>
      <c r="Z31" s="280">
        <v>0</v>
      </c>
      <c r="AA31" s="277">
        <v>0</v>
      </c>
      <c r="AB31" s="279">
        <v>0</v>
      </c>
      <c r="AC31" s="280">
        <v>0</v>
      </c>
      <c r="AD31" s="280">
        <v>1</v>
      </c>
      <c r="AE31" s="280">
        <v>4</v>
      </c>
      <c r="AF31" s="280">
        <v>0</v>
      </c>
      <c r="AG31" s="280">
        <v>0</v>
      </c>
      <c r="AH31" s="277">
        <v>5</v>
      </c>
      <c r="AI31" s="282">
        <v>5</v>
      </c>
      <c r="AJ31" s="276">
        <v>0</v>
      </c>
      <c r="AK31" s="280">
        <v>0</v>
      </c>
      <c r="AL31" s="277">
        <v>0</v>
      </c>
      <c r="AM31" s="279">
        <v>0</v>
      </c>
      <c r="AN31" s="280">
        <v>0</v>
      </c>
      <c r="AO31" s="280">
        <v>1</v>
      </c>
      <c r="AP31" s="280">
        <v>1</v>
      </c>
      <c r="AQ31" s="280">
        <v>0</v>
      </c>
      <c r="AR31" s="280">
        <v>0</v>
      </c>
      <c r="AS31" s="277">
        <v>2</v>
      </c>
      <c r="AT31" s="282">
        <v>2</v>
      </c>
      <c r="AU31" s="276">
        <v>0</v>
      </c>
      <c r="AV31" s="280">
        <v>0</v>
      </c>
      <c r="AW31" s="277">
        <v>0</v>
      </c>
      <c r="AX31" s="279">
        <v>0</v>
      </c>
      <c r="AY31" s="280">
        <v>1</v>
      </c>
      <c r="AZ31" s="280">
        <v>0</v>
      </c>
      <c r="BA31" s="280">
        <v>3</v>
      </c>
      <c r="BB31" s="280">
        <v>1</v>
      </c>
      <c r="BC31" s="280">
        <v>0</v>
      </c>
      <c r="BD31" s="281">
        <v>5</v>
      </c>
      <c r="BE31" s="282">
        <v>5</v>
      </c>
      <c r="BF31" s="276">
        <v>0</v>
      </c>
      <c r="BG31" s="280">
        <v>0</v>
      </c>
      <c r="BH31" s="277">
        <v>0</v>
      </c>
      <c r="BI31" s="279">
        <v>0</v>
      </c>
      <c r="BJ31" s="280">
        <v>1</v>
      </c>
      <c r="BK31" s="280">
        <v>0</v>
      </c>
      <c r="BL31" s="280">
        <v>1</v>
      </c>
      <c r="BM31" s="280">
        <v>0</v>
      </c>
      <c r="BN31" s="280">
        <v>0</v>
      </c>
      <c r="BO31" s="277">
        <v>2</v>
      </c>
      <c r="BP31" s="282">
        <v>2</v>
      </c>
      <c r="BQ31" s="276">
        <v>0</v>
      </c>
      <c r="BR31" s="280">
        <v>0</v>
      </c>
      <c r="BS31" s="277">
        <v>0</v>
      </c>
      <c r="BT31" s="279">
        <v>0</v>
      </c>
      <c r="BU31" s="280">
        <v>1</v>
      </c>
      <c r="BV31" s="280">
        <v>1</v>
      </c>
      <c r="BW31" s="280">
        <v>1</v>
      </c>
      <c r="BX31" s="280">
        <v>1</v>
      </c>
      <c r="BY31" s="280">
        <v>0</v>
      </c>
      <c r="BZ31" s="277">
        <v>4</v>
      </c>
      <c r="CA31" s="282">
        <v>4</v>
      </c>
      <c r="CB31" s="276">
        <v>0</v>
      </c>
      <c r="CC31" s="280">
        <v>0</v>
      </c>
      <c r="CD31" s="277">
        <v>0</v>
      </c>
      <c r="CE31" s="279">
        <v>0</v>
      </c>
      <c r="CF31" s="280">
        <v>0</v>
      </c>
      <c r="CG31" s="280">
        <v>0</v>
      </c>
      <c r="CH31" s="280">
        <v>0</v>
      </c>
      <c r="CI31" s="280">
        <v>0</v>
      </c>
      <c r="CJ31" s="280">
        <v>0</v>
      </c>
      <c r="CK31" s="277">
        <v>0</v>
      </c>
      <c r="CL31" s="282">
        <v>0</v>
      </c>
      <c r="CM31" s="276">
        <v>0</v>
      </c>
      <c r="CN31" s="280">
        <v>0</v>
      </c>
      <c r="CO31" s="277">
        <v>0</v>
      </c>
      <c r="CP31" s="279">
        <v>0</v>
      </c>
      <c r="CQ31" s="280">
        <v>0</v>
      </c>
      <c r="CR31" s="280">
        <v>1</v>
      </c>
      <c r="CS31" s="280">
        <v>0</v>
      </c>
      <c r="CT31" s="280">
        <v>0</v>
      </c>
      <c r="CU31" s="280">
        <v>0</v>
      </c>
      <c r="CV31" s="277">
        <v>1</v>
      </c>
      <c r="CW31" s="282">
        <v>1</v>
      </c>
      <c r="CX31" s="276">
        <v>0</v>
      </c>
      <c r="CY31" s="280">
        <v>0</v>
      </c>
      <c r="CZ31" s="277">
        <v>0</v>
      </c>
      <c r="DA31" s="279">
        <v>0</v>
      </c>
      <c r="DB31" s="280">
        <v>0</v>
      </c>
      <c r="DC31" s="280">
        <v>0</v>
      </c>
      <c r="DD31" s="280">
        <v>0</v>
      </c>
      <c r="DE31" s="280">
        <v>0</v>
      </c>
      <c r="DF31" s="280">
        <v>0</v>
      </c>
      <c r="DG31" s="277">
        <v>0</v>
      </c>
      <c r="DH31" s="282">
        <v>0</v>
      </c>
      <c r="DI31" s="276">
        <v>0</v>
      </c>
      <c r="DJ31" s="280">
        <v>0</v>
      </c>
      <c r="DK31" s="277">
        <v>0</v>
      </c>
      <c r="DL31" s="279">
        <v>0</v>
      </c>
      <c r="DM31" s="280">
        <v>0</v>
      </c>
      <c r="DN31" s="280">
        <v>0</v>
      </c>
      <c r="DO31" s="280">
        <v>0</v>
      </c>
      <c r="DP31" s="280">
        <v>0</v>
      </c>
      <c r="DQ31" s="280">
        <v>0</v>
      </c>
      <c r="DR31" s="277">
        <v>0</v>
      </c>
      <c r="DS31" s="282">
        <v>0</v>
      </c>
      <c r="DT31" s="276">
        <v>2</v>
      </c>
      <c r="DU31" s="280">
        <v>1</v>
      </c>
      <c r="DV31" s="277">
        <v>3</v>
      </c>
      <c r="DW31" s="279">
        <v>0</v>
      </c>
      <c r="DX31" s="280">
        <v>2</v>
      </c>
      <c r="DY31" s="280">
        <v>1</v>
      </c>
      <c r="DZ31" s="280">
        <v>6</v>
      </c>
      <c r="EA31" s="280">
        <v>1</v>
      </c>
      <c r="EB31" s="280">
        <v>1</v>
      </c>
      <c r="EC31" s="277">
        <v>11</v>
      </c>
      <c r="ED31" s="282">
        <v>14</v>
      </c>
      <c r="EE31" s="276">
        <v>0</v>
      </c>
      <c r="EF31" s="280">
        <v>0</v>
      </c>
      <c r="EG31" s="277">
        <v>0</v>
      </c>
      <c r="EH31" s="279">
        <v>0</v>
      </c>
      <c r="EI31" s="280">
        <v>1</v>
      </c>
      <c r="EJ31" s="280">
        <v>0</v>
      </c>
      <c r="EK31" s="280">
        <v>0</v>
      </c>
      <c r="EL31" s="280">
        <v>2</v>
      </c>
      <c r="EM31" s="280">
        <v>0</v>
      </c>
      <c r="EN31" s="277">
        <v>3</v>
      </c>
      <c r="EO31" s="282">
        <v>3</v>
      </c>
      <c r="EP31" s="276">
        <v>2</v>
      </c>
      <c r="EQ31" s="280">
        <v>1</v>
      </c>
      <c r="ER31" s="277">
        <v>3</v>
      </c>
      <c r="ES31" s="279">
        <v>0</v>
      </c>
      <c r="ET31" s="280">
        <v>3</v>
      </c>
      <c r="EU31" s="280">
        <v>2</v>
      </c>
      <c r="EV31" s="280">
        <v>6</v>
      </c>
      <c r="EW31" s="280">
        <v>2</v>
      </c>
      <c r="EX31" s="280">
        <v>1</v>
      </c>
      <c r="EY31" s="277">
        <v>14</v>
      </c>
      <c r="EZ31" s="282">
        <v>17</v>
      </c>
    </row>
    <row r="32" spans="2:156" ht="21" customHeight="1" x14ac:dyDescent="0.2">
      <c r="B32" s="261" t="s">
        <v>30</v>
      </c>
      <c r="C32" s="276">
        <v>0</v>
      </c>
      <c r="D32" s="280">
        <v>0</v>
      </c>
      <c r="E32" s="384">
        <v>0</v>
      </c>
      <c r="F32" s="279">
        <v>0</v>
      </c>
      <c r="G32" s="280">
        <v>1</v>
      </c>
      <c r="H32" s="280">
        <v>0</v>
      </c>
      <c r="I32" s="280">
        <v>1</v>
      </c>
      <c r="J32" s="280">
        <v>1</v>
      </c>
      <c r="K32" s="280">
        <v>0</v>
      </c>
      <c r="L32" s="281">
        <v>3</v>
      </c>
      <c r="M32" s="282">
        <v>3</v>
      </c>
      <c r="N32" s="276">
        <v>0</v>
      </c>
      <c r="O32" s="280">
        <v>0</v>
      </c>
      <c r="P32" s="277">
        <v>0</v>
      </c>
      <c r="Q32" s="279">
        <v>0</v>
      </c>
      <c r="R32" s="280">
        <v>0</v>
      </c>
      <c r="S32" s="280">
        <v>0</v>
      </c>
      <c r="T32" s="280">
        <v>0</v>
      </c>
      <c r="U32" s="280">
        <v>1</v>
      </c>
      <c r="V32" s="280">
        <v>0</v>
      </c>
      <c r="W32" s="277">
        <v>1</v>
      </c>
      <c r="X32" s="282">
        <v>1</v>
      </c>
      <c r="Y32" s="276">
        <v>0</v>
      </c>
      <c r="Z32" s="280">
        <v>0</v>
      </c>
      <c r="AA32" s="277">
        <v>0</v>
      </c>
      <c r="AB32" s="279">
        <v>0</v>
      </c>
      <c r="AC32" s="280">
        <v>1</v>
      </c>
      <c r="AD32" s="280">
        <v>0</v>
      </c>
      <c r="AE32" s="280">
        <v>0</v>
      </c>
      <c r="AF32" s="280">
        <v>1</v>
      </c>
      <c r="AG32" s="280">
        <v>0</v>
      </c>
      <c r="AH32" s="277">
        <v>2</v>
      </c>
      <c r="AI32" s="282">
        <v>2</v>
      </c>
      <c r="AJ32" s="276">
        <v>0</v>
      </c>
      <c r="AK32" s="280">
        <v>0</v>
      </c>
      <c r="AL32" s="277">
        <v>0</v>
      </c>
      <c r="AM32" s="279">
        <v>0</v>
      </c>
      <c r="AN32" s="280">
        <v>0</v>
      </c>
      <c r="AO32" s="280">
        <v>0</v>
      </c>
      <c r="AP32" s="280">
        <v>0</v>
      </c>
      <c r="AQ32" s="280">
        <v>0</v>
      </c>
      <c r="AR32" s="280">
        <v>0</v>
      </c>
      <c r="AS32" s="277">
        <v>0</v>
      </c>
      <c r="AT32" s="282">
        <v>0</v>
      </c>
      <c r="AU32" s="276">
        <v>0</v>
      </c>
      <c r="AV32" s="280">
        <v>0</v>
      </c>
      <c r="AW32" s="277">
        <v>0</v>
      </c>
      <c r="AX32" s="279">
        <v>0</v>
      </c>
      <c r="AY32" s="280">
        <v>3</v>
      </c>
      <c r="AZ32" s="280">
        <v>1</v>
      </c>
      <c r="BA32" s="280">
        <v>1</v>
      </c>
      <c r="BB32" s="280">
        <v>0</v>
      </c>
      <c r="BC32" s="280">
        <v>0</v>
      </c>
      <c r="BD32" s="281">
        <v>5</v>
      </c>
      <c r="BE32" s="282">
        <v>5</v>
      </c>
      <c r="BF32" s="276">
        <v>0</v>
      </c>
      <c r="BG32" s="280">
        <v>0</v>
      </c>
      <c r="BH32" s="277">
        <v>0</v>
      </c>
      <c r="BI32" s="279">
        <v>0</v>
      </c>
      <c r="BJ32" s="280">
        <v>1</v>
      </c>
      <c r="BK32" s="280">
        <v>3</v>
      </c>
      <c r="BL32" s="280">
        <v>0</v>
      </c>
      <c r="BM32" s="280">
        <v>0</v>
      </c>
      <c r="BN32" s="280">
        <v>0</v>
      </c>
      <c r="BO32" s="277">
        <v>4</v>
      </c>
      <c r="BP32" s="282">
        <v>4</v>
      </c>
      <c r="BQ32" s="276">
        <v>0</v>
      </c>
      <c r="BR32" s="280">
        <v>0</v>
      </c>
      <c r="BS32" s="277">
        <v>0</v>
      </c>
      <c r="BT32" s="279">
        <v>0</v>
      </c>
      <c r="BU32" s="280">
        <v>0</v>
      </c>
      <c r="BV32" s="280">
        <v>2</v>
      </c>
      <c r="BW32" s="280">
        <v>0</v>
      </c>
      <c r="BX32" s="280">
        <v>0</v>
      </c>
      <c r="BY32" s="280">
        <v>0</v>
      </c>
      <c r="BZ32" s="277">
        <v>2</v>
      </c>
      <c r="CA32" s="282">
        <v>2</v>
      </c>
      <c r="CB32" s="276">
        <v>0</v>
      </c>
      <c r="CC32" s="280">
        <v>0</v>
      </c>
      <c r="CD32" s="277">
        <v>0</v>
      </c>
      <c r="CE32" s="279">
        <v>0</v>
      </c>
      <c r="CF32" s="280">
        <v>1</v>
      </c>
      <c r="CG32" s="280">
        <v>0</v>
      </c>
      <c r="CH32" s="280">
        <v>0</v>
      </c>
      <c r="CI32" s="280">
        <v>0</v>
      </c>
      <c r="CJ32" s="280">
        <v>0</v>
      </c>
      <c r="CK32" s="277">
        <v>1</v>
      </c>
      <c r="CL32" s="282">
        <v>1</v>
      </c>
      <c r="CM32" s="276">
        <v>0</v>
      </c>
      <c r="CN32" s="280">
        <v>0</v>
      </c>
      <c r="CO32" s="277">
        <v>0</v>
      </c>
      <c r="CP32" s="279">
        <v>0</v>
      </c>
      <c r="CQ32" s="280">
        <v>0</v>
      </c>
      <c r="CR32" s="280">
        <v>1</v>
      </c>
      <c r="CS32" s="280">
        <v>0</v>
      </c>
      <c r="CT32" s="280">
        <v>0</v>
      </c>
      <c r="CU32" s="280">
        <v>0</v>
      </c>
      <c r="CV32" s="277">
        <v>1</v>
      </c>
      <c r="CW32" s="282">
        <v>1</v>
      </c>
      <c r="CX32" s="276">
        <v>0</v>
      </c>
      <c r="CY32" s="280">
        <v>0</v>
      </c>
      <c r="CZ32" s="277">
        <v>0</v>
      </c>
      <c r="DA32" s="279">
        <v>0</v>
      </c>
      <c r="DB32" s="280">
        <v>0</v>
      </c>
      <c r="DC32" s="280">
        <v>0</v>
      </c>
      <c r="DD32" s="280">
        <v>0</v>
      </c>
      <c r="DE32" s="280">
        <v>0</v>
      </c>
      <c r="DF32" s="280">
        <v>0</v>
      </c>
      <c r="DG32" s="277">
        <v>0</v>
      </c>
      <c r="DH32" s="282">
        <v>0</v>
      </c>
      <c r="DI32" s="276">
        <v>0</v>
      </c>
      <c r="DJ32" s="280">
        <v>0</v>
      </c>
      <c r="DK32" s="277">
        <v>0</v>
      </c>
      <c r="DL32" s="279">
        <v>0</v>
      </c>
      <c r="DM32" s="280">
        <v>0</v>
      </c>
      <c r="DN32" s="280">
        <v>0</v>
      </c>
      <c r="DO32" s="280">
        <v>0</v>
      </c>
      <c r="DP32" s="280">
        <v>0</v>
      </c>
      <c r="DQ32" s="280">
        <v>0</v>
      </c>
      <c r="DR32" s="277">
        <v>0</v>
      </c>
      <c r="DS32" s="282">
        <v>0</v>
      </c>
      <c r="DT32" s="276">
        <v>4</v>
      </c>
      <c r="DU32" s="280">
        <v>1</v>
      </c>
      <c r="DV32" s="277">
        <v>5</v>
      </c>
      <c r="DW32" s="279">
        <v>0</v>
      </c>
      <c r="DX32" s="280">
        <v>0</v>
      </c>
      <c r="DY32" s="280">
        <v>4</v>
      </c>
      <c r="DZ32" s="280">
        <v>2</v>
      </c>
      <c r="EA32" s="280">
        <v>3</v>
      </c>
      <c r="EB32" s="280">
        <v>0</v>
      </c>
      <c r="EC32" s="277">
        <v>9</v>
      </c>
      <c r="ED32" s="282">
        <v>14</v>
      </c>
      <c r="EE32" s="276">
        <v>0</v>
      </c>
      <c r="EF32" s="280">
        <v>0</v>
      </c>
      <c r="EG32" s="277">
        <v>0</v>
      </c>
      <c r="EH32" s="279">
        <v>0</v>
      </c>
      <c r="EI32" s="280">
        <v>3</v>
      </c>
      <c r="EJ32" s="280">
        <v>0</v>
      </c>
      <c r="EK32" s="280">
        <v>0</v>
      </c>
      <c r="EL32" s="280">
        <v>0</v>
      </c>
      <c r="EM32" s="280">
        <v>0</v>
      </c>
      <c r="EN32" s="277">
        <v>3</v>
      </c>
      <c r="EO32" s="282">
        <v>3</v>
      </c>
      <c r="EP32" s="276">
        <v>4</v>
      </c>
      <c r="EQ32" s="280">
        <v>1</v>
      </c>
      <c r="ER32" s="277">
        <v>5</v>
      </c>
      <c r="ES32" s="279">
        <v>0</v>
      </c>
      <c r="ET32" s="280">
        <v>3</v>
      </c>
      <c r="EU32" s="280">
        <v>5</v>
      </c>
      <c r="EV32" s="280">
        <v>2</v>
      </c>
      <c r="EW32" s="280">
        <v>3</v>
      </c>
      <c r="EX32" s="280">
        <v>0</v>
      </c>
      <c r="EY32" s="277">
        <v>13</v>
      </c>
      <c r="EZ32" s="282">
        <v>18</v>
      </c>
    </row>
    <row r="33" spans="2:156" ht="21" customHeight="1" x14ac:dyDescent="0.2">
      <c r="B33" s="261" t="s">
        <v>31</v>
      </c>
      <c r="C33" s="276">
        <v>0</v>
      </c>
      <c r="D33" s="280">
        <v>0</v>
      </c>
      <c r="E33" s="384">
        <v>0</v>
      </c>
      <c r="F33" s="279">
        <v>0</v>
      </c>
      <c r="G33" s="280">
        <v>0</v>
      </c>
      <c r="H33" s="280">
        <v>0</v>
      </c>
      <c r="I33" s="280">
        <v>0</v>
      </c>
      <c r="J33" s="280">
        <v>1</v>
      </c>
      <c r="K33" s="280">
        <v>0</v>
      </c>
      <c r="L33" s="281">
        <v>1</v>
      </c>
      <c r="M33" s="282">
        <v>1</v>
      </c>
      <c r="N33" s="276">
        <v>0</v>
      </c>
      <c r="O33" s="280">
        <v>0</v>
      </c>
      <c r="P33" s="277">
        <v>0</v>
      </c>
      <c r="Q33" s="279">
        <v>0</v>
      </c>
      <c r="R33" s="280">
        <v>0</v>
      </c>
      <c r="S33" s="280">
        <v>0</v>
      </c>
      <c r="T33" s="280">
        <v>0</v>
      </c>
      <c r="U33" s="280">
        <v>0</v>
      </c>
      <c r="V33" s="280">
        <v>1</v>
      </c>
      <c r="W33" s="277">
        <v>1</v>
      </c>
      <c r="X33" s="282">
        <v>1</v>
      </c>
      <c r="Y33" s="276">
        <v>0</v>
      </c>
      <c r="Z33" s="280">
        <v>0</v>
      </c>
      <c r="AA33" s="277">
        <v>0</v>
      </c>
      <c r="AB33" s="279">
        <v>0</v>
      </c>
      <c r="AC33" s="280">
        <v>1</v>
      </c>
      <c r="AD33" s="280">
        <v>1</v>
      </c>
      <c r="AE33" s="280">
        <v>0</v>
      </c>
      <c r="AF33" s="280">
        <v>2</v>
      </c>
      <c r="AG33" s="280">
        <v>1</v>
      </c>
      <c r="AH33" s="277">
        <v>5</v>
      </c>
      <c r="AI33" s="282">
        <v>5</v>
      </c>
      <c r="AJ33" s="276">
        <v>0</v>
      </c>
      <c r="AK33" s="280">
        <v>0</v>
      </c>
      <c r="AL33" s="277">
        <v>0</v>
      </c>
      <c r="AM33" s="279">
        <v>0</v>
      </c>
      <c r="AN33" s="280">
        <v>0</v>
      </c>
      <c r="AO33" s="280">
        <v>0</v>
      </c>
      <c r="AP33" s="280">
        <v>1</v>
      </c>
      <c r="AQ33" s="280">
        <v>0</v>
      </c>
      <c r="AR33" s="280">
        <v>0</v>
      </c>
      <c r="AS33" s="277">
        <v>1</v>
      </c>
      <c r="AT33" s="282">
        <v>1</v>
      </c>
      <c r="AU33" s="276">
        <v>0</v>
      </c>
      <c r="AV33" s="280">
        <v>0</v>
      </c>
      <c r="AW33" s="277">
        <v>0</v>
      </c>
      <c r="AX33" s="279">
        <v>0</v>
      </c>
      <c r="AY33" s="280">
        <v>1</v>
      </c>
      <c r="AZ33" s="280">
        <v>2</v>
      </c>
      <c r="BA33" s="280">
        <v>0</v>
      </c>
      <c r="BB33" s="280">
        <v>0</v>
      </c>
      <c r="BC33" s="280">
        <v>3</v>
      </c>
      <c r="BD33" s="281">
        <v>6</v>
      </c>
      <c r="BE33" s="282">
        <v>6</v>
      </c>
      <c r="BF33" s="276">
        <v>0</v>
      </c>
      <c r="BG33" s="280">
        <v>0</v>
      </c>
      <c r="BH33" s="277">
        <v>0</v>
      </c>
      <c r="BI33" s="279">
        <v>0</v>
      </c>
      <c r="BJ33" s="280">
        <v>0</v>
      </c>
      <c r="BK33" s="280">
        <v>1</v>
      </c>
      <c r="BL33" s="280">
        <v>3</v>
      </c>
      <c r="BM33" s="280">
        <v>1</v>
      </c>
      <c r="BN33" s="280">
        <v>0</v>
      </c>
      <c r="BO33" s="277">
        <v>5</v>
      </c>
      <c r="BP33" s="282">
        <v>5</v>
      </c>
      <c r="BQ33" s="276">
        <v>0</v>
      </c>
      <c r="BR33" s="280">
        <v>0</v>
      </c>
      <c r="BS33" s="277">
        <v>0</v>
      </c>
      <c r="BT33" s="279">
        <v>0</v>
      </c>
      <c r="BU33" s="280">
        <v>0</v>
      </c>
      <c r="BV33" s="280">
        <v>0</v>
      </c>
      <c r="BW33" s="280">
        <v>0</v>
      </c>
      <c r="BX33" s="280">
        <v>0</v>
      </c>
      <c r="BY33" s="280">
        <v>0</v>
      </c>
      <c r="BZ33" s="277">
        <v>0</v>
      </c>
      <c r="CA33" s="282">
        <v>0</v>
      </c>
      <c r="CB33" s="276">
        <v>0</v>
      </c>
      <c r="CC33" s="280">
        <v>0</v>
      </c>
      <c r="CD33" s="277">
        <v>0</v>
      </c>
      <c r="CE33" s="279">
        <v>0</v>
      </c>
      <c r="CF33" s="280">
        <v>0</v>
      </c>
      <c r="CG33" s="280">
        <v>0</v>
      </c>
      <c r="CH33" s="280">
        <v>0</v>
      </c>
      <c r="CI33" s="280">
        <v>0</v>
      </c>
      <c r="CJ33" s="280">
        <v>0</v>
      </c>
      <c r="CK33" s="277">
        <v>0</v>
      </c>
      <c r="CL33" s="282">
        <v>0</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c r="DI33" s="276">
        <v>0</v>
      </c>
      <c r="DJ33" s="280">
        <v>0</v>
      </c>
      <c r="DK33" s="277">
        <v>0</v>
      </c>
      <c r="DL33" s="279">
        <v>0</v>
      </c>
      <c r="DM33" s="280">
        <v>0</v>
      </c>
      <c r="DN33" s="280">
        <v>0</v>
      </c>
      <c r="DO33" s="280">
        <v>0</v>
      </c>
      <c r="DP33" s="280">
        <v>0</v>
      </c>
      <c r="DQ33" s="280">
        <v>0</v>
      </c>
      <c r="DR33" s="277">
        <v>0</v>
      </c>
      <c r="DS33" s="282">
        <v>0</v>
      </c>
      <c r="DT33" s="276">
        <v>1</v>
      </c>
      <c r="DU33" s="280">
        <v>0</v>
      </c>
      <c r="DV33" s="277">
        <v>1</v>
      </c>
      <c r="DW33" s="279">
        <v>0</v>
      </c>
      <c r="DX33" s="280">
        <v>2</v>
      </c>
      <c r="DY33" s="280">
        <v>2</v>
      </c>
      <c r="DZ33" s="280">
        <v>1</v>
      </c>
      <c r="EA33" s="280">
        <v>2</v>
      </c>
      <c r="EB33" s="280">
        <v>1</v>
      </c>
      <c r="EC33" s="277">
        <v>8</v>
      </c>
      <c r="ED33" s="282">
        <v>9</v>
      </c>
      <c r="EE33" s="276">
        <v>0</v>
      </c>
      <c r="EF33" s="280">
        <v>0</v>
      </c>
      <c r="EG33" s="277">
        <v>0</v>
      </c>
      <c r="EH33" s="279">
        <v>0</v>
      </c>
      <c r="EI33" s="280">
        <v>1</v>
      </c>
      <c r="EJ33" s="280">
        <v>1</v>
      </c>
      <c r="EK33" s="280">
        <v>0</v>
      </c>
      <c r="EL33" s="280">
        <v>0</v>
      </c>
      <c r="EM33" s="280">
        <v>1</v>
      </c>
      <c r="EN33" s="277">
        <v>3</v>
      </c>
      <c r="EO33" s="282">
        <v>3</v>
      </c>
      <c r="EP33" s="276">
        <v>1</v>
      </c>
      <c r="EQ33" s="280">
        <v>0</v>
      </c>
      <c r="ER33" s="277">
        <v>1</v>
      </c>
      <c r="ES33" s="279">
        <v>0</v>
      </c>
      <c r="ET33" s="280">
        <v>3</v>
      </c>
      <c r="EU33" s="280">
        <v>2</v>
      </c>
      <c r="EV33" s="280">
        <v>3</v>
      </c>
      <c r="EW33" s="280">
        <v>2</v>
      </c>
      <c r="EX33" s="280">
        <v>1</v>
      </c>
      <c r="EY33" s="277">
        <v>11</v>
      </c>
      <c r="EZ33" s="282">
        <v>12</v>
      </c>
    </row>
    <row r="34" spans="2:156" ht="21" customHeight="1" x14ac:dyDescent="0.2">
      <c r="B34" s="261" t="s">
        <v>32</v>
      </c>
      <c r="C34" s="276">
        <v>0</v>
      </c>
      <c r="D34" s="280">
        <v>0</v>
      </c>
      <c r="E34" s="384">
        <v>0</v>
      </c>
      <c r="F34" s="279">
        <v>0</v>
      </c>
      <c r="G34" s="280">
        <v>0</v>
      </c>
      <c r="H34" s="280">
        <v>0</v>
      </c>
      <c r="I34" s="280">
        <v>0</v>
      </c>
      <c r="J34" s="280">
        <v>1</v>
      </c>
      <c r="K34" s="280">
        <v>0</v>
      </c>
      <c r="L34" s="281">
        <v>1</v>
      </c>
      <c r="M34" s="282">
        <v>1</v>
      </c>
      <c r="N34" s="276">
        <v>0</v>
      </c>
      <c r="O34" s="280">
        <v>0</v>
      </c>
      <c r="P34" s="277">
        <v>0</v>
      </c>
      <c r="Q34" s="279">
        <v>0</v>
      </c>
      <c r="R34" s="280">
        <v>0</v>
      </c>
      <c r="S34" s="280">
        <v>0</v>
      </c>
      <c r="T34" s="280">
        <v>0</v>
      </c>
      <c r="U34" s="280">
        <v>0</v>
      </c>
      <c r="V34" s="280">
        <v>0</v>
      </c>
      <c r="W34" s="277">
        <v>0</v>
      </c>
      <c r="X34" s="282">
        <v>0</v>
      </c>
      <c r="Y34" s="276">
        <v>0</v>
      </c>
      <c r="Z34" s="280">
        <v>0</v>
      </c>
      <c r="AA34" s="277">
        <v>0</v>
      </c>
      <c r="AB34" s="279">
        <v>0</v>
      </c>
      <c r="AC34" s="280">
        <v>0</v>
      </c>
      <c r="AD34" s="280">
        <v>2</v>
      </c>
      <c r="AE34" s="280">
        <v>0</v>
      </c>
      <c r="AF34" s="280">
        <v>0</v>
      </c>
      <c r="AG34" s="280">
        <v>0</v>
      </c>
      <c r="AH34" s="277">
        <v>2</v>
      </c>
      <c r="AI34" s="282">
        <v>2</v>
      </c>
      <c r="AJ34" s="276">
        <v>1</v>
      </c>
      <c r="AK34" s="280">
        <v>0</v>
      </c>
      <c r="AL34" s="277">
        <v>1</v>
      </c>
      <c r="AM34" s="279">
        <v>0</v>
      </c>
      <c r="AN34" s="280">
        <v>0</v>
      </c>
      <c r="AO34" s="280">
        <v>0</v>
      </c>
      <c r="AP34" s="280">
        <v>0</v>
      </c>
      <c r="AQ34" s="280">
        <v>1</v>
      </c>
      <c r="AR34" s="280">
        <v>0</v>
      </c>
      <c r="AS34" s="277">
        <v>1</v>
      </c>
      <c r="AT34" s="282">
        <v>2</v>
      </c>
      <c r="AU34" s="276">
        <v>0</v>
      </c>
      <c r="AV34" s="280">
        <v>0</v>
      </c>
      <c r="AW34" s="277">
        <v>0</v>
      </c>
      <c r="AX34" s="279">
        <v>0</v>
      </c>
      <c r="AY34" s="280">
        <v>0</v>
      </c>
      <c r="AZ34" s="280">
        <v>1</v>
      </c>
      <c r="BA34" s="280">
        <v>1</v>
      </c>
      <c r="BB34" s="280">
        <v>4</v>
      </c>
      <c r="BC34" s="280">
        <v>2</v>
      </c>
      <c r="BD34" s="281">
        <v>8</v>
      </c>
      <c r="BE34" s="282">
        <v>8</v>
      </c>
      <c r="BF34" s="276">
        <v>0</v>
      </c>
      <c r="BG34" s="280">
        <v>0</v>
      </c>
      <c r="BH34" s="277">
        <v>0</v>
      </c>
      <c r="BI34" s="279">
        <v>0</v>
      </c>
      <c r="BJ34" s="280">
        <v>2</v>
      </c>
      <c r="BK34" s="280">
        <v>2</v>
      </c>
      <c r="BL34" s="280">
        <v>0</v>
      </c>
      <c r="BM34" s="280">
        <v>0</v>
      </c>
      <c r="BN34" s="280">
        <v>0</v>
      </c>
      <c r="BO34" s="277">
        <v>4</v>
      </c>
      <c r="BP34" s="282">
        <v>4</v>
      </c>
      <c r="BQ34" s="276">
        <v>0</v>
      </c>
      <c r="BR34" s="280">
        <v>0</v>
      </c>
      <c r="BS34" s="277">
        <v>0</v>
      </c>
      <c r="BT34" s="279">
        <v>0</v>
      </c>
      <c r="BU34" s="280">
        <v>0</v>
      </c>
      <c r="BV34" s="280">
        <v>0</v>
      </c>
      <c r="BW34" s="280">
        <v>1</v>
      </c>
      <c r="BX34" s="280">
        <v>2</v>
      </c>
      <c r="BY34" s="280">
        <v>0</v>
      </c>
      <c r="BZ34" s="277">
        <v>3</v>
      </c>
      <c r="CA34" s="282">
        <v>3</v>
      </c>
      <c r="CB34" s="276">
        <v>0</v>
      </c>
      <c r="CC34" s="280">
        <v>0</v>
      </c>
      <c r="CD34" s="277">
        <v>0</v>
      </c>
      <c r="CE34" s="279">
        <v>0</v>
      </c>
      <c r="CF34" s="280">
        <v>0</v>
      </c>
      <c r="CG34" s="280">
        <v>0</v>
      </c>
      <c r="CH34" s="280">
        <v>1</v>
      </c>
      <c r="CI34" s="280">
        <v>0</v>
      </c>
      <c r="CJ34" s="280">
        <v>0</v>
      </c>
      <c r="CK34" s="277">
        <v>1</v>
      </c>
      <c r="CL34" s="282">
        <v>1</v>
      </c>
      <c r="CM34" s="276">
        <v>0</v>
      </c>
      <c r="CN34" s="280">
        <v>0</v>
      </c>
      <c r="CO34" s="277">
        <v>0</v>
      </c>
      <c r="CP34" s="279">
        <v>0</v>
      </c>
      <c r="CQ34" s="280">
        <v>0</v>
      </c>
      <c r="CR34" s="280">
        <v>0</v>
      </c>
      <c r="CS34" s="280">
        <v>0</v>
      </c>
      <c r="CT34" s="280">
        <v>1</v>
      </c>
      <c r="CU34" s="280">
        <v>0</v>
      </c>
      <c r="CV34" s="277">
        <v>1</v>
      </c>
      <c r="CW34" s="282">
        <v>1</v>
      </c>
      <c r="CX34" s="276">
        <v>0</v>
      </c>
      <c r="CY34" s="280">
        <v>0</v>
      </c>
      <c r="CZ34" s="277">
        <v>0</v>
      </c>
      <c r="DA34" s="279">
        <v>0</v>
      </c>
      <c r="DB34" s="280">
        <v>0</v>
      </c>
      <c r="DC34" s="280">
        <v>0</v>
      </c>
      <c r="DD34" s="280">
        <v>0</v>
      </c>
      <c r="DE34" s="280">
        <v>0</v>
      </c>
      <c r="DF34" s="280">
        <v>0</v>
      </c>
      <c r="DG34" s="277">
        <v>0</v>
      </c>
      <c r="DH34" s="282">
        <v>0</v>
      </c>
      <c r="DI34" s="276">
        <v>0</v>
      </c>
      <c r="DJ34" s="280">
        <v>0</v>
      </c>
      <c r="DK34" s="277">
        <v>0</v>
      </c>
      <c r="DL34" s="279">
        <v>0</v>
      </c>
      <c r="DM34" s="280">
        <v>0</v>
      </c>
      <c r="DN34" s="280">
        <v>0</v>
      </c>
      <c r="DO34" s="280">
        <v>0</v>
      </c>
      <c r="DP34" s="280">
        <v>0</v>
      </c>
      <c r="DQ34" s="280">
        <v>0</v>
      </c>
      <c r="DR34" s="277">
        <v>0</v>
      </c>
      <c r="DS34" s="282">
        <v>0</v>
      </c>
      <c r="DT34" s="276">
        <v>1</v>
      </c>
      <c r="DU34" s="280">
        <v>0</v>
      </c>
      <c r="DV34" s="277">
        <v>1</v>
      </c>
      <c r="DW34" s="279">
        <v>0</v>
      </c>
      <c r="DX34" s="280">
        <v>0</v>
      </c>
      <c r="DY34" s="280">
        <v>3</v>
      </c>
      <c r="DZ34" s="280">
        <v>1</v>
      </c>
      <c r="EA34" s="280">
        <v>4</v>
      </c>
      <c r="EB34" s="280">
        <v>0</v>
      </c>
      <c r="EC34" s="277">
        <v>8</v>
      </c>
      <c r="ED34" s="282">
        <v>9</v>
      </c>
      <c r="EE34" s="276">
        <v>0</v>
      </c>
      <c r="EF34" s="280">
        <v>0</v>
      </c>
      <c r="EG34" s="277">
        <v>0</v>
      </c>
      <c r="EH34" s="279">
        <v>0</v>
      </c>
      <c r="EI34" s="280">
        <v>0</v>
      </c>
      <c r="EJ34" s="280">
        <v>1</v>
      </c>
      <c r="EK34" s="280">
        <v>0</v>
      </c>
      <c r="EL34" s="280">
        <v>1</v>
      </c>
      <c r="EM34" s="280">
        <v>1</v>
      </c>
      <c r="EN34" s="277">
        <v>3</v>
      </c>
      <c r="EO34" s="282">
        <v>3</v>
      </c>
      <c r="EP34" s="276">
        <v>2</v>
      </c>
      <c r="EQ34" s="280">
        <v>0</v>
      </c>
      <c r="ER34" s="277">
        <v>2</v>
      </c>
      <c r="ES34" s="279">
        <v>0</v>
      </c>
      <c r="ET34" s="280">
        <v>3</v>
      </c>
      <c r="EU34" s="280">
        <v>5</v>
      </c>
      <c r="EV34" s="280">
        <v>2</v>
      </c>
      <c r="EW34" s="280">
        <v>4</v>
      </c>
      <c r="EX34" s="280">
        <v>0</v>
      </c>
      <c r="EY34" s="277">
        <v>14</v>
      </c>
      <c r="EZ34" s="282">
        <v>16</v>
      </c>
    </row>
    <row r="35" spans="2:156" ht="21" customHeight="1" x14ac:dyDescent="0.2">
      <c r="B35" s="261" t="s">
        <v>33</v>
      </c>
      <c r="C35" s="276">
        <v>0</v>
      </c>
      <c r="D35" s="280">
        <v>0</v>
      </c>
      <c r="E35" s="384">
        <v>0</v>
      </c>
      <c r="F35" s="279">
        <v>0</v>
      </c>
      <c r="G35" s="280">
        <v>1</v>
      </c>
      <c r="H35" s="280">
        <v>0</v>
      </c>
      <c r="I35" s="280">
        <v>2</v>
      </c>
      <c r="J35" s="280">
        <v>1</v>
      </c>
      <c r="K35" s="280">
        <v>0</v>
      </c>
      <c r="L35" s="281">
        <v>4</v>
      </c>
      <c r="M35" s="282">
        <v>4</v>
      </c>
      <c r="N35" s="276">
        <v>0</v>
      </c>
      <c r="O35" s="280">
        <v>0</v>
      </c>
      <c r="P35" s="277">
        <v>0</v>
      </c>
      <c r="Q35" s="279">
        <v>0</v>
      </c>
      <c r="R35" s="280">
        <v>0</v>
      </c>
      <c r="S35" s="280">
        <v>0</v>
      </c>
      <c r="T35" s="280">
        <v>1</v>
      </c>
      <c r="U35" s="280">
        <v>0</v>
      </c>
      <c r="V35" s="280">
        <v>0</v>
      </c>
      <c r="W35" s="277">
        <v>1</v>
      </c>
      <c r="X35" s="282">
        <v>1</v>
      </c>
      <c r="Y35" s="276">
        <v>0</v>
      </c>
      <c r="Z35" s="280">
        <v>0</v>
      </c>
      <c r="AA35" s="277">
        <v>0</v>
      </c>
      <c r="AB35" s="279">
        <v>0</v>
      </c>
      <c r="AC35" s="280">
        <v>0</v>
      </c>
      <c r="AD35" s="280">
        <v>1</v>
      </c>
      <c r="AE35" s="280">
        <v>2</v>
      </c>
      <c r="AF35" s="280">
        <v>1</v>
      </c>
      <c r="AG35" s="280">
        <v>1</v>
      </c>
      <c r="AH35" s="277">
        <v>5</v>
      </c>
      <c r="AI35" s="282">
        <v>5</v>
      </c>
      <c r="AJ35" s="276">
        <v>2</v>
      </c>
      <c r="AK35" s="280">
        <v>1</v>
      </c>
      <c r="AL35" s="277">
        <v>3</v>
      </c>
      <c r="AM35" s="279">
        <v>0</v>
      </c>
      <c r="AN35" s="280">
        <v>0</v>
      </c>
      <c r="AO35" s="280">
        <v>2</v>
      </c>
      <c r="AP35" s="280">
        <v>1</v>
      </c>
      <c r="AQ35" s="280">
        <v>1</v>
      </c>
      <c r="AR35" s="280">
        <v>0</v>
      </c>
      <c r="AS35" s="277">
        <v>4</v>
      </c>
      <c r="AT35" s="282">
        <v>7</v>
      </c>
      <c r="AU35" s="276">
        <v>1</v>
      </c>
      <c r="AV35" s="280">
        <v>0</v>
      </c>
      <c r="AW35" s="277">
        <v>1</v>
      </c>
      <c r="AX35" s="279">
        <v>0</v>
      </c>
      <c r="AY35" s="280">
        <v>1</v>
      </c>
      <c r="AZ35" s="280">
        <v>0</v>
      </c>
      <c r="BA35" s="280">
        <v>3</v>
      </c>
      <c r="BB35" s="280">
        <v>0</v>
      </c>
      <c r="BC35" s="280">
        <v>0</v>
      </c>
      <c r="BD35" s="281">
        <v>4</v>
      </c>
      <c r="BE35" s="282">
        <v>5</v>
      </c>
      <c r="BF35" s="276">
        <v>0</v>
      </c>
      <c r="BG35" s="280">
        <v>0</v>
      </c>
      <c r="BH35" s="277">
        <v>0</v>
      </c>
      <c r="BI35" s="279">
        <v>0</v>
      </c>
      <c r="BJ35" s="280">
        <v>2</v>
      </c>
      <c r="BK35" s="280">
        <v>0</v>
      </c>
      <c r="BL35" s="280">
        <v>0</v>
      </c>
      <c r="BM35" s="280">
        <v>0</v>
      </c>
      <c r="BN35" s="280">
        <v>0</v>
      </c>
      <c r="BO35" s="277">
        <v>2</v>
      </c>
      <c r="BP35" s="282">
        <v>2</v>
      </c>
      <c r="BQ35" s="276">
        <v>0</v>
      </c>
      <c r="BR35" s="280">
        <v>0</v>
      </c>
      <c r="BS35" s="277">
        <v>0</v>
      </c>
      <c r="BT35" s="279">
        <v>0</v>
      </c>
      <c r="BU35" s="280">
        <v>2</v>
      </c>
      <c r="BV35" s="280">
        <v>0</v>
      </c>
      <c r="BW35" s="280">
        <v>0</v>
      </c>
      <c r="BX35" s="280">
        <v>0</v>
      </c>
      <c r="BY35" s="280">
        <v>0</v>
      </c>
      <c r="BZ35" s="277">
        <v>2</v>
      </c>
      <c r="CA35" s="282">
        <v>2</v>
      </c>
      <c r="CB35" s="276">
        <v>0</v>
      </c>
      <c r="CC35" s="280">
        <v>0</v>
      </c>
      <c r="CD35" s="277">
        <v>0</v>
      </c>
      <c r="CE35" s="279">
        <v>0</v>
      </c>
      <c r="CF35" s="280">
        <v>0</v>
      </c>
      <c r="CG35" s="280">
        <v>0</v>
      </c>
      <c r="CH35" s="280">
        <v>1</v>
      </c>
      <c r="CI35" s="280">
        <v>1</v>
      </c>
      <c r="CJ35" s="280">
        <v>0</v>
      </c>
      <c r="CK35" s="277">
        <v>2</v>
      </c>
      <c r="CL35" s="282">
        <v>2</v>
      </c>
      <c r="CM35" s="276">
        <v>0</v>
      </c>
      <c r="CN35" s="280">
        <v>0</v>
      </c>
      <c r="CO35" s="277">
        <v>0</v>
      </c>
      <c r="CP35" s="279">
        <v>0</v>
      </c>
      <c r="CQ35" s="280">
        <v>0</v>
      </c>
      <c r="CR35" s="280">
        <v>0</v>
      </c>
      <c r="CS35" s="280">
        <v>1</v>
      </c>
      <c r="CT35" s="280">
        <v>0</v>
      </c>
      <c r="CU35" s="280">
        <v>0</v>
      </c>
      <c r="CV35" s="277">
        <v>1</v>
      </c>
      <c r="CW35" s="282">
        <v>1</v>
      </c>
      <c r="CX35" s="276">
        <v>0</v>
      </c>
      <c r="CY35" s="280">
        <v>0</v>
      </c>
      <c r="CZ35" s="277">
        <v>0</v>
      </c>
      <c r="DA35" s="279">
        <v>0</v>
      </c>
      <c r="DB35" s="280">
        <v>0</v>
      </c>
      <c r="DC35" s="280">
        <v>0</v>
      </c>
      <c r="DD35" s="280">
        <v>0</v>
      </c>
      <c r="DE35" s="280">
        <v>0</v>
      </c>
      <c r="DF35" s="280">
        <v>0</v>
      </c>
      <c r="DG35" s="277">
        <v>0</v>
      </c>
      <c r="DH35" s="282">
        <v>0</v>
      </c>
      <c r="DI35" s="276">
        <v>0</v>
      </c>
      <c r="DJ35" s="280">
        <v>0</v>
      </c>
      <c r="DK35" s="277">
        <v>0</v>
      </c>
      <c r="DL35" s="279">
        <v>0</v>
      </c>
      <c r="DM35" s="280">
        <v>0</v>
      </c>
      <c r="DN35" s="280">
        <v>0</v>
      </c>
      <c r="DO35" s="280">
        <v>0</v>
      </c>
      <c r="DP35" s="280">
        <v>0</v>
      </c>
      <c r="DQ35" s="280">
        <v>0</v>
      </c>
      <c r="DR35" s="277">
        <v>0</v>
      </c>
      <c r="DS35" s="282">
        <v>0</v>
      </c>
      <c r="DT35" s="276">
        <v>1</v>
      </c>
      <c r="DU35" s="280">
        <v>1</v>
      </c>
      <c r="DV35" s="277">
        <v>2</v>
      </c>
      <c r="DW35" s="279">
        <v>0</v>
      </c>
      <c r="DX35" s="280">
        <v>1</v>
      </c>
      <c r="DY35" s="280">
        <v>2</v>
      </c>
      <c r="DZ35" s="280">
        <v>3</v>
      </c>
      <c r="EA35" s="280">
        <v>1</v>
      </c>
      <c r="EB35" s="280">
        <v>1</v>
      </c>
      <c r="EC35" s="277">
        <v>8</v>
      </c>
      <c r="ED35" s="282">
        <v>10</v>
      </c>
      <c r="EE35" s="276">
        <v>1</v>
      </c>
      <c r="EF35" s="280">
        <v>0</v>
      </c>
      <c r="EG35" s="277">
        <v>1</v>
      </c>
      <c r="EH35" s="279">
        <v>0</v>
      </c>
      <c r="EI35" s="280">
        <v>1</v>
      </c>
      <c r="EJ35" s="280">
        <v>0</v>
      </c>
      <c r="EK35" s="280">
        <v>1</v>
      </c>
      <c r="EL35" s="280">
        <v>1</v>
      </c>
      <c r="EM35" s="280">
        <v>0</v>
      </c>
      <c r="EN35" s="277">
        <v>3</v>
      </c>
      <c r="EO35" s="282">
        <v>4</v>
      </c>
      <c r="EP35" s="276">
        <v>2</v>
      </c>
      <c r="EQ35" s="280">
        <v>2</v>
      </c>
      <c r="ER35" s="277">
        <v>4</v>
      </c>
      <c r="ES35" s="279">
        <v>0</v>
      </c>
      <c r="ET35" s="280">
        <v>5</v>
      </c>
      <c r="EU35" s="280">
        <v>2</v>
      </c>
      <c r="EV35" s="280">
        <v>4</v>
      </c>
      <c r="EW35" s="280">
        <v>2</v>
      </c>
      <c r="EX35" s="280">
        <v>1</v>
      </c>
      <c r="EY35" s="277">
        <v>14</v>
      </c>
      <c r="EZ35" s="282">
        <v>18</v>
      </c>
    </row>
    <row r="36" spans="2:156" ht="21" customHeight="1" x14ac:dyDescent="0.2">
      <c r="B36" s="261" t="s">
        <v>34</v>
      </c>
      <c r="C36" s="276">
        <v>0</v>
      </c>
      <c r="D36" s="280">
        <v>0</v>
      </c>
      <c r="E36" s="384">
        <v>0</v>
      </c>
      <c r="F36" s="279">
        <v>0</v>
      </c>
      <c r="G36" s="280">
        <v>1</v>
      </c>
      <c r="H36" s="280">
        <v>0</v>
      </c>
      <c r="I36" s="280">
        <v>1</v>
      </c>
      <c r="J36" s="280">
        <v>0</v>
      </c>
      <c r="K36" s="280">
        <v>0</v>
      </c>
      <c r="L36" s="281">
        <v>2</v>
      </c>
      <c r="M36" s="282">
        <v>2</v>
      </c>
      <c r="N36" s="276">
        <v>0</v>
      </c>
      <c r="O36" s="280">
        <v>0</v>
      </c>
      <c r="P36" s="277">
        <v>0</v>
      </c>
      <c r="Q36" s="279">
        <v>0</v>
      </c>
      <c r="R36" s="280">
        <v>0</v>
      </c>
      <c r="S36" s="280">
        <v>0</v>
      </c>
      <c r="T36" s="280">
        <v>0</v>
      </c>
      <c r="U36" s="280">
        <v>0</v>
      </c>
      <c r="V36" s="280">
        <v>0</v>
      </c>
      <c r="W36" s="277">
        <v>0</v>
      </c>
      <c r="X36" s="282">
        <v>0</v>
      </c>
      <c r="Y36" s="276">
        <v>0</v>
      </c>
      <c r="Z36" s="280">
        <v>0</v>
      </c>
      <c r="AA36" s="277">
        <v>0</v>
      </c>
      <c r="AB36" s="279">
        <v>0</v>
      </c>
      <c r="AC36" s="280">
        <v>0</v>
      </c>
      <c r="AD36" s="280">
        <v>0</v>
      </c>
      <c r="AE36" s="280">
        <v>0</v>
      </c>
      <c r="AF36" s="280">
        <v>0</v>
      </c>
      <c r="AG36" s="280">
        <v>0</v>
      </c>
      <c r="AH36" s="277">
        <v>0</v>
      </c>
      <c r="AI36" s="282">
        <v>0</v>
      </c>
      <c r="AJ36" s="276">
        <v>0</v>
      </c>
      <c r="AK36" s="280">
        <v>0</v>
      </c>
      <c r="AL36" s="277">
        <v>0</v>
      </c>
      <c r="AM36" s="279">
        <v>0</v>
      </c>
      <c r="AN36" s="280">
        <v>0</v>
      </c>
      <c r="AO36" s="280">
        <v>0</v>
      </c>
      <c r="AP36" s="280">
        <v>0</v>
      </c>
      <c r="AQ36" s="280">
        <v>0</v>
      </c>
      <c r="AR36" s="280">
        <v>0</v>
      </c>
      <c r="AS36" s="277">
        <v>0</v>
      </c>
      <c r="AT36" s="282">
        <v>0</v>
      </c>
      <c r="AU36" s="276">
        <v>0</v>
      </c>
      <c r="AV36" s="280">
        <v>0</v>
      </c>
      <c r="AW36" s="277">
        <v>0</v>
      </c>
      <c r="AX36" s="279">
        <v>0</v>
      </c>
      <c r="AY36" s="280">
        <v>1</v>
      </c>
      <c r="AZ36" s="280">
        <v>2</v>
      </c>
      <c r="BA36" s="280">
        <v>0</v>
      </c>
      <c r="BB36" s="280">
        <v>0</v>
      </c>
      <c r="BC36" s="280">
        <v>0</v>
      </c>
      <c r="BD36" s="281">
        <v>3</v>
      </c>
      <c r="BE36" s="282">
        <v>3</v>
      </c>
      <c r="BF36" s="276">
        <v>0</v>
      </c>
      <c r="BG36" s="280">
        <v>0</v>
      </c>
      <c r="BH36" s="277">
        <v>0</v>
      </c>
      <c r="BI36" s="279">
        <v>0</v>
      </c>
      <c r="BJ36" s="280">
        <v>0</v>
      </c>
      <c r="BK36" s="280">
        <v>2</v>
      </c>
      <c r="BL36" s="280">
        <v>1</v>
      </c>
      <c r="BM36" s="280">
        <v>0</v>
      </c>
      <c r="BN36" s="280">
        <v>0</v>
      </c>
      <c r="BO36" s="277">
        <v>3</v>
      </c>
      <c r="BP36" s="282">
        <v>3</v>
      </c>
      <c r="BQ36" s="276">
        <v>0</v>
      </c>
      <c r="BR36" s="280">
        <v>0</v>
      </c>
      <c r="BS36" s="277">
        <v>0</v>
      </c>
      <c r="BT36" s="279">
        <v>0</v>
      </c>
      <c r="BU36" s="280">
        <v>1</v>
      </c>
      <c r="BV36" s="280">
        <v>0</v>
      </c>
      <c r="BW36" s="280">
        <v>0</v>
      </c>
      <c r="BX36" s="280">
        <v>0</v>
      </c>
      <c r="BY36" s="280">
        <v>0</v>
      </c>
      <c r="BZ36" s="277">
        <v>1</v>
      </c>
      <c r="CA36" s="282">
        <v>1</v>
      </c>
      <c r="CB36" s="276">
        <v>0</v>
      </c>
      <c r="CC36" s="280">
        <v>0</v>
      </c>
      <c r="CD36" s="277">
        <v>0</v>
      </c>
      <c r="CE36" s="279">
        <v>0</v>
      </c>
      <c r="CF36" s="280">
        <v>0</v>
      </c>
      <c r="CG36" s="280">
        <v>1</v>
      </c>
      <c r="CH36" s="280">
        <v>0</v>
      </c>
      <c r="CI36" s="280">
        <v>0</v>
      </c>
      <c r="CJ36" s="280">
        <v>0</v>
      </c>
      <c r="CK36" s="277">
        <v>1</v>
      </c>
      <c r="CL36" s="282">
        <v>1</v>
      </c>
      <c r="CM36" s="276">
        <v>0</v>
      </c>
      <c r="CN36" s="280">
        <v>0</v>
      </c>
      <c r="CO36" s="277">
        <v>0</v>
      </c>
      <c r="CP36" s="279">
        <v>0</v>
      </c>
      <c r="CQ36" s="280">
        <v>1</v>
      </c>
      <c r="CR36" s="280">
        <v>0</v>
      </c>
      <c r="CS36" s="280">
        <v>0</v>
      </c>
      <c r="CT36" s="280">
        <v>0</v>
      </c>
      <c r="CU36" s="280">
        <v>0</v>
      </c>
      <c r="CV36" s="277">
        <v>1</v>
      </c>
      <c r="CW36" s="282">
        <v>1</v>
      </c>
      <c r="CX36" s="276">
        <v>0</v>
      </c>
      <c r="CY36" s="280">
        <v>0</v>
      </c>
      <c r="CZ36" s="277">
        <v>0</v>
      </c>
      <c r="DA36" s="279">
        <v>0</v>
      </c>
      <c r="DB36" s="280">
        <v>0</v>
      </c>
      <c r="DC36" s="280">
        <v>0</v>
      </c>
      <c r="DD36" s="280">
        <v>0</v>
      </c>
      <c r="DE36" s="280">
        <v>0</v>
      </c>
      <c r="DF36" s="280">
        <v>0</v>
      </c>
      <c r="DG36" s="277">
        <v>0</v>
      </c>
      <c r="DH36" s="282">
        <v>0</v>
      </c>
      <c r="DI36" s="276">
        <v>0</v>
      </c>
      <c r="DJ36" s="280">
        <v>0</v>
      </c>
      <c r="DK36" s="277">
        <v>0</v>
      </c>
      <c r="DL36" s="279">
        <v>0</v>
      </c>
      <c r="DM36" s="280">
        <v>0</v>
      </c>
      <c r="DN36" s="280">
        <v>0</v>
      </c>
      <c r="DO36" s="280">
        <v>0</v>
      </c>
      <c r="DP36" s="280">
        <v>0</v>
      </c>
      <c r="DQ36" s="280">
        <v>0</v>
      </c>
      <c r="DR36" s="277">
        <v>0</v>
      </c>
      <c r="DS36" s="282">
        <v>0</v>
      </c>
      <c r="DT36" s="276">
        <v>0</v>
      </c>
      <c r="DU36" s="280">
        <v>0</v>
      </c>
      <c r="DV36" s="277">
        <v>0</v>
      </c>
      <c r="DW36" s="279">
        <v>0</v>
      </c>
      <c r="DX36" s="280">
        <v>1</v>
      </c>
      <c r="DY36" s="280">
        <v>2</v>
      </c>
      <c r="DZ36" s="280">
        <v>1</v>
      </c>
      <c r="EA36" s="280">
        <v>0</v>
      </c>
      <c r="EB36" s="280">
        <v>0</v>
      </c>
      <c r="EC36" s="277">
        <v>4</v>
      </c>
      <c r="ED36" s="282">
        <v>4</v>
      </c>
      <c r="EE36" s="276">
        <v>0</v>
      </c>
      <c r="EF36" s="280">
        <v>0</v>
      </c>
      <c r="EG36" s="277">
        <v>0</v>
      </c>
      <c r="EH36" s="279">
        <v>0</v>
      </c>
      <c r="EI36" s="280">
        <v>0</v>
      </c>
      <c r="EJ36" s="280">
        <v>1</v>
      </c>
      <c r="EK36" s="280">
        <v>0</v>
      </c>
      <c r="EL36" s="280">
        <v>0</v>
      </c>
      <c r="EM36" s="280">
        <v>0</v>
      </c>
      <c r="EN36" s="277">
        <v>1</v>
      </c>
      <c r="EO36" s="282">
        <v>1</v>
      </c>
      <c r="EP36" s="276">
        <v>0</v>
      </c>
      <c r="EQ36" s="280">
        <v>0</v>
      </c>
      <c r="ER36" s="277">
        <v>0</v>
      </c>
      <c r="ES36" s="279">
        <v>0</v>
      </c>
      <c r="ET36" s="280">
        <v>2</v>
      </c>
      <c r="EU36" s="280">
        <v>2</v>
      </c>
      <c r="EV36" s="280">
        <v>2</v>
      </c>
      <c r="EW36" s="280">
        <v>0</v>
      </c>
      <c r="EX36" s="280">
        <v>0</v>
      </c>
      <c r="EY36" s="277">
        <v>6</v>
      </c>
      <c r="EZ36" s="282">
        <v>6</v>
      </c>
    </row>
    <row r="37" spans="2:156" ht="21" customHeight="1" x14ac:dyDescent="0.2">
      <c r="B37" s="261" t="s">
        <v>35</v>
      </c>
      <c r="C37" s="276">
        <v>0</v>
      </c>
      <c r="D37" s="280">
        <v>0</v>
      </c>
      <c r="E37" s="384">
        <v>0</v>
      </c>
      <c r="F37" s="279">
        <v>0</v>
      </c>
      <c r="G37" s="280">
        <v>4</v>
      </c>
      <c r="H37" s="280">
        <v>3</v>
      </c>
      <c r="I37" s="280">
        <v>2</v>
      </c>
      <c r="J37" s="280">
        <v>2</v>
      </c>
      <c r="K37" s="280">
        <v>0</v>
      </c>
      <c r="L37" s="281">
        <v>11</v>
      </c>
      <c r="M37" s="282">
        <v>11</v>
      </c>
      <c r="N37" s="276">
        <v>0</v>
      </c>
      <c r="O37" s="280">
        <v>0</v>
      </c>
      <c r="P37" s="277">
        <v>0</v>
      </c>
      <c r="Q37" s="279">
        <v>0</v>
      </c>
      <c r="R37" s="280">
        <v>0</v>
      </c>
      <c r="S37" s="280">
        <v>0</v>
      </c>
      <c r="T37" s="280">
        <v>0</v>
      </c>
      <c r="U37" s="280">
        <v>0</v>
      </c>
      <c r="V37" s="280">
        <v>0</v>
      </c>
      <c r="W37" s="277">
        <v>0</v>
      </c>
      <c r="X37" s="282">
        <v>0</v>
      </c>
      <c r="Y37" s="276">
        <v>0</v>
      </c>
      <c r="Z37" s="280">
        <v>1</v>
      </c>
      <c r="AA37" s="277">
        <v>1</v>
      </c>
      <c r="AB37" s="279">
        <v>0</v>
      </c>
      <c r="AC37" s="280">
        <v>2</v>
      </c>
      <c r="AD37" s="280">
        <v>1</v>
      </c>
      <c r="AE37" s="280">
        <v>1</v>
      </c>
      <c r="AF37" s="280">
        <v>4</v>
      </c>
      <c r="AG37" s="280">
        <v>0</v>
      </c>
      <c r="AH37" s="277">
        <v>8</v>
      </c>
      <c r="AI37" s="282">
        <v>9</v>
      </c>
      <c r="AJ37" s="276">
        <v>0</v>
      </c>
      <c r="AK37" s="280">
        <v>0</v>
      </c>
      <c r="AL37" s="277">
        <v>0</v>
      </c>
      <c r="AM37" s="279">
        <v>0</v>
      </c>
      <c r="AN37" s="280">
        <v>2</v>
      </c>
      <c r="AO37" s="280">
        <v>0</v>
      </c>
      <c r="AP37" s="280">
        <v>0</v>
      </c>
      <c r="AQ37" s="280">
        <v>0</v>
      </c>
      <c r="AR37" s="280">
        <v>0</v>
      </c>
      <c r="AS37" s="277">
        <v>2</v>
      </c>
      <c r="AT37" s="282">
        <v>2</v>
      </c>
      <c r="AU37" s="276">
        <v>3</v>
      </c>
      <c r="AV37" s="280">
        <v>0</v>
      </c>
      <c r="AW37" s="277">
        <v>3</v>
      </c>
      <c r="AX37" s="279">
        <v>0</v>
      </c>
      <c r="AY37" s="280">
        <v>4</v>
      </c>
      <c r="AZ37" s="280">
        <v>4</v>
      </c>
      <c r="BA37" s="280">
        <v>3</v>
      </c>
      <c r="BB37" s="280">
        <v>8</v>
      </c>
      <c r="BC37" s="280">
        <v>0</v>
      </c>
      <c r="BD37" s="281">
        <v>19</v>
      </c>
      <c r="BE37" s="282">
        <v>22</v>
      </c>
      <c r="BF37" s="276">
        <v>0</v>
      </c>
      <c r="BG37" s="280">
        <v>0</v>
      </c>
      <c r="BH37" s="277">
        <v>0</v>
      </c>
      <c r="BI37" s="279">
        <v>0</v>
      </c>
      <c r="BJ37" s="280">
        <v>6</v>
      </c>
      <c r="BK37" s="280">
        <v>1</v>
      </c>
      <c r="BL37" s="280">
        <v>1</v>
      </c>
      <c r="BM37" s="280">
        <v>1</v>
      </c>
      <c r="BN37" s="280">
        <v>0</v>
      </c>
      <c r="BO37" s="277">
        <v>9</v>
      </c>
      <c r="BP37" s="282">
        <v>9</v>
      </c>
      <c r="BQ37" s="276">
        <v>1</v>
      </c>
      <c r="BR37" s="280">
        <v>2</v>
      </c>
      <c r="BS37" s="277">
        <v>3</v>
      </c>
      <c r="BT37" s="279">
        <v>0</v>
      </c>
      <c r="BU37" s="280">
        <v>1</v>
      </c>
      <c r="BV37" s="280">
        <v>3</v>
      </c>
      <c r="BW37" s="280">
        <v>0</v>
      </c>
      <c r="BX37" s="280">
        <v>1</v>
      </c>
      <c r="BY37" s="280">
        <v>0</v>
      </c>
      <c r="BZ37" s="277">
        <v>5</v>
      </c>
      <c r="CA37" s="282">
        <v>8</v>
      </c>
      <c r="CB37" s="276">
        <v>0</v>
      </c>
      <c r="CC37" s="280">
        <v>0</v>
      </c>
      <c r="CD37" s="277">
        <v>0</v>
      </c>
      <c r="CE37" s="279">
        <v>0</v>
      </c>
      <c r="CF37" s="280">
        <v>1</v>
      </c>
      <c r="CG37" s="280">
        <v>0</v>
      </c>
      <c r="CH37" s="280">
        <v>0</v>
      </c>
      <c r="CI37" s="280">
        <v>2</v>
      </c>
      <c r="CJ37" s="280">
        <v>0</v>
      </c>
      <c r="CK37" s="277">
        <v>3</v>
      </c>
      <c r="CL37" s="282">
        <v>3</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c r="DI37" s="276">
        <v>0</v>
      </c>
      <c r="DJ37" s="280">
        <v>0</v>
      </c>
      <c r="DK37" s="277">
        <v>0</v>
      </c>
      <c r="DL37" s="279">
        <v>0</v>
      </c>
      <c r="DM37" s="280">
        <v>0</v>
      </c>
      <c r="DN37" s="280">
        <v>0</v>
      </c>
      <c r="DO37" s="280">
        <v>0</v>
      </c>
      <c r="DP37" s="280">
        <v>0</v>
      </c>
      <c r="DQ37" s="280">
        <v>0</v>
      </c>
      <c r="DR37" s="277">
        <v>0</v>
      </c>
      <c r="DS37" s="282">
        <v>0</v>
      </c>
      <c r="DT37" s="276">
        <v>2</v>
      </c>
      <c r="DU37" s="280">
        <v>1</v>
      </c>
      <c r="DV37" s="277">
        <v>3</v>
      </c>
      <c r="DW37" s="279">
        <v>0</v>
      </c>
      <c r="DX37" s="280">
        <v>5</v>
      </c>
      <c r="DY37" s="280">
        <v>6</v>
      </c>
      <c r="DZ37" s="280">
        <v>2</v>
      </c>
      <c r="EA37" s="280">
        <v>4</v>
      </c>
      <c r="EB37" s="280">
        <v>0</v>
      </c>
      <c r="EC37" s="277">
        <v>17</v>
      </c>
      <c r="ED37" s="282">
        <v>20</v>
      </c>
      <c r="EE37" s="276">
        <v>3</v>
      </c>
      <c r="EF37" s="280">
        <v>0</v>
      </c>
      <c r="EG37" s="277">
        <v>3</v>
      </c>
      <c r="EH37" s="279">
        <v>0</v>
      </c>
      <c r="EI37" s="280">
        <v>3</v>
      </c>
      <c r="EJ37" s="280">
        <v>2</v>
      </c>
      <c r="EK37" s="280">
        <v>3</v>
      </c>
      <c r="EL37" s="280">
        <v>4</v>
      </c>
      <c r="EM37" s="280">
        <v>0</v>
      </c>
      <c r="EN37" s="277">
        <v>12</v>
      </c>
      <c r="EO37" s="282">
        <v>15</v>
      </c>
      <c r="EP37" s="276">
        <v>2</v>
      </c>
      <c r="EQ37" s="280">
        <v>4</v>
      </c>
      <c r="ER37" s="277">
        <v>6</v>
      </c>
      <c r="ES37" s="279">
        <v>0</v>
      </c>
      <c r="ET37" s="280">
        <v>14</v>
      </c>
      <c r="EU37" s="280">
        <v>6</v>
      </c>
      <c r="EV37" s="280">
        <v>2</v>
      </c>
      <c r="EW37" s="280">
        <v>5</v>
      </c>
      <c r="EX37" s="280">
        <v>0</v>
      </c>
      <c r="EY37" s="277">
        <v>27</v>
      </c>
      <c r="EZ37" s="282">
        <v>33</v>
      </c>
    </row>
    <row r="38" spans="2:156" ht="21" customHeight="1" x14ac:dyDescent="0.2">
      <c r="B38" s="261" t="s">
        <v>36</v>
      </c>
      <c r="C38" s="276">
        <v>0</v>
      </c>
      <c r="D38" s="280">
        <v>0</v>
      </c>
      <c r="E38" s="384">
        <v>0</v>
      </c>
      <c r="F38" s="279">
        <v>0</v>
      </c>
      <c r="G38" s="280">
        <v>1</v>
      </c>
      <c r="H38" s="280">
        <v>0</v>
      </c>
      <c r="I38" s="280">
        <v>0</v>
      </c>
      <c r="J38" s="280">
        <v>1</v>
      </c>
      <c r="K38" s="280">
        <v>0</v>
      </c>
      <c r="L38" s="281">
        <v>2</v>
      </c>
      <c r="M38" s="282">
        <v>2</v>
      </c>
      <c r="N38" s="276">
        <v>0</v>
      </c>
      <c r="O38" s="280">
        <v>0</v>
      </c>
      <c r="P38" s="277">
        <v>0</v>
      </c>
      <c r="Q38" s="279">
        <v>0</v>
      </c>
      <c r="R38" s="280">
        <v>0</v>
      </c>
      <c r="S38" s="280">
        <v>0</v>
      </c>
      <c r="T38" s="280">
        <v>0</v>
      </c>
      <c r="U38" s="280">
        <v>0</v>
      </c>
      <c r="V38" s="280">
        <v>0</v>
      </c>
      <c r="W38" s="277">
        <v>0</v>
      </c>
      <c r="X38" s="282">
        <v>0</v>
      </c>
      <c r="Y38" s="276">
        <v>1</v>
      </c>
      <c r="Z38" s="280">
        <v>3</v>
      </c>
      <c r="AA38" s="277">
        <v>4</v>
      </c>
      <c r="AB38" s="279">
        <v>0</v>
      </c>
      <c r="AC38" s="280">
        <v>2</v>
      </c>
      <c r="AD38" s="280">
        <v>3</v>
      </c>
      <c r="AE38" s="280">
        <v>1</v>
      </c>
      <c r="AF38" s="280">
        <v>0</v>
      </c>
      <c r="AG38" s="280">
        <v>0</v>
      </c>
      <c r="AH38" s="277">
        <v>6</v>
      </c>
      <c r="AI38" s="282">
        <v>10</v>
      </c>
      <c r="AJ38" s="276">
        <v>0</v>
      </c>
      <c r="AK38" s="280">
        <v>0</v>
      </c>
      <c r="AL38" s="277">
        <v>0</v>
      </c>
      <c r="AM38" s="279">
        <v>0</v>
      </c>
      <c r="AN38" s="280">
        <v>1</v>
      </c>
      <c r="AO38" s="280">
        <v>0</v>
      </c>
      <c r="AP38" s="280">
        <v>0</v>
      </c>
      <c r="AQ38" s="280">
        <v>0</v>
      </c>
      <c r="AR38" s="280">
        <v>0</v>
      </c>
      <c r="AS38" s="277">
        <v>1</v>
      </c>
      <c r="AT38" s="282">
        <v>1</v>
      </c>
      <c r="AU38" s="276">
        <v>0</v>
      </c>
      <c r="AV38" s="280">
        <v>0</v>
      </c>
      <c r="AW38" s="277">
        <v>0</v>
      </c>
      <c r="AX38" s="279">
        <v>0</v>
      </c>
      <c r="AY38" s="280">
        <v>1</v>
      </c>
      <c r="AZ38" s="280">
        <v>2</v>
      </c>
      <c r="BA38" s="280">
        <v>5</v>
      </c>
      <c r="BB38" s="280">
        <v>3</v>
      </c>
      <c r="BC38" s="280">
        <v>0</v>
      </c>
      <c r="BD38" s="281">
        <v>11</v>
      </c>
      <c r="BE38" s="282">
        <v>11</v>
      </c>
      <c r="BF38" s="276">
        <v>0</v>
      </c>
      <c r="BG38" s="280">
        <v>0</v>
      </c>
      <c r="BH38" s="277">
        <v>0</v>
      </c>
      <c r="BI38" s="279">
        <v>0</v>
      </c>
      <c r="BJ38" s="280">
        <v>3</v>
      </c>
      <c r="BK38" s="280">
        <v>1</v>
      </c>
      <c r="BL38" s="280">
        <v>1</v>
      </c>
      <c r="BM38" s="280">
        <v>1</v>
      </c>
      <c r="BN38" s="280">
        <v>1</v>
      </c>
      <c r="BO38" s="277">
        <v>7</v>
      </c>
      <c r="BP38" s="282">
        <v>7</v>
      </c>
      <c r="BQ38" s="276">
        <v>0</v>
      </c>
      <c r="BR38" s="280">
        <v>0</v>
      </c>
      <c r="BS38" s="277">
        <v>0</v>
      </c>
      <c r="BT38" s="279">
        <v>0</v>
      </c>
      <c r="BU38" s="280">
        <v>1</v>
      </c>
      <c r="BV38" s="280">
        <v>0</v>
      </c>
      <c r="BW38" s="280">
        <v>0</v>
      </c>
      <c r="BX38" s="280">
        <v>0</v>
      </c>
      <c r="BY38" s="280">
        <v>0</v>
      </c>
      <c r="BZ38" s="277">
        <v>1</v>
      </c>
      <c r="CA38" s="282">
        <v>1</v>
      </c>
      <c r="CB38" s="276">
        <v>0</v>
      </c>
      <c r="CC38" s="280">
        <v>0</v>
      </c>
      <c r="CD38" s="277">
        <v>0</v>
      </c>
      <c r="CE38" s="279">
        <v>0</v>
      </c>
      <c r="CF38" s="280">
        <v>0</v>
      </c>
      <c r="CG38" s="280">
        <v>1</v>
      </c>
      <c r="CH38" s="280">
        <v>1</v>
      </c>
      <c r="CI38" s="280">
        <v>0</v>
      </c>
      <c r="CJ38" s="280">
        <v>0</v>
      </c>
      <c r="CK38" s="277">
        <v>2</v>
      </c>
      <c r="CL38" s="282">
        <v>2</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c r="DI38" s="276">
        <v>0</v>
      </c>
      <c r="DJ38" s="280">
        <v>0</v>
      </c>
      <c r="DK38" s="277">
        <v>0</v>
      </c>
      <c r="DL38" s="279">
        <v>0</v>
      </c>
      <c r="DM38" s="280">
        <v>0</v>
      </c>
      <c r="DN38" s="280">
        <v>0</v>
      </c>
      <c r="DO38" s="280">
        <v>0</v>
      </c>
      <c r="DP38" s="280">
        <v>0</v>
      </c>
      <c r="DQ38" s="280">
        <v>0</v>
      </c>
      <c r="DR38" s="277">
        <v>0</v>
      </c>
      <c r="DS38" s="282">
        <v>0</v>
      </c>
      <c r="DT38" s="276">
        <v>0</v>
      </c>
      <c r="DU38" s="280">
        <v>1</v>
      </c>
      <c r="DV38" s="277">
        <v>1</v>
      </c>
      <c r="DW38" s="279">
        <v>0</v>
      </c>
      <c r="DX38" s="280">
        <v>5</v>
      </c>
      <c r="DY38" s="280">
        <v>4</v>
      </c>
      <c r="DZ38" s="280">
        <v>1</v>
      </c>
      <c r="EA38" s="280">
        <v>1</v>
      </c>
      <c r="EB38" s="280">
        <v>1</v>
      </c>
      <c r="EC38" s="277">
        <v>12</v>
      </c>
      <c r="ED38" s="282">
        <v>13</v>
      </c>
      <c r="EE38" s="276">
        <v>0</v>
      </c>
      <c r="EF38" s="280">
        <v>0</v>
      </c>
      <c r="EG38" s="277">
        <v>0</v>
      </c>
      <c r="EH38" s="279">
        <v>0</v>
      </c>
      <c r="EI38" s="280">
        <v>0</v>
      </c>
      <c r="EJ38" s="280">
        <v>2</v>
      </c>
      <c r="EK38" s="280">
        <v>3</v>
      </c>
      <c r="EL38" s="280">
        <v>1</v>
      </c>
      <c r="EM38" s="280">
        <v>0</v>
      </c>
      <c r="EN38" s="277">
        <v>6</v>
      </c>
      <c r="EO38" s="282">
        <v>6</v>
      </c>
      <c r="EP38" s="276">
        <v>1</v>
      </c>
      <c r="EQ38" s="280">
        <v>4</v>
      </c>
      <c r="ER38" s="277">
        <v>5</v>
      </c>
      <c r="ES38" s="279">
        <v>0</v>
      </c>
      <c r="ET38" s="280">
        <v>6</v>
      </c>
      <c r="EU38" s="280">
        <v>4</v>
      </c>
      <c r="EV38" s="280">
        <v>1</v>
      </c>
      <c r="EW38" s="280">
        <v>2</v>
      </c>
      <c r="EX38" s="280">
        <v>1</v>
      </c>
      <c r="EY38" s="277">
        <v>14</v>
      </c>
      <c r="EZ38" s="282">
        <v>19</v>
      </c>
    </row>
    <row r="39" spans="2:156" ht="21" customHeight="1" thickBot="1" x14ac:dyDescent="0.25">
      <c r="B39" s="262" t="s">
        <v>37</v>
      </c>
      <c r="C39" s="283">
        <v>0</v>
      </c>
      <c r="D39" s="287">
        <v>0</v>
      </c>
      <c r="E39" s="385">
        <v>0</v>
      </c>
      <c r="F39" s="286">
        <v>0</v>
      </c>
      <c r="G39" s="287">
        <v>0</v>
      </c>
      <c r="H39" s="287">
        <v>0</v>
      </c>
      <c r="I39" s="287">
        <v>0</v>
      </c>
      <c r="J39" s="287">
        <v>0</v>
      </c>
      <c r="K39" s="287">
        <v>1</v>
      </c>
      <c r="L39" s="288">
        <v>1</v>
      </c>
      <c r="M39" s="289">
        <v>1</v>
      </c>
      <c r="N39" s="283">
        <v>0</v>
      </c>
      <c r="O39" s="287">
        <v>0</v>
      </c>
      <c r="P39" s="284">
        <v>0</v>
      </c>
      <c r="Q39" s="286">
        <v>0</v>
      </c>
      <c r="R39" s="287">
        <v>0</v>
      </c>
      <c r="S39" s="287">
        <v>0</v>
      </c>
      <c r="T39" s="287">
        <v>0</v>
      </c>
      <c r="U39" s="287">
        <v>0</v>
      </c>
      <c r="V39" s="287">
        <v>0</v>
      </c>
      <c r="W39" s="284">
        <v>0</v>
      </c>
      <c r="X39" s="289">
        <v>0</v>
      </c>
      <c r="Y39" s="283">
        <v>0</v>
      </c>
      <c r="Z39" s="287">
        <v>0</v>
      </c>
      <c r="AA39" s="284">
        <v>0</v>
      </c>
      <c r="AB39" s="286">
        <v>0</v>
      </c>
      <c r="AC39" s="287">
        <v>0</v>
      </c>
      <c r="AD39" s="287">
        <v>0</v>
      </c>
      <c r="AE39" s="287">
        <v>0</v>
      </c>
      <c r="AF39" s="287">
        <v>0</v>
      </c>
      <c r="AG39" s="287">
        <v>1</v>
      </c>
      <c r="AH39" s="284">
        <v>1</v>
      </c>
      <c r="AI39" s="289">
        <v>1</v>
      </c>
      <c r="AJ39" s="283">
        <v>0</v>
      </c>
      <c r="AK39" s="287">
        <v>0</v>
      </c>
      <c r="AL39" s="284">
        <v>0</v>
      </c>
      <c r="AM39" s="286">
        <v>0</v>
      </c>
      <c r="AN39" s="287">
        <v>0</v>
      </c>
      <c r="AO39" s="287">
        <v>0</v>
      </c>
      <c r="AP39" s="287">
        <v>0</v>
      </c>
      <c r="AQ39" s="287">
        <v>0</v>
      </c>
      <c r="AR39" s="287">
        <v>0</v>
      </c>
      <c r="AS39" s="284">
        <v>0</v>
      </c>
      <c r="AT39" s="289">
        <v>0</v>
      </c>
      <c r="AU39" s="283">
        <v>0</v>
      </c>
      <c r="AV39" s="287">
        <v>0</v>
      </c>
      <c r="AW39" s="284">
        <v>0</v>
      </c>
      <c r="AX39" s="286">
        <v>0</v>
      </c>
      <c r="AY39" s="287">
        <v>0</v>
      </c>
      <c r="AZ39" s="287">
        <v>0</v>
      </c>
      <c r="BA39" s="287">
        <v>0</v>
      </c>
      <c r="BB39" s="287">
        <v>1</v>
      </c>
      <c r="BC39" s="287">
        <v>1</v>
      </c>
      <c r="BD39" s="288">
        <v>2</v>
      </c>
      <c r="BE39" s="289">
        <v>2</v>
      </c>
      <c r="BF39" s="283">
        <v>0</v>
      </c>
      <c r="BG39" s="287">
        <v>0</v>
      </c>
      <c r="BH39" s="284">
        <v>0</v>
      </c>
      <c r="BI39" s="286">
        <v>0</v>
      </c>
      <c r="BJ39" s="287">
        <v>0</v>
      </c>
      <c r="BK39" s="287">
        <v>0</v>
      </c>
      <c r="BL39" s="287">
        <v>0</v>
      </c>
      <c r="BM39" s="287">
        <v>0</v>
      </c>
      <c r="BN39" s="287">
        <v>0</v>
      </c>
      <c r="BO39" s="284">
        <v>0</v>
      </c>
      <c r="BP39" s="289">
        <v>0</v>
      </c>
      <c r="BQ39" s="283">
        <v>0</v>
      </c>
      <c r="BR39" s="287">
        <v>1</v>
      </c>
      <c r="BS39" s="284">
        <v>1</v>
      </c>
      <c r="BT39" s="286">
        <v>0</v>
      </c>
      <c r="BU39" s="287">
        <v>0</v>
      </c>
      <c r="BV39" s="287">
        <v>0</v>
      </c>
      <c r="BW39" s="287">
        <v>0</v>
      </c>
      <c r="BX39" s="287">
        <v>0</v>
      </c>
      <c r="BY39" s="287">
        <v>0</v>
      </c>
      <c r="BZ39" s="284">
        <v>0</v>
      </c>
      <c r="CA39" s="289">
        <v>1</v>
      </c>
      <c r="CB39" s="283">
        <v>0</v>
      </c>
      <c r="CC39" s="287">
        <v>0</v>
      </c>
      <c r="CD39" s="284">
        <v>0</v>
      </c>
      <c r="CE39" s="286">
        <v>0</v>
      </c>
      <c r="CF39" s="287">
        <v>0</v>
      </c>
      <c r="CG39" s="287">
        <v>0</v>
      </c>
      <c r="CH39" s="287">
        <v>0</v>
      </c>
      <c r="CI39" s="287">
        <v>0</v>
      </c>
      <c r="CJ39" s="287">
        <v>1</v>
      </c>
      <c r="CK39" s="284">
        <v>1</v>
      </c>
      <c r="CL39" s="289">
        <v>1</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c r="DI39" s="283">
        <v>0</v>
      </c>
      <c r="DJ39" s="287">
        <v>0</v>
      </c>
      <c r="DK39" s="284">
        <v>0</v>
      </c>
      <c r="DL39" s="286">
        <v>0</v>
      </c>
      <c r="DM39" s="287">
        <v>0</v>
      </c>
      <c r="DN39" s="287">
        <v>0</v>
      </c>
      <c r="DO39" s="287">
        <v>0</v>
      </c>
      <c r="DP39" s="287">
        <v>0</v>
      </c>
      <c r="DQ39" s="287">
        <v>0</v>
      </c>
      <c r="DR39" s="284">
        <v>0</v>
      </c>
      <c r="DS39" s="289">
        <v>0</v>
      </c>
      <c r="DT39" s="283">
        <v>0</v>
      </c>
      <c r="DU39" s="287">
        <v>0</v>
      </c>
      <c r="DV39" s="284">
        <v>0</v>
      </c>
      <c r="DW39" s="286">
        <v>0</v>
      </c>
      <c r="DX39" s="287">
        <v>0</v>
      </c>
      <c r="DY39" s="287">
        <v>0</v>
      </c>
      <c r="DZ39" s="287">
        <v>0</v>
      </c>
      <c r="EA39" s="287">
        <v>0</v>
      </c>
      <c r="EB39" s="287">
        <v>1</v>
      </c>
      <c r="EC39" s="284">
        <v>1</v>
      </c>
      <c r="ED39" s="289">
        <v>1</v>
      </c>
      <c r="EE39" s="283">
        <v>0</v>
      </c>
      <c r="EF39" s="287">
        <v>0</v>
      </c>
      <c r="EG39" s="284">
        <v>0</v>
      </c>
      <c r="EH39" s="286">
        <v>0</v>
      </c>
      <c r="EI39" s="287">
        <v>0</v>
      </c>
      <c r="EJ39" s="287">
        <v>0</v>
      </c>
      <c r="EK39" s="287">
        <v>0</v>
      </c>
      <c r="EL39" s="287">
        <v>1</v>
      </c>
      <c r="EM39" s="287">
        <v>0</v>
      </c>
      <c r="EN39" s="284">
        <v>1</v>
      </c>
      <c r="EO39" s="289">
        <v>1</v>
      </c>
      <c r="EP39" s="283">
        <v>0</v>
      </c>
      <c r="EQ39" s="287">
        <v>1</v>
      </c>
      <c r="ER39" s="284">
        <v>1</v>
      </c>
      <c r="ES39" s="286">
        <v>0</v>
      </c>
      <c r="ET39" s="287">
        <v>0</v>
      </c>
      <c r="EU39" s="287">
        <v>0</v>
      </c>
      <c r="EV39" s="287">
        <v>0</v>
      </c>
      <c r="EW39" s="287">
        <v>0</v>
      </c>
      <c r="EX39" s="287">
        <v>1</v>
      </c>
      <c r="EY39" s="284">
        <v>1</v>
      </c>
      <c r="EZ39" s="289">
        <v>2</v>
      </c>
    </row>
  </sheetData>
  <mergeCells count="59">
    <mergeCell ref="EP4:ER4"/>
    <mergeCell ref="ES4:EY4"/>
    <mergeCell ref="EZ4:EZ5"/>
    <mergeCell ref="DT4:DV4"/>
    <mergeCell ref="DW4:EC4"/>
    <mergeCell ref="ED4:ED5"/>
    <mergeCell ref="EE4:EG4"/>
    <mergeCell ref="EH4:EN4"/>
    <mergeCell ref="EO4:EO5"/>
    <mergeCell ref="DS4:DS5"/>
    <mergeCell ref="CB4:CD4"/>
    <mergeCell ref="CE4:CK4"/>
    <mergeCell ref="CL4:CL5"/>
    <mergeCell ref="CM4:CO4"/>
    <mergeCell ref="CP4:CV4"/>
    <mergeCell ref="CW4:CW5"/>
    <mergeCell ref="CX4:CZ4"/>
    <mergeCell ref="DA4:DG4"/>
    <mergeCell ref="DH4:DH5"/>
    <mergeCell ref="DI4:DK4"/>
    <mergeCell ref="DL4:DR4"/>
    <mergeCell ref="CA4:CA5"/>
    <mergeCell ref="AJ4:AL4"/>
    <mergeCell ref="AM4:AS4"/>
    <mergeCell ref="AT4:AT5"/>
    <mergeCell ref="AU4:AW4"/>
    <mergeCell ref="AX4:BD4"/>
    <mergeCell ref="BE4:BE5"/>
    <mergeCell ref="BF4:BH4"/>
    <mergeCell ref="BI4:BO4"/>
    <mergeCell ref="BP4:BP5"/>
    <mergeCell ref="BQ4:BS4"/>
    <mergeCell ref="BT4:BZ4"/>
    <mergeCell ref="CX3:DH3"/>
    <mergeCell ref="DI3:DS3"/>
    <mergeCell ref="DT3:ED3"/>
    <mergeCell ref="EE3:EO3"/>
    <mergeCell ref="EP3:EZ3"/>
    <mergeCell ref="C4:E4"/>
    <mergeCell ref="F4:L4"/>
    <mergeCell ref="M4:M5"/>
    <mergeCell ref="N4:P4"/>
    <mergeCell ref="Q4:W4"/>
    <mergeCell ref="CM3:CW3"/>
    <mergeCell ref="I1:J1"/>
    <mergeCell ref="L1:M1"/>
    <mergeCell ref="B3:B5"/>
    <mergeCell ref="C3:M3"/>
    <mergeCell ref="N3:X3"/>
    <mergeCell ref="Y3:AI3"/>
    <mergeCell ref="X4:X5"/>
    <mergeCell ref="Y4:AA4"/>
    <mergeCell ref="AB4:AH4"/>
    <mergeCell ref="AI4:AI5"/>
    <mergeCell ref="AJ3:AT3"/>
    <mergeCell ref="AU3:BE3"/>
    <mergeCell ref="BF3:BP3"/>
    <mergeCell ref="BQ3:CA3"/>
    <mergeCell ref="CB3:CL3"/>
  </mergeCells>
  <phoneticPr fontId="4"/>
  <pageMargins left="0.70866141732283472" right="0.70866141732283472" top="0.74803149606299213" bottom="0.74803149606299213" header="0.31496062992125984" footer="0.31496062992125984"/>
  <pageSetup paperSize="9" scale="64" orientation="landscape" r:id="rId1"/>
  <headerFooter>
    <oddFooter>&amp;L&amp;20&amp;A&amp;C&amp;P/&amp;N</oddFooter>
  </headerFooter>
  <colBreaks count="6" manualBreakCount="6">
    <brk id="24" max="1048575" man="1"/>
    <brk id="46" max="1048575" man="1"/>
    <brk id="68" max="1048575" man="1"/>
    <brk id="90" max="1048575" man="1"/>
    <brk id="123" max="1048575" man="1"/>
    <brk id="145" max="1048575" man="1"/>
  </colBreaks>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sheetPr>
  <dimension ref="A1:DH40"/>
  <sheetViews>
    <sheetView zoomScaleNormal="100" workbookViewId="0">
      <pane xSplit="2" ySplit="6" topLeftCell="C7" activePane="bottomRight" state="frozen"/>
      <selection pane="topRight" activeCell="B1" sqref="B1"/>
      <selection pane="bottomLeft" activeCell="A7" sqref="A7"/>
      <selection pane="bottomRight" activeCell="B1" sqref="B1"/>
    </sheetView>
  </sheetViews>
  <sheetFormatPr defaultColWidth="9" defaultRowHeight="13.2" x14ac:dyDescent="0.2"/>
  <cols>
    <col min="1" max="1" width="2.77734375" style="44" customWidth="1"/>
    <col min="2" max="5" width="9" style="255"/>
    <col min="6" max="6" width="7.77734375" style="255" customWidth="1"/>
    <col min="7" max="7" width="9" style="255"/>
    <col min="8" max="8" width="10.6640625" style="255" customWidth="1"/>
    <col min="9" max="16" width="9" style="255"/>
    <col min="17" max="17" width="7.77734375" style="255" customWidth="1"/>
    <col min="18" max="27" width="9" style="255"/>
    <col min="28" max="28" width="6.88671875" style="255" customWidth="1"/>
    <col min="29" max="38" width="9" style="255"/>
    <col min="39" max="39" width="7.21875" style="255" customWidth="1"/>
    <col min="40" max="49" width="9" style="255"/>
    <col min="50" max="50" width="7.44140625" style="255" customWidth="1"/>
    <col min="51" max="60" width="9" style="255"/>
    <col min="61" max="61" width="7.6640625" style="255" customWidth="1"/>
    <col min="62" max="71" width="9" style="255"/>
    <col min="72" max="72" width="7.88671875" style="255" customWidth="1"/>
    <col min="73" max="82" width="9" style="255"/>
    <col min="83" max="83" width="7" style="255" customWidth="1"/>
    <col min="84" max="93" width="9" style="255"/>
    <col min="94" max="94" width="7.6640625" style="255" customWidth="1"/>
    <col min="95" max="16384" width="9" style="255"/>
  </cols>
  <sheetData>
    <row r="1" spans="2:112" ht="24" customHeight="1" x14ac:dyDescent="0.2">
      <c r="B1" s="290" t="s">
        <v>123</v>
      </c>
      <c r="J1" s="535">
        <f>第１表!F2</f>
        <v>4</v>
      </c>
      <c r="K1" s="535"/>
      <c r="L1" s="248">
        <f>第１表!G2</f>
        <v>12</v>
      </c>
      <c r="M1" s="539">
        <f>IF(L1&lt;3,L1+12-2,L1-2)</f>
        <v>10</v>
      </c>
      <c r="N1" s="539"/>
    </row>
    <row r="2" spans="2:112" ht="24" customHeight="1" thickBot="1" x14ac:dyDescent="0.25">
      <c r="B2" s="290" t="s">
        <v>139</v>
      </c>
    </row>
    <row r="3" spans="2:112" ht="21" customHeight="1" thickBot="1" x14ac:dyDescent="0.25">
      <c r="B3" s="559"/>
      <c r="C3" s="562" t="s">
        <v>112</v>
      </c>
      <c r="D3" s="562"/>
      <c r="E3" s="562"/>
      <c r="F3" s="562"/>
      <c r="G3" s="562"/>
      <c r="H3" s="562"/>
      <c r="I3" s="562"/>
      <c r="J3" s="562"/>
      <c r="K3" s="562"/>
      <c r="L3" s="562"/>
      <c r="M3" s="563"/>
      <c r="N3" s="557" t="s">
        <v>111</v>
      </c>
      <c r="O3" s="557"/>
      <c r="P3" s="557"/>
      <c r="Q3" s="557"/>
      <c r="R3" s="557"/>
      <c r="S3" s="557"/>
      <c r="T3" s="557"/>
      <c r="U3" s="557"/>
      <c r="V3" s="557"/>
      <c r="W3" s="557"/>
      <c r="X3" s="558"/>
      <c r="Y3" s="556" t="s">
        <v>110</v>
      </c>
      <c r="Z3" s="557"/>
      <c r="AA3" s="557"/>
      <c r="AB3" s="557"/>
      <c r="AC3" s="557"/>
      <c r="AD3" s="557"/>
      <c r="AE3" s="557"/>
      <c r="AF3" s="557"/>
      <c r="AG3" s="557"/>
      <c r="AH3" s="557"/>
      <c r="AI3" s="558"/>
      <c r="AJ3" s="556" t="s">
        <v>109</v>
      </c>
      <c r="AK3" s="557"/>
      <c r="AL3" s="557"/>
      <c r="AM3" s="557"/>
      <c r="AN3" s="557"/>
      <c r="AO3" s="557"/>
      <c r="AP3" s="557"/>
      <c r="AQ3" s="557"/>
      <c r="AR3" s="557"/>
      <c r="AS3" s="557"/>
      <c r="AT3" s="558"/>
      <c r="AU3" s="556" t="s">
        <v>108</v>
      </c>
      <c r="AV3" s="557"/>
      <c r="AW3" s="557"/>
      <c r="AX3" s="557"/>
      <c r="AY3" s="557"/>
      <c r="AZ3" s="557"/>
      <c r="BA3" s="557"/>
      <c r="BB3" s="557"/>
      <c r="BC3" s="557"/>
      <c r="BD3" s="557"/>
      <c r="BE3" s="558"/>
      <c r="BF3" s="556" t="s">
        <v>107</v>
      </c>
      <c r="BG3" s="557"/>
      <c r="BH3" s="557"/>
      <c r="BI3" s="557"/>
      <c r="BJ3" s="557"/>
      <c r="BK3" s="557"/>
      <c r="BL3" s="557"/>
      <c r="BM3" s="557"/>
      <c r="BN3" s="557"/>
      <c r="BO3" s="557"/>
      <c r="BP3" s="558"/>
      <c r="BQ3" s="556" t="s">
        <v>106</v>
      </c>
      <c r="BR3" s="557"/>
      <c r="BS3" s="557"/>
      <c r="BT3" s="557"/>
      <c r="BU3" s="557"/>
      <c r="BV3" s="557"/>
      <c r="BW3" s="557"/>
      <c r="BX3" s="557"/>
      <c r="BY3" s="557"/>
      <c r="BZ3" s="557"/>
      <c r="CA3" s="558"/>
      <c r="CB3" s="556" t="s">
        <v>128</v>
      </c>
      <c r="CC3" s="557"/>
      <c r="CD3" s="557"/>
      <c r="CE3" s="557"/>
      <c r="CF3" s="557"/>
      <c r="CG3" s="557"/>
      <c r="CH3" s="557"/>
      <c r="CI3" s="557"/>
      <c r="CJ3" s="557"/>
      <c r="CK3" s="557"/>
      <c r="CL3" s="558"/>
      <c r="CM3" s="556" t="s">
        <v>105</v>
      </c>
      <c r="CN3" s="557"/>
      <c r="CO3" s="557"/>
      <c r="CP3" s="557"/>
      <c r="CQ3" s="557"/>
      <c r="CR3" s="557"/>
      <c r="CS3" s="557"/>
      <c r="CT3" s="557"/>
      <c r="CU3" s="557"/>
      <c r="CV3" s="557"/>
      <c r="CW3" s="558"/>
      <c r="CX3" s="556" t="s">
        <v>160</v>
      </c>
      <c r="CY3" s="557"/>
      <c r="CZ3" s="557"/>
      <c r="DA3" s="557"/>
      <c r="DB3" s="557"/>
      <c r="DC3" s="557"/>
      <c r="DD3" s="557"/>
      <c r="DE3" s="557"/>
      <c r="DF3" s="557"/>
      <c r="DG3" s="557"/>
      <c r="DH3" s="558"/>
    </row>
    <row r="4" spans="2:112" ht="21" customHeight="1" x14ac:dyDescent="0.2">
      <c r="B4" s="560"/>
      <c r="C4" s="564" t="s">
        <v>61</v>
      </c>
      <c r="D4" s="547"/>
      <c r="E4" s="548"/>
      <c r="F4" s="546" t="s">
        <v>62</v>
      </c>
      <c r="G4" s="547"/>
      <c r="H4" s="547"/>
      <c r="I4" s="547"/>
      <c r="J4" s="547"/>
      <c r="K4" s="547"/>
      <c r="L4" s="555"/>
      <c r="M4" s="549" t="s">
        <v>52</v>
      </c>
      <c r="N4" s="564" t="s">
        <v>61</v>
      </c>
      <c r="O4" s="547"/>
      <c r="P4" s="548"/>
      <c r="Q4" s="546" t="s">
        <v>62</v>
      </c>
      <c r="R4" s="547"/>
      <c r="S4" s="547"/>
      <c r="T4" s="547"/>
      <c r="U4" s="547"/>
      <c r="V4" s="547"/>
      <c r="W4" s="548"/>
      <c r="X4" s="549" t="s">
        <v>52</v>
      </c>
      <c r="Y4" s="551" t="s">
        <v>61</v>
      </c>
      <c r="Z4" s="547"/>
      <c r="AA4" s="555"/>
      <c r="AB4" s="546" t="s">
        <v>62</v>
      </c>
      <c r="AC4" s="547"/>
      <c r="AD4" s="547"/>
      <c r="AE4" s="547"/>
      <c r="AF4" s="547"/>
      <c r="AG4" s="547"/>
      <c r="AH4" s="548"/>
      <c r="AI4" s="549" t="s">
        <v>52</v>
      </c>
      <c r="AJ4" s="551" t="s">
        <v>61</v>
      </c>
      <c r="AK4" s="547"/>
      <c r="AL4" s="548"/>
      <c r="AM4" s="546" t="s">
        <v>62</v>
      </c>
      <c r="AN4" s="547"/>
      <c r="AO4" s="547"/>
      <c r="AP4" s="547"/>
      <c r="AQ4" s="547"/>
      <c r="AR4" s="547"/>
      <c r="AS4" s="548"/>
      <c r="AT4" s="549" t="s">
        <v>52</v>
      </c>
      <c r="AU4" s="551" t="s">
        <v>61</v>
      </c>
      <c r="AV4" s="547"/>
      <c r="AW4" s="555"/>
      <c r="AX4" s="546" t="s">
        <v>62</v>
      </c>
      <c r="AY4" s="547"/>
      <c r="AZ4" s="547"/>
      <c r="BA4" s="547"/>
      <c r="BB4" s="547"/>
      <c r="BC4" s="547"/>
      <c r="BD4" s="555"/>
      <c r="BE4" s="549" t="s">
        <v>52</v>
      </c>
      <c r="BF4" s="551" t="s">
        <v>61</v>
      </c>
      <c r="BG4" s="547"/>
      <c r="BH4" s="548"/>
      <c r="BI4" s="546" t="s">
        <v>62</v>
      </c>
      <c r="BJ4" s="547"/>
      <c r="BK4" s="547"/>
      <c r="BL4" s="547"/>
      <c r="BM4" s="547"/>
      <c r="BN4" s="547"/>
      <c r="BO4" s="548"/>
      <c r="BP4" s="549" t="s">
        <v>52</v>
      </c>
      <c r="BQ4" s="551" t="s">
        <v>61</v>
      </c>
      <c r="BR4" s="547"/>
      <c r="BS4" s="548"/>
      <c r="BT4" s="546" t="s">
        <v>62</v>
      </c>
      <c r="BU4" s="547"/>
      <c r="BV4" s="547"/>
      <c r="BW4" s="547"/>
      <c r="BX4" s="547"/>
      <c r="BY4" s="547"/>
      <c r="BZ4" s="548"/>
      <c r="CA4" s="549" t="s">
        <v>52</v>
      </c>
      <c r="CB4" s="551" t="s">
        <v>61</v>
      </c>
      <c r="CC4" s="547"/>
      <c r="CD4" s="548"/>
      <c r="CE4" s="546" t="s">
        <v>62</v>
      </c>
      <c r="CF4" s="547"/>
      <c r="CG4" s="547"/>
      <c r="CH4" s="547"/>
      <c r="CI4" s="547"/>
      <c r="CJ4" s="547"/>
      <c r="CK4" s="548"/>
      <c r="CL4" s="549" t="s">
        <v>52</v>
      </c>
      <c r="CM4" s="551" t="s">
        <v>61</v>
      </c>
      <c r="CN4" s="547"/>
      <c r="CO4" s="548"/>
      <c r="CP4" s="546" t="s">
        <v>62</v>
      </c>
      <c r="CQ4" s="547"/>
      <c r="CR4" s="547"/>
      <c r="CS4" s="547"/>
      <c r="CT4" s="547"/>
      <c r="CU4" s="547"/>
      <c r="CV4" s="548"/>
      <c r="CW4" s="549" t="s">
        <v>52</v>
      </c>
      <c r="CX4" s="551" t="s">
        <v>61</v>
      </c>
      <c r="CY4" s="547"/>
      <c r="CZ4" s="548"/>
      <c r="DA4" s="546" t="s">
        <v>62</v>
      </c>
      <c r="DB4" s="547"/>
      <c r="DC4" s="547"/>
      <c r="DD4" s="547"/>
      <c r="DE4" s="547"/>
      <c r="DF4" s="547"/>
      <c r="DG4" s="548"/>
      <c r="DH4" s="549" t="s">
        <v>52</v>
      </c>
    </row>
    <row r="5" spans="2:112" ht="30" customHeight="1" thickBot="1" x14ac:dyDescent="0.25">
      <c r="B5" s="561"/>
      <c r="C5" s="264" t="s">
        <v>43</v>
      </c>
      <c r="D5" s="259" t="s">
        <v>44</v>
      </c>
      <c r="E5" s="382" t="s">
        <v>45</v>
      </c>
      <c r="F5" s="267" t="s">
        <v>83</v>
      </c>
      <c r="G5" s="259" t="s">
        <v>47</v>
      </c>
      <c r="H5" s="259" t="s">
        <v>48</v>
      </c>
      <c r="I5" s="259" t="s">
        <v>49</v>
      </c>
      <c r="J5" s="259" t="s">
        <v>50</v>
      </c>
      <c r="K5" s="259" t="s">
        <v>51</v>
      </c>
      <c r="L5" s="268" t="s">
        <v>45</v>
      </c>
      <c r="M5" s="550"/>
      <c r="N5" s="264" t="s">
        <v>43</v>
      </c>
      <c r="O5" s="259" t="s">
        <v>44</v>
      </c>
      <c r="P5" s="265" t="s">
        <v>45</v>
      </c>
      <c r="Q5" s="267" t="s">
        <v>83</v>
      </c>
      <c r="R5" s="259" t="s">
        <v>47</v>
      </c>
      <c r="S5" s="259" t="s">
        <v>48</v>
      </c>
      <c r="T5" s="259" t="s">
        <v>49</v>
      </c>
      <c r="U5" s="259" t="s">
        <v>50</v>
      </c>
      <c r="V5" s="259" t="s">
        <v>51</v>
      </c>
      <c r="W5" s="265" t="s">
        <v>45</v>
      </c>
      <c r="X5" s="550"/>
      <c r="Y5" s="311" t="s">
        <v>43</v>
      </c>
      <c r="Z5" s="259" t="s">
        <v>44</v>
      </c>
      <c r="AA5" s="268" t="s">
        <v>45</v>
      </c>
      <c r="AB5" s="267" t="s">
        <v>83</v>
      </c>
      <c r="AC5" s="259" t="s">
        <v>47</v>
      </c>
      <c r="AD5" s="259" t="s">
        <v>48</v>
      </c>
      <c r="AE5" s="259" t="s">
        <v>49</v>
      </c>
      <c r="AF5" s="259" t="s">
        <v>50</v>
      </c>
      <c r="AG5" s="259" t="s">
        <v>51</v>
      </c>
      <c r="AH5" s="265" t="s">
        <v>45</v>
      </c>
      <c r="AI5" s="550"/>
      <c r="AJ5" s="263" t="s">
        <v>43</v>
      </c>
      <c r="AK5" s="259" t="s">
        <v>44</v>
      </c>
      <c r="AL5" s="265" t="s">
        <v>45</v>
      </c>
      <c r="AM5" s="267" t="s">
        <v>83</v>
      </c>
      <c r="AN5" s="259" t="s">
        <v>47</v>
      </c>
      <c r="AO5" s="259" t="s">
        <v>48</v>
      </c>
      <c r="AP5" s="259" t="s">
        <v>49</v>
      </c>
      <c r="AQ5" s="259" t="s">
        <v>50</v>
      </c>
      <c r="AR5" s="259" t="s">
        <v>51</v>
      </c>
      <c r="AS5" s="265" t="s">
        <v>45</v>
      </c>
      <c r="AT5" s="550"/>
      <c r="AU5" s="311" t="s">
        <v>43</v>
      </c>
      <c r="AV5" s="259" t="s">
        <v>44</v>
      </c>
      <c r="AW5" s="268" t="s">
        <v>45</v>
      </c>
      <c r="AX5" s="267" t="s">
        <v>83</v>
      </c>
      <c r="AY5" s="259" t="s">
        <v>47</v>
      </c>
      <c r="AZ5" s="259" t="s">
        <v>48</v>
      </c>
      <c r="BA5" s="259" t="s">
        <v>49</v>
      </c>
      <c r="BB5" s="259" t="s">
        <v>50</v>
      </c>
      <c r="BC5" s="259" t="s">
        <v>51</v>
      </c>
      <c r="BD5" s="268" t="s">
        <v>45</v>
      </c>
      <c r="BE5" s="550"/>
      <c r="BF5" s="311" t="s">
        <v>43</v>
      </c>
      <c r="BG5" s="259" t="s">
        <v>44</v>
      </c>
      <c r="BH5" s="265" t="s">
        <v>45</v>
      </c>
      <c r="BI5" s="267" t="s">
        <v>83</v>
      </c>
      <c r="BJ5" s="259" t="s">
        <v>47</v>
      </c>
      <c r="BK5" s="259" t="s">
        <v>48</v>
      </c>
      <c r="BL5" s="259" t="s">
        <v>49</v>
      </c>
      <c r="BM5" s="259" t="s">
        <v>50</v>
      </c>
      <c r="BN5" s="259" t="s">
        <v>51</v>
      </c>
      <c r="BO5" s="265" t="s">
        <v>45</v>
      </c>
      <c r="BP5" s="550"/>
      <c r="BQ5" s="311" t="s">
        <v>43</v>
      </c>
      <c r="BR5" s="259" t="s">
        <v>44</v>
      </c>
      <c r="BS5" s="265" t="s">
        <v>45</v>
      </c>
      <c r="BT5" s="267" t="s">
        <v>83</v>
      </c>
      <c r="BU5" s="259" t="s">
        <v>47</v>
      </c>
      <c r="BV5" s="259" t="s">
        <v>48</v>
      </c>
      <c r="BW5" s="259" t="s">
        <v>49</v>
      </c>
      <c r="BX5" s="259" t="s">
        <v>50</v>
      </c>
      <c r="BY5" s="259" t="s">
        <v>51</v>
      </c>
      <c r="BZ5" s="265" t="s">
        <v>45</v>
      </c>
      <c r="CA5" s="550"/>
      <c r="CB5" s="311" t="s">
        <v>43</v>
      </c>
      <c r="CC5" s="259" t="s">
        <v>44</v>
      </c>
      <c r="CD5" s="265" t="s">
        <v>45</v>
      </c>
      <c r="CE5" s="267" t="s">
        <v>83</v>
      </c>
      <c r="CF5" s="259" t="s">
        <v>47</v>
      </c>
      <c r="CG5" s="259" t="s">
        <v>48</v>
      </c>
      <c r="CH5" s="259" t="s">
        <v>49</v>
      </c>
      <c r="CI5" s="259" t="s">
        <v>50</v>
      </c>
      <c r="CJ5" s="259" t="s">
        <v>51</v>
      </c>
      <c r="CK5" s="265" t="s">
        <v>45</v>
      </c>
      <c r="CL5" s="550"/>
      <c r="CM5" s="311" t="s">
        <v>43</v>
      </c>
      <c r="CN5" s="259" t="s">
        <v>44</v>
      </c>
      <c r="CO5" s="265" t="s">
        <v>45</v>
      </c>
      <c r="CP5" s="267" t="s">
        <v>83</v>
      </c>
      <c r="CQ5" s="259" t="s">
        <v>47</v>
      </c>
      <c r="CR5" s="259" t="s">
        <v>48</v>
      </c>
      <c r="CS5" s="259" t="s">
        <v>49</v>
      </c>
      <c r="CT5" s="259" t="s">
        <v>50</v>
      </c>
      <c r="CU5" s="259" t="s">
        <v>51</v>
      </c>
      <c r="CV5" s="265" t="s">
        <v>45</v>
      </c>
      <c r="CW5" s="550"/>
      <c r="CX5" s="365" t="s">
        <v>43</v>
      </c>
      <c r="CY5" s="259" t="s">
        <v>44</v>
      </c>
      <c r="CZ5" s="265" t="s">
        <v>45</v>
      </c>
      <c r="DA5" s="267" t="s">
        <v>83</v>
      </c>
      <c r="DB5" s="259" t="s">
        <v>47</v>
      </c>
      <c r="DC5" s="259" t="s">
        <v>48</v>
      </c>
      <c r="DD5" s="259" t="s">
        <v>49</v>
      </c>
      <c r="DE5" s="259" t="s">
        <v>50</v>
      </c>
      <c r="DF5" s="259" t="s">
        <v>51</v>
      </c>
      <c r="DG5" s="265" t="s">
        <v>45</v>
      </c>
      <c r="DH5" s="550"/>
    </row>
    <row r="6" spans="2:112" ht="21" customHeight="1" x14ac:dyDescent="0.2">
      <c r="B6" s="260" t="s">
        <v>4</v>
      </c>
      <c r="C6" s="269">
        <v>0</v>
      </c>
      <c r="D6" s="273">
        <v>4</v>
      </c>
      <c r="E6" s="383">
        <v>4</v>
      </c>
      <c r="F6" s="272">
        <v>0</v>
      </c>
      <c r="G6" s="273">
        <v>211033</v>
      </c>
      <c r="H6" s="273">
        <v>335366</v>
      </c>
      <c r="I6" s="273">
        <v>346755</v>
      </c>
      <c r="J6" s="273">
        <v>426393</v>
      </c>
      <c r="K6" s="273">
        <v>408783</v>
      </c>
      <c r="L6" s="274">
        <v>1728330</v>
      </c>
      <c r="M6" s="275">
        <v>1728334</v>
      </c>
      <c r="N6" s="269">
        <v>12</v>
      </c>
      <c r="O6" s="273">
        <v>84</v>
      </c>
      <c r="P6" s="270">
        <v>96</v>
      </c>
      <c r="Q6" s="272">
        <v>0</v>
      </c>
      <c r="R6" s="273">
        <v>411</v>
      </c>
      <c r="S6" s="273">
        <v>1938</v>
      </c>
      <c r="T6" s="273">
        <v>3893</v>
      </c>
      <c r="U6" s="273">
        <v>9338</v>
      </c>
      <c r="V6" s="273">
        <v>18284</v>
      </c>
      <c r="W6" s="270">
        <v>33864</v>
      </c>
      <c r="X6" s="275">
        <v>33960</v>
      </c>
      <c r="Y6" s="269">
        <v>12210</v>
      </c>
      <c r="Z6" s="273">
        <v>39726</v>
      </c>
      <c r="AA6" s="270">
        <v>51936</v>
      </c>
      <c r="AB6" s="272">
        <v>0</v>
      </c>
      <c r="AC6" s="273">
        <v>100312</v>
      </c>
      <c r="AD6" s="273">
        <v>157626</v>
      </c>
      <c r="AE6" s="273">
        <v>101133</v>
      </c>
      <c r="AF6" s="273">
        <v>92566</v>
      </c>
      <c r="AG6" s="273">
        <v>75618</v>
      </c>
      <c r="AH6" s="270">
        <v>527255</v>
      </c>
      <c r="AI6" s="275">
        <v>579191</v>
      </c>
      <c r="AJ6" s="269">
        <v>2232</v>
      </c>
      <c r="AK6" s="273">
        <v>8175</v>
      </c>
      <c r="AL6" s="270">
        <v>10407</v>
      </c>
      <c r="AM6" s="272">
        <v>0</v>
      </c>
      <c r="AN6" s="273">
        <v>12525</v>
      </c>
      <c r="AO6" s="273">
        <v>21227</v>
      </c>
      <c r="AP6" s="273">
        <v>13918</v>
      </c>
      <c r="AQ6" s="273">
        <v>12606</v>
      </c>
      <c r="AR6" s="273">
        <v>7538</v>
      </c>
      <c r="AS6" s="270">
        <v>67814</v>
      </c>
      <c r="AT6" s="275">
        <v>78221</v>
      </c>
      <c r="AU6" s="269">
        <v>0</v>
      </c>
      <c r="AV6" s="273">
        <v>4</v>
      </c>
      <c r="AW6" s="270">
        <v>4</v>
      </c>
      <c r="AX6" s="272">
        <v>0</v>
      </c>
      <c r="AY6" s="273">
        <v>188110</v>
      </c>
      <c r="AZ6" s="273">
        <v>188415</v>
      </c>
      <c r="BA6" s="273">
        <v>118107</v>
      </c>
      <c r="BB6" s="273">
        <v>70871</v>
      </c>
      <c r="BC6" s="273">
        <v>33463</v>
      </c>
      <c r="BD6" s="274">
        <v>598966</v>
      </c>
      <c r="BE6" s="275">
        <v>598970</v>
      </c>
      <c r="BF6" s="269">
        <v>0</v>
      </c>
      <c r="BG6" s="273">
        <v>0</v>
      </c>
      <c r="BH6" s="270">
        <v>0</v>
      </c>
      <c r="BI6" s="272">
        <v>0</v>
      </c>
      <c r="BJ6" s="273">
        <v>30958</v>
      </c>
      <c r="BK6" s="273">
        <v>47699</v>
      </c>
      <c r="BL6" s="273">
        <v>29110</v>
      </c>
      <c r="BM6" s="273">
        <v>18257</v>
      </c>
      <c r="BN6" s="273">
        <v>6585</v>
      </c>
      <c r="BO6" s="270">
        <v>132609</v>
      </c>
      <c r="BP6" s="275">
        <v>132609</v>
      </c>
      <c r="BQ6" s="269">
        <v>313</v>
      </c>
      <c r="BR6" s="273">
        <v>1344</v>
      </c>
      <c r="BS6" s="270">
        <v>1657</v>
      </c>
      <c r="BT6" s="272">
        <v>0</v>
      </c>
      <c r="BU6" s="273">
        <v>15834</v>
      </c>
      <c r="BV6" s="273">
        <v>31620</v>
      </c>
      <c r="BW6" s="273">
        <v>54326</v>
      </c>
      <c r="BX6" s="273">
        <v>43390</v>
      </c>
      <c r="BY6" s="273">
        <v>21292</v>
      </c>
      <c r="BZ6" s="270">
        <v>166462</v>
      </c>
      <c r="CA6" s="275">
        <v>168119</v>
      </c>
      <c r="CB6" s="269">
        <v>41</v>
      </c>
      <c r="CC6" s="273">
        <v>109</v>
      </c>
      <c r="CD6" s="270">
        <v>150</v>
      </c>
      <c r="CE6" s="272">
        <v>0</v>
      </c>
      <c r="CF6" s="273">
        <v>1301</v>
      </c>
      <c r="CG6" s="273">
        <v>2795</v>
      </c>
      <c r="CH6" s="273">
        <v>4429</v>
      </c>
      <c r="CI6" s="273">
        <v>4132</v>
      </c>
      <c r="CJ6" s="273">
        <v>2524</v>
      </c>
      <c r="CK6" s="270">
        <v>15181</v>
      </c>
      <c r="CL6" s="275">
        <v>15331</v>
      </c>
      <c r="CM6" s="269">
        <v>0</v>
      </c>
      <c r="CN6" s="273">
        <v>0</v>
      </c>
      <c r="CO6" s="270">
        <v>0</v>
      </c>
      <c r="CP6" s="272">
        <v>0</v>
      </c>
      <c r="CQ6" s="273">
        <v>0</v>
      </c>
      <c r="CR6" s="273">
        <v>0</v>
      </c>
      <c r="CS6" s="273">
        <v>0</v>
      </c>
      <c r="CT6" s="273">
        <v>0</v>
      </c>
      <c r="CU6" s="273">
        <v>0</v>
      </c>
      <c r="CV6" s="270">
        <v>0</v>
      </c>
      <c r="CW6" s="275">
        <v>0</v>
      </c>
      <c r="CX6" s="269">
        <v>0</v>
      </c>
      <c r="CY6" s="273">
        <v>0</v>
      </c>
      <c r="CZ6" s="270">
        <v>0</v>
      </c>
      <c r="DA6" s="272">
        <v>0</v>
      </c>
      <c r="DB6" s="273">
        <v>0</v>
      </c>
      <c r="DC6" s="273">
        <v>0</v>
      </c>
      <c r="DD6" s="273">
        <v>0</v>
      </c>
      <c r="DE6" s="273">
        <v>0</v>
      </c>
      <c r="DF6" s="273">
        <v>0</v>
      </c>
      <c r="DG6" s="270">
        <v>0</v>
      </c>
      <c r="DH6" s="275">
        <v>0</v>
      </c>
    </row>
    <row r="7" spans="2:112" ht="21" customHeight="1" x14ac:dyDescent="0.2">
      <c r="B7" s="261" t="s">
        <v>5</v>
      </c>
      <c r="C7" s="276">
        <v>0</v>
      </c>
      <c r="D7" s="280">
        <v>4</v>
      </c>
      <c r="E7" s="384">
        <v>4</v>
      </c>
      <c r="F7" s="279">
        <v>0</v>
      </c>
      <c r="G7" s="280">
        <v>70692</v>
      </c>
      <c r="H7" s="280">
        <v>144572</v>
      </c>
      <c r="I7" s="280">
        <v>127169</v>
      </c>
      <c r="J7" s="280">
        <v>148714</v>
      </c>
      <c r="K7" s="280">
        <v>150918</v>
      </c>
      <c r="L7" s="281">
        <v>642065</v>
      </c>
      <c r="M7" s="282">
        <v>642069</v>
      </c>
      <c r="N7" s="276">
        <v>9</v>
      </c>
      <c r="O7" s="280">
        <v>32</v>
      </c>
      <c r="P7" s="277">
        <v>41</v>
      </c>
      <c r="Q7" s="279">
        <v>0</v>
      </c>
      <c r="R7" s="280">
        <v>97</v>
      </c>
      <c r="S7" s="280">
        <v>741</v>
      </c>
      <c r="T7" s="280">
        <v>1495</v>
      </c>
      <c r="U7" s="280">
        <v>3699</v>
      </c>
      <c r="V7" s="280">
        <v>8042</v>
      </c>
      <c r="W7" s="277">
        <v>14074</v>
      </c>
      <c r="X7" s="282">
        <v>14115</v>
      </c>
      <c r="Y7" s="276">
        <v>5324</v>
      </c>
      <c r="Z7" s="280">
        <v>20036</v>
      </c>
      <c r="AA7" s="277">
        <v>25360</v>
      </c>
      <c r="AB7" s="279">
        <v>0</v>
      </c>
      <c r="AC7" s="280">
        <v>36348</v>
      </c>
      <c r="AD7" s="280">
        <v>83253</v>
      </c>
      <c r="AE7" s="280">
        <v>48995</v>
      </c>
      <c r="AF7" s="280">
        <v>42455</v>
      </c>
      <c r="AG7" s="280">
        <v>34576</v>
      </c>
      <c r="AH7" s="277">
        <v>245627</v>
      </c>
      <c r="AI7" s="282">
        <v>270987</v>
      </c>
      <c r="AJ7" s="276">
        <v>966</v>
      </c>
      <c r="AK7" s="280">
        <v>4331</v>
      </c>
      <c r="AL7" s="277">
        <v>5297</v>
      </c>
      <c r="AM7" s="279">
        <v>0</v>
      </c>
      <c r="AN7" s="280">
        <v>3089</v>
      </c>
      <c r="AO7" s="280">
        <v>8584</v>
      </c>
      <c r="AP7" s="280">
        <v>5517</v>
      </c>
      <c r="AQ7" s="280">
        <v>5183</v>
      </c>
      <c r="AR7" s="280">
        <v>2876</v>
      </c>
      <c r="AS7" s="277">
        <v>25249</v>
      </c>
      <c r="AT7" s="282">
        <v>30546</v>
      </c>
      <c r="AU7" s="276">
        <v>0</v>
      </c>
      <c r="AV7" s="280">
        <v>4</v>
      </c>
      <c r="AW7" s="277">
        <v>4</v>
      </c>
      <c r="AX7" s="279">
        <v>0</v>
      </c>
      <c r="AY7" s="280">
        <v>59123</v>
      </c>
      <c r="AZ7" s="280">
        <v>75355</v>
      </c>
      <c r="BA7" s="280">
        <v>41798</v>
      </c>
      <c r="BB7" s="280">
        <v>23719</v>
      </c>
      <c r="BC7" s="280">
        <v>11470</v>
      </c>
      <c r="BD7" s="281">
        <v>211465</v>
      </c>
      <c r="BE7" s="282">
        <v>211469</v>
      </c>
      <c r="BF7" s="276">
        <v>0</v>
      </c>
      <c r="BG7" s="280">
        <v>0</v>
      </c>
      <c r="BH7" s="277">
        <v>0</v>
      </c>
      <c r="BI7" s="279">
        <v>0</v>
      </c>
      <c r="BJ7" s="280">
        <v>8923</v>
      </c>
      <c r="BK7" s="280">
        <v>21667</v>
      </c>
      <c r="BL7" s="280">
        <v>12752</v>
      </c>
      <c r="BM7" s="280">
        <v>7845</v>
      </c>
      <c r="BN7" s="280">
        <v>2997</v>
      </c>
      <c r="BO7" s="277">
        <v>54184</v>
      </c>
      <c r="BP7" s="282">
        <v>54184</v>
      </c>
      <c r="BQ7" s="276">
        <v>93</v>
      </c>
      <c r="BR7" s="280">
        <v>534</v>
      </c>
      <c r="BS7" s="277">
        <v>627</v>
      </c>
      <c r="BT7" s="279">
        <v>0</v>
      </c>
      <c r="BU7" s="280">
        <v>5000</v>
      </c>
      <c r="BV7" s="280">
        <v>12490</v>
      </c>
      <c r="BW7" s="280">
        <v>21137</v>
      </c>
      <c r="BX7" s="280">
        <v>16048</v>
      </c>
      <c r="BY7" s="280">
        <v>8363</v>
      </c>
      <c r="BZ7" s="277">
        <v>63038</v>
      </c>
      <c r="CA7" s="282">
        <v>63665</v>
      </c>
      <c r="CB7" s="276">
        <v>4</v>
      </c>
      <c r="CC7" s="280">
        <v>64</v>
      </c>
      <c r="CD7" s="277">
        <v>68</v>
      </c>
      <c r="CE7" s="279">
        <v>0</v>
      </c>
      <c r="CF7" s="280">
        <v>673</v>
      </c>
      <c r="CG7" s="280">
        <v>1589</v>
      </c>
      <c r="CH7" s="280">
        <v>2602</v>
      </c>
      <c r="CI7" s="280">
        <v>2376</v>
      </c>
      <c r="CJ7" s="280">
        <v>1448</v>
      </c>
      <c r="CK7" s="277">
        <v>8688</v>
      </c>
      <c r="CL7" s="282">
        <v>8756</v>
      </c>
      <c r="CM7" s="276">
        <v>0</v>
      </c>
      <c r="CN7" s="280">
        <v>0</v>
      </c>
      <c r="CO7" s="277">
        <v>0</v>
      </c>
      <c r="CP7" s="279">
        <v>0</v>
      </c>
      <c r="CQ7" s="280">
        <v>0</v>
      </c>
      <c r="CR7" s="280">
        <v>0</v>
      </c>
      <c r="CS7" s="280">
        <v>0</v>
      </c>
      <c r="CT7" s="280">
        <v>0</v>
      </c>
      <c r="CU7" s="280">
        <v>0</v>
      </c>
      <c r="CV7" s="277">
        <v>0</v>
      </c>
      <c r="CW7" s="282">
        <v>0</v>
      </c>
      <c r="CX7" s="276">
        <v>0</v>
      </c>
      <c r="CY7" s="280">
        <v>0</v>
      </c>
      <c r="CZ7" s="277">
        <v>0</v>
      </c>
      <c r="DA7" s="279">
        <v>0</v>
      </c>
      <c r="DB7" s="280">
        <v>0</v>
      </c>
      <c r="DC7" s="280">
        <v>0</v>
      </c>
      <c r="DD7" s="280">
        <v>0</v>
      </c>
      <c r="DE7" s="280">
        <v>0</v>
      </c>
      <c r="DF7" s="280">
        <v>0</v>
      </c>
      <c r="DG7" s="277">
        <v>0</v>
      </c>
      <c r="DH7" s="282">
        <v>0</v>
      </c>
    </row>
    <row r="8" spans="2:112" ht="21" customHeight="1" x14ac:dyDescent="0.2">
      <c r="B8" s="261" t="s">
        <v>6</v>
      </c>
      <c r="C8" s="276">
        <v>0</v>
      </c>
      <c r="D8" s="280">
        <v>0</v>
      </c>
      <c r="E8" s="384">
        <v>0</v>
      </c>
      <c r="F8" s="279">
        <v>0</v>
      </c>
      <c r="G8" s="280">
        <v>36675</v>
      </c>
      <c r="H8" s="280">
        <v>46342</v>
      </c>
      <c r="I8" s="280">
        <v>55378</v>
      </c>
      <c r="J8" s="280">
        <v>67613</v>
      </c>
      <c r="K8" s="280">
        <v>68427</v>
      </c>
      <c r="L8" s="281">
        <v>274435</v>
      </c>
      <c r="M8" s="282">
        <v>274435</v>
      </c>
      <c r="N8" s="276">
        <v>1</v>
      </c>
      <c r="O8" s="280">
        <v>6</v>
      </c>
      <c r="P8" s="277">
        <v>7</v>
      </c>
      <c r="Q8" s="279">
        <v>0</v>
      </c>
      <c r="R8" s="280">
        <v>56</v>
      </c>
      <c r="S8" s="280">
        <v>235</v>
      </c>
      <c r="T8" s="280">
        <v>452</v>
      </c>
      <c r="U8" s="280">
        <v>1256</v>
      </c>
      <c r="V8" s="280">
        <v>2541</v>
      </c>
      <c r="W8" s="277">
        <v>4540</v>
      </c>
      <c r="X8" s="282">
        <v>4547</v>
      </c>
      <c r="Y8" s="276">
        <v>1970</v>
      </c>
      <c r="Z8" s="280">
        <v>5938</v>
      </c>
      <c r="AA8" s="277">
        <v>7908</v>
      </c>
      <c r="AB8" s="279">
        <v>0</v>
      </c>
      <c r="AC8" s="280">
        <v>21471</v>
      </c>
      <c r="AD8" s="280">
        <v>22813</v>
      </c>
      <c r="AE8" s="280">
        <v>16339</v>
      </c>
      <c r="AF8" s="280">
        <v>16145</v>
      </c>
      <c r="AG8" s="280">
        <v>12577</v>
      </c>
      <c r="AH8" s="277">
        <v>89345</v>
      </c>
      <c r="AI8" s="282">
        <v>97253</v>
      </c>
      <c r="AJ8" s="276">
        <v>180</v>
      </c>
      <c r="AK8" s="280">
        <v>580</v>
      </c>
      <c r="AL8" s="277">
        <v>760</v>
      </c>
      <c r="AM8" s="279">
        <v>0</v>
      </c>
      <c r="AN8" s="280">
        <v>2076</v>
      </c>
      <c r="AO8" s="280">
        <v>2470</v>
      </c>
      <c r="AP8" s="280">
        <v>1735</v>
      </c>
      <c r="AQ8" s="280">
        <v>1498</v>
      </c>
      <c r="AR8" s="280">
        <v>863</v>
      </c>
      <c r="AS8" s="277">
        <v>8642</v>
      </c>
      <c r="AT8" s="282">
        <v>9402</v>
      </c>
      <c r="AU8" s="276">
        <v>0</v>
      </c>
      <c r="AV8" s="280">
        <v>0</v>
      </c>
      <c r="AW8" s="277">
        <v>0</v>
      </c>
      <c r="AX8" s="279">
        <v>0</v>
      </c>
      <c r="AY8" s="280">
        <v>32307</v>
      </c>
      <c r="AZ8" s="280">
        <v>24809</v>
      </c>
      <c r="BA8" s="280">
        <v>16555</v>
      </c>
      <c r="BB8" s="280">
        <v>10962</v>
      </c>
      <c r="BC8" s="280">
        <v>5138</v>
      </c>
      <c r="BD8" s="281">
        <v>89771</v>
      </c>
      <c r="BE8" s="282">
        <v>89771</v>
      </c>
      <c r="BF8" s="276">
        <v>0</v>
      </c>
      <c r="BG8" s="280">
        <v>0</v>
      </c>
      <c r="BH8" s="277">
        <v>0</v>
      </c>
      <c r="BI8" s="279">
        <v>0</v>
      </c>
      <c r="BJ8" s="280">
        <v>4290</v>
      </c>
      <c r="BK8" s="280">
        <v>5102</v>
      </c>
      <c r="BL8" s="280">
        <v>4086</v>
      </c>
      <c r="BM8" s="280">
        <v>2719</v>
      </c>
      <c r="BN8" s="280">
        <v>925</v>
      </c>
      <c r="BO8" s="277">
        <v>17122</v>
      </c>
      <c r="BP8" s="282">
        <v>17122</v>
      </c>
      <c r="BQ8" s="276">
        <v>28</v>
      </c>
      <c r="BR8" s="280">
        <v>209</v>
      </c>
      <c r="BS8" s="277">
        <v>237</v>
      </c>
      <c r="BT8" s="279">
        <v>0</v>
      </c>
      <c r="BU8" s="280">
        <v>2041</v>
      </c>
      <c r="BV8" s="280">
        <v>3565</v>
      </c>
      <c r="BW8" s="280">
        <v>5788</v>
      </c>
      <c r="BX8" s="280">
        <v>5285</v>
      </c>
      <c r="BY8" s="280">
        <v>2492</v>
      </c>
      <c r="BZ8" s="277">
        <v>19171</v>
      </c>
      <c r="CA8" s="282">
        <v>19408</v>
      </c>
      <c r="CB8" s="276">
        <v>7</v>
      </c>
      <c r="CC8" s="280">
        <v>18</v>
      </c>
      <c r="CD8" s="277">
        <v>25</v>
      </c>
      <c r="CE8" s="279">
        <v>0</v>
      </c>
      <c r="CF8" s="280">
        <v>189</v>
      </c>
      <c r="CG8" s="280">
        <v>265</v>
      </c>
      <c r="CH8" s="280">
        <v>577</v>
      </c>
      <c r="CI8" s="280">
        <v>596</v>
      </c>
      <c r="CJ8" s="280">
        <v>275</v>
      </c>
      <c r="CK8" s="277">
        <v>1902</v>
      </c>
      <c r="CL8" s="282">
        <v>1927</v>
      </c>
      <c r="CM8" s="276">
        <v>0</v>
      </c>
      <c r="CN8" s="280">
        <v>0</v>
      </c>
      <c r="CO8" s="277">
        <v>0</v>
      </c>
      <c r="CP8" s="279">
        <v>0</v>
      </c>
      <c r="CQ8" s="280">
        <v>0</v>
      </c>
      <c r="CR8" s="280">
        <v>0</v>
      </c>
      <c r="CS8" s="280">
        <v>0</v>
      </c>
      <c r="CT8" s="280">
        <v>0</v>
      </c>
      <c r="CU8" s="280">
        <v>0</v>
      </c>
      <c r="CV8" s="277">
        <v>0</v>
      </c>
      <c r="CW8" s="282">
        <v>0</v>
      </c>
      <c r="CX8" s="276">
        <v>0</v>
      </c>
      <c r="CY8" s="280">
        <v>0</v>
      </c>
      <c r="CZ8" s="277">
        <v>0</v>
      </c>
      <c r="DA8" s="279">
        <v>0</v>
      </c>
      <c r="DB8" s="280">
        <v>0</v>
      </c>
      <c r="DC8" s="280">
        <v>0</v>
      </c>
      <c r="DD8" s="280">
        <v>0</v>
      </c>
      <c r="DE8" s="280">
        <v>0</v>
      </c>
      <c r="DF8" s="280">
        <v>0</v>
      </c>
      <c r="DG8" s="277">
        <v>0</v>
      </c>
      <c r="DH8" s="282">
        <v>0</v>
      </c>
    </row>
    <row r="9" spans="2:112" ht="21" customHeight="1" x14ac:dyDescent="0.2">
      <c r="B9" s="261" t="s">
        <v>14</v>
      </c>
      <c r="C9" s="276">
        <v>0</v>
      </c>
      <c r="D9" s="280">
        <v>0</v>
      </c>
      <c r="E9" s="384">
        <v>0</v>
      </c>
      <c r="F9" s="279">
        <v>0</v>
      </c>
      <c r="G9" s="280">
        <v>14401</v>
      </c>
      <c r="H9" s="280">
        <v>26042</v>
      </c>
      <c r="I9" s="280">
        <v>28565</v>
      </c>
      <c r="J9" s="280">
        <v>28127</v>
      </c>
      <c r="K9" s="280">
        <v>25102</v>
      </c>
      <c r="L9" s="281">
        <v>122237</v>
      </c>
      <c r="M9" s="282">
        <v>122237</v>
      </c>
      <c r="N9" s="276">
        <v>0</v>
      </c>
      <c r="O9" s="280">
        <v>7</v>
      </c>
      <c r="P9" s="277">
        <v>7</v>
      </c>
      <c r="Q9" s="279">
        <v>0</v>
      </c>
      <c r="R9" s="280">
        <v>20</v>
      </c>
      <c r="S9" s="280">
        <v>73</v>
      </c>
      <c r="T9" s="280">
        <v>280</v>
      </c>
      <c r="U9" s="280">
        <v>591</v>
      </c>
      <c r="V9" s="280">
        <v>1201</v>
      </c>
      <c r="W9" s="277">
        <v>2165</v>
      </c>
      <c r="X9" s="282">
        <v>2172</v>
      </c>
      <c r="Y9" s="276">
        <v>675</v>
      </c>
      <c r="Z9" s="280">
        <v>3282</v>
      </c>
      <c r="AA9" s="277">
        <v>3957</v>
      </c>
      <c r="AB9" s="279">
        <v>0</v>
      </c>
      <c r="AC9" s="280">
        <v>5404</v>
      </c>
      <c r="AD9" s="280">
        <v>11000</v>
      </c>
      <c r="AE9" s="280">
        <v>7848</v>
      </c>
      <c r="AF9" s="280">
        <v>7292</v>
      </c>
      <c r="AG9" s="280">
        <v>5832</v>
      </c>
      <c r="AH9" s="277">
        <v>37376</v>
      </c>
      <c r="AI9" s="282">
        <v>41333</v>
      </c>
      <c r="AJ9" s="276">
        <v>60</v>
      </c>
      <c r="AK9" s="280">
        <v>466</v>
      </c>
      <c r="AL9" s="277">
        <v>526</v>
      </c>
      <c r="AM9" s="279">
        <v>0</v>
      </c>
      <c r="AN9" s="280">
        <v>288</v>
      </c>
      <c r="AO9" s="280">
        <v>1051</v>
      </c>
      <c r="AP9" s="280">
        <v>606</v>
      </c>
      <c r="AQ9" s="280">
        <v>672</v>
      </c>
      <c r="AR9" s="280">
        <v>361</v>
      </c>
      <c r="AS9" s="277">
        <v>2978</v>
      </c>
      <c r="AT9" s="282">
        <v>3504</v>
      </c>
      <c r="AU9" s="276">
        <v>0</v>
      </c>
      <c r="AV9" s="280">
        <v>0</v>
      </c>
      <c r="AW9" s="277">
        <v>0</v>
      </c>
      <c r="AX9" s="279">
        <v>0</v>
      </c>
      <c r="AY9" s="280">
        <v>14028</v>
      </c>
      <c r="AZ9" s="280">
        <v>16390</v>
      </c>
      <c r="BA9" s="280">
        <v>12157</v>
      </c>
      <c r="BB9" s="280">
        <v>7374</v>
      </c>
      <c r="BC9" s="280">
        <v>3747</v>
      </c>
      <c r="BD9" s="281">
        <v>53696</v>
      </c>
      <c r="BE9" s="282">
        <v>53696</v>
      </c>
      <c r="BF9" s="276">
        <v>0</v>
      </c>
      <c r="BG9" s="280">
        <v>0</v>
      </c>
      <c r="BH9" s="277">
        <v>0</v>
      </c>
      <c r="BI9" s="279">
        <v>0</v>
      </c>
      <c r="BJ9" s="280">
        <v>1081</v>
      </c>
      <c r="BK9" s="280">
        <v>2711</v>
      </c>
      <c r="BL9" s="280">
        <v>1870</v>
      </c>
      <c r="BM9" s="280">
        <v>1231</v>
      </c>
      <c r="BN9" s="280">
        <v>394</v>
      </c>
      <c r="BO9" s="277">
        <v>7287</v>
      </c>
      <c r="BP9" s="282">
        <v>7287</v>
      </c>
      <c r="BQ9" s="276">
        <v>12</v>
      </c>
      <c r="BR9" s="280">
        <v>103</v>
      </c>
      <c r="BS9" s="277">
        <v>115</v>
      </c>
      <c r="BT9" s="279">
        <v>0</v>
      </c>
      <c r="BU9" s="280">
        <v>961</v>
      </c>
      <c r="BV9" s="280">
        <v>2484</v>
      </c>
      <c r="BW9" s="280">
        <v>4680</v>
      </c>
      <c r="BX9" s="280">
        <v>4065</v>
      </c>
      <c r="BY9" s="280">
        <v>2041</v>
      </c>
      <c r="BZ9" s="277">
        <v>14231</v>
      </c>
      <c r="CA9" s="282">
        <v>14346</v>
      </c>
      <c r="CB9" s="276">
        <v>0</v>
      </c>
      <c r="CC9" s="280">
        <v>0</v>
      </c>
      <c r="CD9" s="277">
        <v>0</v>
      </c>
      <c r="CE9" s="279">
        <v>0</v>
      </c>
      <c r="CF9" s="280">
        <v>11</v>
      </c>
      <c r="CG9" s="280">
        <v>59</v>
      </c>
      <c r="CH9" s="280">
        <v>137</v>
      </c>
      <c r="CI9" s="280">
        <v>36</v>
      </c>
      <c r="CJ9" s="280">
        <v>24</v>
      </c>
      <c r="CK9" s="277">
        <v>267</v>
      </c>
      <c r="CL9" s="282">
        <v>267</v>
      </c>
      <c r="CM9" s="276">
        <v>0</v>
      </c>
      <c r="CN9" s="280">
        <v>0</v>
      </c>
      <c r="CO9" s="277">
        <v>0</v>
      </c>
      <c r="CP9" s="279">
        <v>0</v>
      </c>
      <c r="CQ9" s="280">
        <v>0</v>
      </c>
      <c r="CR9" s="280">
        <v>0</v>
      </c>
      <c r="CS9" s="280">
        <v>0</v>
      </c>
      <c r="CT9" s="280">
        <v>0</v>
      </c>
      <c r="CU9" s="280">
        <v>0</v>
      </c>
      <c r="CV9" s="277">
        <v>0</v>
      </c>
      <c r="CW9" s="282">
        <v>0</v>
      </c>
      <c r="CX9" s="276">
        <v>0</v>
      </c>
      <c r="CY9" s="280">
        <v>0</v>
      </c>
      <c r="CZ9" s="277">
        <v>0</v>
      </c>
      <c r="DA9" s="279">
        <v>0</v>
      </c>
      <c r="DB9" s="280">
        <v>0</v>
      </c>
      <c r="DC9" s="280">
        <v>0</v>
      </c>
      <c r="DD9" s="280">
        <v>0</v>
      </c>
      <c r="DE9" s="280">
        <v>0</v>
      </c>
      <c r="DF9" s="280">
        <v>0</v>
      </c>
      <c r="DG9" s="277">
        <v>0</v>
      </c>
      <c r="DH9" s="282">
        <v>0</v>
      </c>
    </row>
    <row r="10" spans="2:112" ht="21" customHeight="1" x14ac:dyDescent="0.2">
      <c r="B10" s="261" t="s">
        <v>7</v>
      </c>
      <c r="C10" s="276">
        <v>0</v>
      </c>
      <c r="D10" s="280">
        <v>0</v>
      </c>
      <c r="E10" s="384">
        <v>0</v>
      </c>
      <c r="F10" s="279">
        <v>0</v>
      </c>
      <c r="G10" s="280">
        <v>17480</v>
      </c>
      <c r="H10" s="280">
        <v>18479</v>
      </c>
      <c r="I10" s="280">
        <v>19681</v>
      </c>
      <c r="J10" s="280">
        <v>29580</v>
      </c>
      <c r="K10" s="280">
        <v>24530</v>
      </c>
      <c r="L10" s="281">
        <v>109750</v>
      </c>
      <c r="M10" s="282">
        <v>109750</v>
      </c>
      <c r="N10" s="276">
        <v>0</v>
      </c>
      <c r="O10" s="280">
        <v>0</v>
      </c>
      <c r="P10" s="277">
        <v>0</v>
      </c>
      <c r="Q10" s="279">
        <v>0</v>
      </c>
      <c r="R10" s="280">
        <v>51</v>
      </c>
      <c r="S10" s="280">
        <v>217</v>
      </c>
      <c r="T10" s="280">
        <v>279</v>
      </c>
      <c r="U10" s="280">
        <v>594</v>
      </c>
      <c r="V10" s="280">
        <v>911</v>
      </c>
      <c r="W10" s="277">
        <v>2052</v>
      </c>
      <c r="X10" s="282">
        <v>2052</v>
      </c>
      <c r="Y10" s="276">
        <v>119</v>
      </c>
      <c r="Z10" s="280">
        <v>158</v>
      </c>
      <c r="AA10" s="277">
        <v>277</v>
      </c>
      <c r="AB10" s="279">
        <v>0</v>
      </c>
      <c r="AC10" s="280">
        <v>3746</v>
      </c>
      <c r="AD10" s="280">
        <v>4413</v>
      </c>
      <c r="AE10" s="280">
        <v>2962</v>
      </c>
      <c r="AF10" s="280">
        <v>3324</v>
      </c>
      <c r="AG10" s="280">
        <v>2547</v>
      </c>
      <c r="AH10" s="277">
        <v>16992</v>
      </c>
      <c r="AI10" s="282">
        <v>17269</v>
      </c>
      <c r="AJ10" s="276">
        <v>34</v>
      </c>
      <c r="AK10" s="280">
        <v>77</v>
      </c>
      <c r="AL10" s="277">
        <v>111</v>
      </c>
      <c r="AM10" s="279">
        <v>0</v>
      </c>
      <c r="AN10" s="280">
        <v>691</v>
      </c>
      <c r="AO10" s="280">
        <v>919</v>
      </c>
      <c r="AP10" s="280">
        <v>653</v>
      </c>
      <c r="AQ10" s="280">
        <v>624</v>
      </c>
      <c r="AR10" s="280">
        <v>361</v>
      </c>
      <c r="AS10" s="277">
        <v>3248</v>
      </c>
      <c r="AT10" s="282">
        <v>3359</v>
      </c>
      <c r="AU10" s="276">
        <v>0</v>
      </c>
      <c r="AV10" s="280">
        <v>0</v>
      </c>
      <c r="AW10" s="277">
        <v>0</v>
      </c>
      <c r="AX10" s="279">
        <v>0</v>
      </c>
      <c r="AY10" s="280">
        <v>13768</v>
      </c>
      <c r="AZ10" s="280">
        <v>9696</v>
      </c>
      <c r="BA10" s="280">
        <v>5509</v>
      </c>
      <c r="BB10" s="280">
        <v>3190</v>
      </c>
      <c r="BC10" s="280">
        <v>1269</v>
      </c>
      <c r="BD10" s="281">
        <v>33432</v>
      </c>
      <c r="BE10" s="282">
        <v>33432</v>
      </c>
      <c r="BF10" s="276">
        <v>0</v>
      </c>
      <c r="BG10" s="280">
        <v>0</v>
      </c>
      <c r="BH10" s="277">
        <v>0</v>
      </c>
      <c r="BI10" s="279">
        <v>0</v>
      </c>
      <c r="BJ10" s="280">
        <v>1959</v>
      </c>
      <c r="BK10" s="280">
        <v>1777</v>
      </c>
      <c r="BL10" s="280">
        <v>1010</v>
      </c>
      <c r="BM10" s="280">
        <v>500</v>
      </c>
      <c r="BN10" s="280">
        <v>145</v>
      </c>
      <c r="BO10" s="277">
        <v>5391</v>
      </c>
      <c r="BP10" s="282">
        <v>5391</v>
      </c>
      <c r="BQ10" s="276">
        <v>8</v>
      </c>
      <c r="BR10" s="280">
        <v>14</v>
      </c>
      <c r="BS10" s="277">
        <v>22</v>
      </c>
      <c r="BT10" s="279">
        <v>0</v>
      </c>
      <c r="BU10" s="280">
        <v>1575</v>
      </c>
      <c r="BV10" s="280">
        <v>2587</v>
      </c>
      <c r="BW10" s="280">
        <v>2594</v>
      </c>
      <c r="BX10" s="280">
        <v>2107</v>
      </c>
      <c r="BY10" s="280">
        <v>924</v>
      </c>
      <c r="BZ10" s="277">
        <v>9787</v>
      </c>
      <c r="CA10" s="282">
        <v>9809</v>
      </c>
      <c r="CB10" s="276">
        <v>0</v>
      </c>
      <c r="CC10" s="280">
        <v>0</v>
      </c>
      <c r="CD10" s="277">
        <v>0</v>
      </c>
      <c r="CE10" s="279">
        <v>0</v>
      </c>
      <c r="CF10" s="280">
        <v>31</v>
      </c>
      <c r="CG10" s="280">
        <v>118</v>
      </c>
      <c r="CH10" s="280">
        <v>160</v>
      </c>
      <c r="CI10" s="280">
        <v>137</v>
      </c>
      <c r="CJ10" s="280">
        <v>76</v>
      </c>
      <c r="CK10" s="277">
        <v>522</v>
      </c>
      <c r="CL10" s="282">
        <v>522</v>
      </c>
      <c r="CM10" s="276">
        <v>0</v>
      </c>
      <c r="CN10" s="280">
        <v>0</v>
      </c>
      <c r="CO10" s="277">
        <v>0</v>
      </c>
      <c r="CP10" s="279">
        <v>0</v>
      </c>
      <c r="CQ10" s="280">
        <v>0</v>
      </c>
      <c r="CR10" s="280">
        <v>0</v>
      </c>
      <c r="CS10" s="280">
        <v>0</v>
      </c>
      <c r="CT10" s="280">
        <v>0</v>
      </c>
      <c r="CU10" s="280">
        <v>0</v>
      </c>
      <c r="CV10" s="277">
        <v>0</v>
      </c>
      <c r="CW10" s="282">
        <v>0</v>
      </c>
      <c r="CX10" s="276">
        <v>0</v>
      </c>
      <c r="CY10" s="280">
        <v>0</v>
      </c>
      <c r="CZ10" s="277">
        <v>0</v>
      </c>
      <c r="DA10" s="279">
        <v>0</v>
      </c>
      <c r="DB10" s="280">
        <v>0</v>
      </c>
      <c r="DC10" s="280">
        <v>0</v>
      </c>
      <c r="DD10" s="280">
        <v>0</v>
      </c>
      <c r="DE10" s="280">
        <v>0</v>
      </c>
      <c r="DF10" s="280">
        <v>0</v>
      </c>
      <c r="DG10" s="277">
        <v>0</v>
      </c>
      <c r="DH10" s="282">
        <v>0</v>
      </c>
    </row>
    <row r="11" spans="2:112" ht="21" customHeight="1" x14ac:dyDescent="0.2">
      <c r="B11" s="261" t="s">
        <v>8</v>
      </c>
      <c r="C11" s="276">
        <v>0</v>
      </c>
      <c r="D11" s="280">
        <v>0</v>
      </c>
      <c r="E11" s="384">
        <v>0</v>
      </c>
      <c r="F11" s="279">
        <v>0</v>
      </c>
      <c r="G11" s="280">
        <v>6740</v>
      </c>
      <c r="H11" s="280">
        <v>12495</v>
      </c>
      <c r="I11" s="280">
        <v>13416</v>
      </c>
      <c r="J11" s="280">
        <v>15137</v>
      </c>
      <c r="K11" s="280">
        <v>15687</v>
      </c>
      <c r="L11" s="281">
        <v>63475</v>
      </c>
      <c r="M11" s="282">
        <v>63475</v>
      </c>
      <c r="N11" s="276">
        <v>0</v>
      </c>
      <c r="O11" s="280">
        <v>0</v>
      </c>
      <c r="P11" s="277">
        <v>0</v>
      </c>
      <c r="Q11" s="279">
        <v>0</v>
      </c>
      <c r="R11" s="280">
        <v>11</v>
      </c>
      <c r="S11" s="280">
        <v>43</v>
      </c>
      <c r="T11" s="280">
        <v>132</v>
      </c>
      <c r="U11" s="280">
        <v>310</v>
      </c>
      <c r="V11" s="280">
        <v>502</v>
      </c>
      <c r="W11" s="277">
        <v>998</v>
      </c>
      <c r="X11" s="282">
        <v>998</v>
      </c>
      <c r="Y11" s="276">
        <v>196</v>
      </c>
      <c r="Z11" s="280">
        <v>366</v>
      </c>
      <c r="AA11" s="277">
        <v>562</v>
      </c>
      <c r="AB11" s="279">
        <v>0</v>
      </c>
      <c r="AC11" s="280">
        <v>1680</v>
      </c>
      <c r="AD11" s="280">
        <v>2542</v>
      </c>
      <c r="AE11" s="280">
        <v>1754</v>
      </c>
      <c r="AF11" s="280">
        <v>1632</v>
      </c>
      <c r="AG11" s="280">
        <v>1820</v>
      </c>
      <c r="AH11" s="277">
        <v>9428</v>
      </c>
      <c r="AI11" s="282">
        <v>9990</v>
      </c>
      <c r="AJ11" s="276">
        <v>70</v>
      </c>
      <c r="AK11" s="280">
        <v>140</v>
      </c>
      <c r="AL11" s="277">
        <v>210</v>
      </c>
      <c r="AM11" s="279">
        <v>0</v>
      </c>
      <c r="AN11" s="280">
        <v>530</v>
      </c>
      <c r="AO11" s="280">
        <v>977</v>
      </c>
      <c r="AP11" s="280">
        <v>666</v>
      </c>
      <c r="AQ11" s="280">
        <v>588</v>
      </c>
      <c r="AR11" s="280">
        <v>365</v>
      </c>
      <c r="AS11" s="277">
        <v>3126</v>
      </c>
      <c r="AT11" s="282">
        <v>3336</v>
      </c>
      <c r="AU11" s="276">
        <v>0</v>
      </c>
      <c r="AV11" s="280">
        <v>0</v>
      </c>
      <c r="AW11" s="277">
        <v>0</v>
      </c>
      <c r="AX11" s="279">
        <v>0</v>
      </c>
      <c r="AY11" s="280">
        <v>5497</v>
      </c>
      <c r="AZ11" s="280">
        <v>6152</v>
      </c>
      <c r="BA11" s="280">
        <v>4309</v>
      </c>
      <c r="BB11" s="280">
        <v>2453</v>
      </c>
      <c r="BC11" s="280">
        <v>1466</v>
      </c>
      <c r="BD11" s="281">
        <v>19877</v>
      </c>
      <c r="BE11" s="282">
        <v>19877</v>
      </c>
      <c r="BF11" s="276">
        <v>0</v>
      </c>
      <c r="BG11" s="280">
        <v>0</v>
      </c>
      <c r="BH11" s="277">
        <v>0</v>
      </c>
      <c r="BI11" s="279">
        <v>0</v>
      </c>
      <c r="BJ11" s="280">
        <v>832</v>
      </c>
      <c r="BK11" s="280">
        <v>1287</v>
      </c>
      <c r="BL11" s="280">
        <v>790</v>
      </c>
      <c r="BM11" s="280">
        <v>486</v>
      </c>
      <c r="BN11" s="280">
        <v>135</v>
      </c>
      <c r="BO11" s="277">
        <v>3530</v>
      </c>
      <c r="BP11" s="282">
        <v>3530</v>
      </c>
      <c r="BQ11" s="276">
        <v>8</v>
      </c>
      <c r="BR11" s="280">
        <v>23</v>
      </c>
      <c r="BS11" s="277">
        <v>31</v>
      </c>
      <c r="BT11" s="279">
        <v>0</v>
      </c>
      <c r="BU11" s="280">
        <v>512</v>
      </c>
      <c r="BV11" s="280">
        <v>1063</v>
      </c>
      <c r="BW11" s="280">
        <v>2329</v>
      </c>
      <c r="BX11" s="280">
        <v>1388</v>
      </c>
      <c r="BY11" s="280">
        <v>862</v>
      </c>
      <c r="BZ11" s="277">
        <v>6154</v>
      </c>
      <c r="CA11" s="282">
        <v>6185</v>
      </c>
      <c r="CB11" s="276">
        <v>0</v>
      </c>
      <c r="CC11" s="280">
        <v>0</v>
      </c>
      <c r="CD11" s="277">
        <v>0</v>
      </c>
      <c r="CE11" s="279">
        <v>0</v>
      </c>
      <c r="CF11" s="280">
        <v>10</v>
      </c>
      <c r="CG11" s="280">
        <v>25</v>
      </c>
      <c r="CH11" s="280">
        <v>48</v>
      </c>
      <c r="CI11" s="280">
        <v>9</v>
      </c>
      <c r="CJ11" s="280">
        <v>8</v>
      </c>
      <c r="CK11" s="277">
        <v>100</v>
      </c>
      <c r="CL11" s="282">
        <v>100</v>
      </c>
      <c r="CM11" s="276">
        <v>0</v>
      </c>
      <c r="CN11" s="280">
        <v>0</v>
      </c>
      <c r="CO11" s="277">
        <v>0</v>
      </c>
      <c r="CP11" s="279">
        <v>0</v>
      </c>
      <c r="CQ11" s="280">
        <v>0</v>
      </c>
      <c r="CR11" s="280">
        <v>0</v>
      </c>
      <c r="CS11" s="280">
        <v>0</v>
      </c>
      <c r="CT11" s="280">
        <v>0</v>
      </c>
      <c r="CU11" s="280">
        <v>0</v>
      </c>
      <c r="CV11" s="277">
        <v>0</v>
      </c>
      <c r="CW11" s="282">
        <v>0</v>
      </c>
      <c r="CX11" s="276">
        <v>0</v>
      </c>
      <c r="CY11" s="280">
        <v>0</v>
      </c>
      <c r="CZ11" s="277">
        <v>0</v>
      </c>
      <c r="DA11" s="279">
        <v>0</v>
      </c>
      <c r="DB11" s="280">
        <v>0</v>
      </c>
      <c r="DC11" s="280">
        <v>0</v>
      </c>
      <c r="DD11" s="280">
        <v>0</v>
      </c>
      <c r="DE11" s="280">
        <v>0</v>
      </c>
      <c r="DF11" s="280">
        <v>0</v>
      </c>
      <c r="DG11" s="277">
        <v>0</v>
      </c>
      <c r="DH11" s="282">
        <v>0</v>
      </c>
    </row>
    <row r="12" spans="2:112" ht="21" customHeight="1" x14ac:dyDescent="0.2">
      <c r="B12" s="261" t="s">
        <v>9</v>
      </c>
      <c r="C12" s="276">
        <v>0</v>
      </c>
      <c r="D12" s="280">
        <v>0</v>
      </c>
      <c r="E12" s="384">
        <v>0</v>
      </c>
      <c r="F12" s="279">
        <v>0</v>
      </c>
      <c r="G12" s="280">
        <v>6113</v>
      </c>
      <c r="H12" s="280">
        <v>8754</v>
      </c>
      <c r="I12" s="280">
        <v>10346</v>
      </c>
      <c r="J12" s="280">
        <v>15904</v>
      </c>
      <c r="K12" s="280">
        <v>15882</v>
      </c>
      <c r="L12" s="281">
        <v>56999</v>
      </c>
      <c r="M12" s="282">
        <v>56999</v>
      </c>
      <c r="N12" s="276">
        <v>0</v>
      </c>
      <c r="O12" s="280">
        <v>0</v>
      </c>
      <c r="P12" s="277">
        <v>0</v>
      </c>
      <c r="Q12" s="279">
        <v>0</v>
      </c>
      <c r="R12" s="280">
        <v>10</v>
      </c>
      <c r="S12" s="280">
        <v>25</v>
      </c>
      <c r="T12" s="280">
        <v>67</v>
      </c>
      <c r="U12" s="280">
        <v>273</v>
      </c>
      <c r="V12" s="280">
        <v>540</v>
      </c>
      <c r="W12" s="277">
        <v>915</v>
      </c>
      <c r="X12" s="282">
        <v>915</v>
      </c>
      <c r="Y12" s="276">
        <v>223</v>
      </c>
      <c r="Z12" s="280">
        <v>500</v>
      </c>
      <c r="AA12" s="277">
        <v>723</v>
      </c>
      <c r="AB12" s="279">
        <v>0</v>
      </c>
      <c r="AC12" s="280">
        <v>3342</v>
      </c>
      <c r="AD12" s="280">
        <v>3090</v>
      </c>
      <c r="AE12" s="280">
        <v>2091</v>
      </c>
      <c r="AF12" s="280">
        <v>2517</v>
      </c>
      <c r="AG12" s="280">
        <v>2287</v>
      </c>
      <c r="AH12" s="277">
        <v>13327</v>
      </c>
      <c r="AI12" s="282">
        <v>14050</v>
      </c>
      <c r="AJ12" s="276">
        <v>24</v>
      </c>
      <c r="AK12" s="280">
        <v>153</v>
      </c>
      <c r="AL12" s="277">
        <v>177</v>
      </c>
      <c r="AM12" s="279">
        <v>0</v>
      </c>
      <c r="AN12" s="280">
        <v>546</v>
      </c>
      <c r="AO12" s="280">
        <v>677</v>
      </c>
      <c r="AP12" s="280">
        <v>642</v>
      </c>
      <c r="AQ12" s="280">
        <v>608</v>
      </c>
      <c r="AR12" s="280">
        <v>520</v>
      </c>
      <c r="AS12" s="277">
        <v>2993</v>
      </c>
      <c r="AT12" s="282">
        <v>3170</v>
      </c>
      <c r="AU12" s="276">
        <v>0</v>
      </c>
      <c r="AV12" s="280">
        <v>0</v>
      </c>
      <c r="AW12" s="277">
        <v>0</v>
      </c>
      <c r="AX12" s="279">
        <v>0</v>
      </c>
      <c r="AY12" s="280">
        <v>4336</v>
      </c>
      <c r="AZ12" s="280">
        <v>3226</v>
      </c>
      <c r="BA12" s="280">
        <v>2441</v>
      </c>
      <c r="BB12" s="280">
        <v>1513</v>
      </c>
      <c r="BC12" s="280">
        <v>617</v>
      </c>
      <c r="BD12" s="281">
        <v>12133</v>
      </c>
      <c r="BE12" s="282">
        <v>12133</v>
      </c>
      <c r="BF12" s="276">
        <v>0</v>
      </c>
      <c r="BG12" s="280">
        <v>0</v>
      </c>
      <c r="BH12" s="277">
        <v>0</v>
      </c>
      <c r="BI12" s="279">
        <v>0</v>
      </c>
      <c r="BJ12" s="280">
        <v>905</v>
      </c>
      <c r="BK12" s="280">
        <v>920</v>
      </c>
      <c r="BL12" s="280">
        <v>628</v>
      </c>
      <c r="BM12" s="280">
        <v>443</v>
      </c>
      <c r="BN12" s="280">
        <v>184</v>
      </c>
      <c r="BO12" s="277">
        <v>3080</v>
      </c>
      <c r="BP12" s="282">
        <v>3080</v>
      </c>
      <c r="BQ12" s="276">
        <v>12</v>
      </c>
      <c r="BR12" s="280">
        <v>21</v>
      </c>
      <c r="BS12" s="277">
        <v>33</v>
      </c>
      <c r="BT12" s="279">
        <v>0</v>
      </c>
      <c r="BU12" s="280">
        <v>388</v>
      </c>
      <c r="BV12" s="280">
        <v>909</v>
      </c>
      <c r="BW12" s="280">
        <v>1581</v>
      </c>
      <c r="BX12" s="280">
        <v>1219</v>
      </c>
      <c r="BY12" s="280">
        <v>575</v>
      </c>
      <c r="BZ12" s="277">
        <v>4672</v>
      </c>
      <c r="CA12" s="282">
        <v>4705</v>
      </c>
      <c r="CB12" s="276">
        <v>0</v>
      </c>
      <c r="CC12" s="280">
        <v>0</v>
      </c>
      <c r="CD12" s="277">
        <v>0</v>
      </c>
      <c r="CE12" s="279">
        <v>0</v>
      </c>
      <c r="CF12" s="280">
        <v>28</v>
      </c>
      <c r="CG12" s="280">
        <v>52</v>
      </c>
      <c r="CH12" s="280">
        <v>135</v>
      </c>
      <c r="CI12" s="280">
        <v>140</v>
      </c>
      <c r="CJ12" s="280">
        <v>85</v>
      </c>
      <c r="CK12" s="277">
        <v>440</v>
      </c>
      <c r="CL12" s="282">
        <v>440</v>
      </c>
      <c r="CM12" s="276">
        <v>0</v>
      </c>
      <c r="CN12" s="280">
        <v>0</v>
      </c>
      <c r="CO12" s="277">
        <v>0</v>
      </c>
      <c r="CP12" s="279">
        <v>0</v>
      </c>
      <c r="CQ12" s="280">
        <v>0</v>
      </c>
      <c r="CR12" s="280">
        <v>0</v>
      </c>
      <c r="CS12" s="280">
        <v>0</v>
      </c>
      <c r="CT12" s="280">
        <v>0</v>
      </c>
      <c r="CU12" s="280">
        <v>0</v>
      </c>
      <c r="CV12" s="277">
        <v>0</v>
      </c>
      <c r="CW12" s="282">
        <v>0</v>
      </c>
      <c r="CX12" s="276">
        <v>0</v>
      </c>
      <c r="CY12" s="280">
        <v>0</v>
      </c>
      <c r="CZ12" s="277">
        <v>0</v>
      </c>
      <c r="DA12" s="279">
        <v>0</v>
      </c>
      <c r="DB12" s="280">
        <v>0</v>
      </c>
      <c r="DC12" s="280">
        <v>0</v>
      </c>
      <c r="DD12" s="280">
        <v>0</v>
      </c>
      <c r="DE12" s="280">
        <v>0</v>
      </c>
      <c r="DF12" s="280">
        <v>0</v>
      </c>
      <c r="DG12" s="277">
        <v>0</v>
      </c>
      <c r="DH12" s="282">
        <v>0</v>
      </c>
    </row>
    <row r="13" spans="2:112" ht="21" customHeight="1" x14ac:dyDescent="0.2">
      <c r="B13" s="261" t="s">
        <v>10</v>
      </c>
      <c r="C13" s="276">
        <v>0</v>
      </c>
      <c r="D13" s="280">
        <v>0</v>
      </c>
      <c r="E13" s="384">
        <v>0</v>
      </c>
      <c r="F13" s="279">
        <v>0</v>
      </c>
      <c r="G13" s="280">
        <v>17023</v>
      </c>
      <c r="H13" s="280">
        <v>15850</v>
      </c>
      <c r="I13" s="280">
        <v>18280</v>
      </c>
      <c r="J13" s="280">
        <v>27531</v>
      </c>
      <c r="K13" s="280">
        <v>23400</v>
      </c>
      <c r="L13" s="281">
        <v>102084</v>
      </c>
      <c r="M13" s="282">
        <v>102084</v>
      </c>
      <c r="N13" s="276">
        <v>0</v>
      </c>
      <c r="O13" s="280">
        <v>9</v>
      </c>
      <c r="P13" s="277">
        <v>9</v>
      </c>
      <c r="Q13" s="279">
        <v>0</v>
      </c>
      <c r="R13" s="280">
        <v>29</v>
      </c>
      <c r="S13" s="280">
        <v>126</v>
      </c>
      <c r="T13" s="280">
        <v>200</v>
      </c>
      <c r="U13" s="280">
        <v>539</v>
      </c>
      <c r="V13" s="280">
        <v>945</v>
      </c>
      <c r="W13" s="277">
        <v>1839</v>
      </c>
      <c r="X13" s="282">
        <v>1848</v>
      </c>
      <c r="Y13" s="276">
        <v>906</v>
      </c>
      <c r="Z13" s="280">
        <v>2196</v>
      </c>
      <c r="AA13" s="277">
        <v>3102</v>
      </c>
      <c r="AB13" s="279">
        <v>0</v>
      </c>
      <c r="AC13" s="280">
        <v>7462</v>
      </c>
      <c r="AD13" s="280">
        <v>5266</v>
      </c>
      <c r="AE13" s="280">
        <v>3485</v>
      </c>
      <c r="AF13" s="280">
        <v>3128</v>
      </c>
      <c r="AG13" s="280">
        <v>2946</v>
      </c>
      <c r="AH13" s="277">
        <v>22287</v>
      </c>
      <c r="AI13" s="282">
        <v>25389</v>
      </c>
      <c r="AJ13" s="276">
        <v>229</v>
      </c>
      <c r="AK13" s="280">
        <v>444</v>
      </c>
      <c r="AL13" s="277">
        <v>673</v>
      </c>
      <c r="AM13" s="279">
        <v>0</v>
      </c>
      <c r="AN13" s="280">
        <v>1245</v>
      </c>
      <c r="AO13" s="280">
        <v>1101</v>
      </c>
      <c r="AP13" s="280">
        <v>584</v>
      </c>
      <c r="AQ13" s="280">
        <v>564</v>
      </c>
      <c r="AR13" s="280">
        <v>545</v>
      </c>
      <c r="AS13" s="277">
        <v>4039</v>
      </c>
      <c r="AT13" s="282">
        <v>4712</v>
      </c>
      <c r="AU13" s="276">
        <v>0</v>
      </c>
      <c r="AV13" s="280">
        <v>0</v>
      </c>
      <c r="AW13" s="277">
        <v>0</v>
      </c>
      <c r="AX13" s="279">
        <v>0</v>
      </c>
      <c r="AY13" s="280">
        <v>13254</v>
      </c>
      <c r="AZ13" s="280">
        <v>7938</v>
      </c>
      <c r="BA13" s="280">
        <v>5433</v>
      </c>
      <c r="BB13" s="280">
        <v>3183</v>
      </c>
      <c r="BC13" s="280">
        <v>1330</v>
      </c>
      <c r="BD13" s="281">
        <v>31138</v>
      </c>
      <c r="BE13" s="282">
        <v>31138</v>
      </c>
      <c r="BF13" s="276">
        <v>0</v>
      </c>
      <c r="BG13" s="280">
        <v>0</v>
      </c>
      <c r="BH13" s="277">
        <v>0</v>
      </c>
      <c r="BI13" s="279">
        <v>0</v>
      </c>
      <c r="BJ13" s="280">
        <v>1930</v>
      </c>
      <c r="BK13" s="280">
        <v>1357</v>
      </c>
      <c r="BL13" s="280">
        <v>662</v>
      </c>
      <c r="BM13" s="280">
        <v>491</v>
      </c>
      <c r="BN13" s="280">
        <v>166</v>
      </c>
      <c r="BO13" s="277">
        <v>4606</v>
      </c>
      <c r="BP13" s="282">
        <v>4606</v>
      </c>
      <c r="BQ13" s="276">
        <v>77</v>
      </c>
      <c r="BR13" s="280">
        <v>114</v>
      </c>
      <c r="BS13" s="277">
        <v>191</v>
      </c>
      <c r="BT13" s="279">
        <v>0</v>
      </c>
      <c r="BU13" s="280">
        <v>1029</v>
      </c>
      <c r="BV13" s="280">
        <v>1353</v>
      </c>
      <c r="BW13" s="280">
        <v>2233</v>
      </c>
      <c r="BX13" s="280">
        <v>1848</v>
      </c>
      <c r="BY13" s="280">
        <v>922</v>
      </c>
      <c r="BZ13" s="277">
        <v>7385</v>
      </c>
      <c r="CA13" s="282">
        <v>7576</v>
      </c>
      <c r="CB13" s="276">
        <v>0</v>
      </c>
      <c r="CC13" s="280">
        <v>16</v>
      </c>
      <c r="CD13" s="277">
        <v>16</v>
      </c>
      <c r="CE13" s="279">
        <v>0</v>
      </c>
      <c r="CF13" s="280">
        <v>46</v>
      </c>
      <c r="CG13" s="280">
        <v>121</v>
      </c>
      <c r="CH13" s="280">
        <v>116</v>
      </c>
      <c r="CI13" s="280">
        <v>70</v>
      </c>
      <c r="CJ13" s="280">
        <v>61</v>
      </c>
      <c r="CK13" s="277">
        <v>414</v>
      </c>
      <c r="CL13" s="282">
        <v>430</v>
      </c>
      <c r="CM13" s="276">
        <v>0</v>
      </c>
      <c r="CN13" s="280">
        <v>0</v>
      </c>
      <c r="CO13" s="277">
        <v>0</v>
      </c>
      <c r="CP13" s="279">
        <v>0</v>
      </c>
      <c r="CQ13" s="280">
        <v>0</v>
      </c>
      <c r="CR13" s="280">
        <v>0</v>
      </c>
      <c r="CS13" s="280">
        <v>0</v>
      </c>
      <c r="CT13" s="280">
        <v>0</v>
      </c>
      <c r="CU13" s="280">
        <v>0</v>
      </c>
      <c r="CV13" s="277">
        <v>0</v>
      </c>
      <c r="CW13" s="282">
        <v>0</v>
      </c>
      <c r="CX13" s="276">
        <v>0</v>
      </c>
      <c r="CY13" s="280">
        <v>0</v>
      </c>
      <c r="CZ13" s="277">
        <v>0</v>
      </c>
      <c r="DA13" s="279">
        <v>0</v>
      </c>
      <c r="DB13" s="280">
        <v>0</v>
      </c>
      <c r="DC13" s="280">
        <v>0</v>
      </c>
      <c r="DD13" s="280">
        <v>0</v>
      </c>
      <c r="DE13" s="280">
        <v>0</v>
      </c>
      <c r="DF13" s="280">
        <v>0</v>
      </c>
      <c r="DG13" s="277">
        <v>0</v>
      </c>
      <c r="DH13" s="282">
        <v>0</v>
      </c>
    </row>
    <row r="14" spans="2:112" ht="21" customHeight="1" x14ac:dyDescent="0.2">
      <c r="B14" s="261" t="s">
        <v>11</v>
      </c>
      <c r="C14" s="276">
        <v>0</v>
      </c>
      <c r="D14" s="280">
        <v>0</v>
      </c>
      <c r="E14" s="384">
        <v>0</v>
      </c>
      <c r="F14" s="279">
        <v>0</v>
      </c>
      <c r="G14" s="280">
        <v>6065</v>
      </c>
      <c r="H14" s="280">
        <v>6913</v>
      </c>
      <c r="I14" s="280">
        <v>8656</v>
      </c>
      <c r="J14" s="280">
        <v>10040</v>
      </c>
      <c r="K14" s="280">
        <v>9778</v>
      </c>
      <c r="L14" s="281">
        <v>41452</v>
      </c>
      <c r="M14" s="282">
        <v>41452</v>
      </c>
      <c r="N14" s="276">
        <v>0</v>
      </c>
      <c r="O14" s="280">
        <v>8</v>
      </c>
      <c r="P14" s="277">
        <v>8</v>
      </c>
      <c r="Q14" s="279">
        <v>0</v>
      </c>
      <c r="R14" s="280">
        <v>22</v>
      </c>
      <c r="S14" s="280">
        <v>63</v>
      </c>
      <c r="T14" s="280">
        <v>116</v>
      </c>
      <c r="U14" s="280">
        <v>204</v>
      </c>
      <c r="V14" s="280">
        <v>302</v>
      </c>
      <c r="W14" s="277">
        <v>707</v>
      </c>
      <c r="X14" s="282">
        <v>715</v>
      </c>
      <c r="Y14" s="276">
        <v>174</v>
      </c>
      <c r="Z14" s="280">
        <v>394</v>
      </c>
      <c r="AA14" s="277">
        <v>568</v>
      </c>
      <c r="AB14" s="279">
        <v>0</v>
      </c>
      <c r="AC14" s="280">
        <v>2612</v>
      </c>
      <c r="AD14" s="280">
        <v>2107</v>
      </c>
      <c r="AE14" s="280">
        <v>1791</v>
      </c>
      <c r="AF14" s="280">
        <v>1660</v>
      </c>
      <c r="AG14" s="280">
        <v>1528</v>
      </c>
      <c r="AH14" s="277">
        <v>9698</v>
      </c>
      <c r="AI14" s="282">
        <v>10266</v>
      </c>
      <c r="AJ14" s="276">
        <v>27</v>
      </c>
      <c r="AK14" s="280">
        <v>82</v>
      </c>
      <c r="AL14" s="277">
        <v>109</v>
      </c>
      <c r="AM14" s="279">
        <v>0</v>
      </c>
      <c r="AN14" s="280">
        <v>455</v>
      </c>
      <c r="AO14" s="280">
        <v>329</v>
      </c>
      <c r="AP14" s="280">
        <v>424</v>
      </c>
      <c r="AQ14" s="280">
        <v>302</v>
      </c>
      <c r="AR14" s="280">
        <v>98</v>
      </c>
      <c r="AS14" s="277">
        <v>1608</v>
      </c>
      <c r="AT14" s="282">
        <v>1717</v>
      </c>
      <c r="AU14" s="276">
        <v>0</v>
      </c>
      <c r="AV14" s="280">
        <v>0</v>
      </c>
      <c r="AW14" s="277">
        <v>0</v>
      </c>
      <c r="AX14" s="279">
        <v>0</v>
      </c>
      <c r="AY14" s="280">
        <v>6374</v>
      </c>
      <c r="AZ14" s="280">
        <v>3659</v>
      </c>
      <c r="BA14" s="280">
        <v>3097</v>
      </c>
      <c r="BB14" s="280">
        <v>2163</v>
      </c>
      <c r="BC14" s="280">
        <v>886</v>
      </c>
      <c r="BD14" s="281">
        <v>16179</v>
      </c>
      <c r="BE14" s="282">
        <v>16179</v>
      </c>
      <c r="BF14" s="276">
        <v>0</v>
      </c>
      <c r="BG14" s="280">
        <v>0</v>
      </c>
      <c r="BH14" s="277">
        <v>0</v>
      </c>
      <c r="BI14" s="279">
        <v>0</v>
      </c>
      <c r="BJ14" s="280">
        <v>1433</v>
      </c>
      <c r="BK14" s="280">
        <v>963</v>
      </c>
      <c r="BL14" s="280">
        <v>663</v>
      </c>
      <c r="BM14" s="280">
        <v>444</v>
      </c>
      <c r="BN14" s="280">
        <v>121</v>
      </c>
      <c r="BO14" s="277">
        <v>3624</v>
      </c>
      <c r="BP14" s="282">
        <v>3624</v>
      </c>
      <c r="BQ14" s="276">
        <v>24</v>
      </c>
      <c r="BR14" s="280">
        <v>50</v>
      </c>
      <c r="BS14" s="277">
        <v>74</v>
      </c>
      <c r="BT14" s="279">
        <v>0</v>
      </c>
      <c r="BU14" s="280">
        <v>691</v>
      </c>
      <c r="BV14" s="280">
        <v>662</v>
      </c>
      <c r="BW14" s="280">
        <v>1357</v>
      </c>
      <c r="BX14" s="280">
        <v>1242</v>
      </c>
      <c r="BY14" s="280">
        <v>396</v>
      </c>
      <c r="BZ14" s="277">
        <v>4348</v>
      </c>
      <c r="CA14" s="282">
        <v>4422</v>
      </c>
      <c r="CB14" s="276">
        <v>0</v>
      </c>
      <c r="CC14" s="280">
        <v>0</v>
      </c>
      <c r="CD14" s="277">
        <v>0</v>
      </c>
      <c r="CE14" s="279">
        <v>0</v>
      </c>
      <c r="CF14" s="280">
        <v>31</v>
      </c>
      <c r="CG14" s="280">
        <v>41</v>
      </c>
      <c r="CH14" s="280">
        <v>87</v>
      </c>
      <c r="CI14" s="280">
        <v>60</v>
      </c>
      <c r="CJ14" s="280">
        <v>92</v>
      </c>
      <c r="CK14" s="277">
        <v>311</v>
      </c>
      <c r="CL14" s="282">
        <v>311</v>
      </c>
      <c r="CM14" s="276">
        <v>0</v>
      </c>
      <c r="CN14" s="280">
        <v>0</v>
      </c>
      <c r="CO14" s="277">
        <v>0</v>
      </c>
      <c r="CP14" s="279">
        <v>0</v>
      </c>
      <c r="CQ14" s="280">
        <v>0</v>
      </c>
      <c r="CR14" s="280">
        <v>0</v>
      </c>
      <c r="CS14" s="280">
        <v>0</v>
      </c>
      <c r="CT14" s="280">
        <v>0</v>
      </c>
      <c r="CU14" s="280">
        <v>0</v>
      </c>
      <c r="CV14" s="277">
        <v>0</v>
      </c>
      <c r="CW14" s="282">
        <v>0</v>
      </c>
      <c r="CX14" s="276">
        <v>0</v>
      </c>
      <c r="CY14" s="280">
        <v>0</v>
      </c>
      <c r="CZ14" s="277">
        <v>0</v>
      </c>
      <c r="DA14" s="279">
        <v>0</v>
      </c>
      <c r="DB14" s="280">
        <v>0</v>
      </c>
      <c r="DC14" s="280">
        <v>0</v>
      </c>
      <c r="DD14" s="280">
        <v>0</v>
      </c>
      <c r="DE14" s="280">
        <v>0</v>
      </c>
      <c r="DF14" s="280">
        <v>0</v>
      </c>
      <c r="DG14" s="277">
        <v>0</v>
      </c>
      <c r="DH14" s="282">
        <v>0</v>
      </c>
    </row>
    <row r="15" spans="2:112" ht="21" customHeight="1" x14ac:dyDescent="0.2">
      <c r="B15" s="261" t="s">
        <v>12</v>
      </c>
      <c r="C15" s="276">
        <v>0</v>
      </c>
      <c r="D15" s="280">
        <v>0</v>
      </c>
      <c r="E15" s="384">
        <v>0</v>
      </c>
      <c r="F15" s="279">
        <v>0</v>
      </c>
      <c r="G15" s="280">
        <v>5689</v>
      </c>
      <c r="H15" s="280">
        <v>7476</v>
      </c>
      <c r="I15" s="280">
        <v>9657</v>
      </c>
      <c r="J15" s="280">
        <v>13981</v>
      </c>
      <c r="K15" s="280">
        <v>12011</v>
      </c>
      <c r="L15" s="281">
        <v>48814</v>
      </c>
      <c r="M15" s="282">
        <v>48814</v>
      </c>
      <c r="N15" s="276">
        <v>0</v>
      </c>
      <c r="O15" s="280">
        <v>18</v>
      </c>
      <c r="P15" s="277">
        <v>18</v>
      </c>
      <c r="Q15" s="279">
        <v>0</v>
      </c>
      <c r="R15" s="280">
        <v>14</v>
      </c>
      <c r="S15" s="280">
        <v>57</v>
      </c>
      <c r="T15" s="280">
        <v>93</v>
      </c>
      <c r="U15" s="280">
        <v>299</v>
      </c>
      <c r="V15" s="280">
        <v>382</v>
      </c>
      <c r="W15" s="277">
        <v>845</v>
      </c>
      <c r="X15" s="282">
        <v>863</v>
      </c>
      <c r="Y15" s="276">
        <v>436</v>
      </c>
      <c r="Z15" s="280">
        <v>1326</v>
      </c>
      <c r="AA15" s="277">
        <v>1762</v>
      </c>
      <c r="AB15" s="279">
        <v>0</v>
      </c>
      <c r="AC15" s="280">
        <v>1863</v>
      </c>
      <c r="AD15" s="280">
        <v>2389</v>
      </c>
      <c r="AE15" s="280">
        <v>1869</v>
      </c>
      <c r="AF15" s="280">
        <v>1802</v>
      </c>
      <c r="AG15" s="280">
        <v>1195</v>
      </c>
      <c r="AH15" s="277">
        <v>9118</v>
      </c>
      <c r="AI15" s="282">
        <v>10880</v>
      </c>
      <c r="AJ15" s="276">
        <v>36</v>
      </c>
      <c r="AK15" s="280">
        <v>219</v>
      </c>
      <c r="AL15" s="277">
        <v>255</v>
      </c>
      <c r="AM15" s="279">
        <v>0</v>
      </c>
      <c r="AN15" s="280">
        <v>176</v>
      </c>
      <c r="AO15" s="280">
        <v>575</v>
      </c>
      <c r="AP15" s="280">
        <v>429</v>
      </c>
      <c r="AQ15" s="280">
        <v>321</v>
      </c>
      <c r="AR15" s="280">
        <v>159</v>
      </c>
      <c r="AS15" s="277">
        <v>1660</v>
      </c>
      <c r="AT15" s="282">
        <v>1915</v>
      </c>
      <c r="AU15" s="276">
        <v>0</v>
      </c>
      <c r="AV15" s="280">
        <v>0</v>
      </c>
      <c r="AW15" s="277">
        <v>0</v>
      </c>
      <c r="AX15" s="279">
        <v>0</v>
      </c>
      <c r="AY15" s="280">
        <v>5503</v>
      </c>
      <c r="AZ15" s="280">
        <v>4314</v>
      </c>
      <c r="BA15" s="280">
        <v>3234</v>
      </c>
      <c r="BB15" s="280">
        <v>2420</v>
      </c>
      <c r="BC15" s="280">
        <v>1016</v>
      </c>
      <c r="BD15" s="281">
        <v>16487</v>
      </c>
      <c r="BE15" s="282">
        <v>16487</v>
      </c>
      <c r="BF15" s="276">
        <v>0</v>
      </c>
      <c r="BG15" s="280">
        <v>0</v>
      </c>
      <c r="BH15" s="277">
        <v>0</v>
      </c>
      <c r="BI15" s="279">
        <v>0</v>
      </c>
      <c r="BJ15" s="280">
        <v>851</v>
      </c>
      <c r="BK15" s="280">
        <v>1415</v>
      </c>
      <c r="BL15" s="280">
        <v>883</v>
      </c>
      <c r="BM15" s="280">
        <v>603</v>
      </c>
      <c r="BN15" s="280">
        <v>238</v>
      </c>
      <c r="BO15" s="277">
        <v>3990</v>
      </c>
      <c r="BP15" s="282">
        <v>3990</v>
      </c>
      <c r="BQ15" s="276">
        <v>12</v>
      </c>
      <c r="BR15" s="280">
        <v>76</v>
      </c>
      <c r="BS15" s="277">
        <v>88</v>
      </c>
      <c r="BT15" s="279">
        <v>0</v>
      </c>
      <c r="BU15" s="280">
        <v>621</v>
      </c>
      <c r="BV15" s="280">
        <v>618</v>
      </c>
      <c r="BW15" s="280">
        <v>1637</v>
      </c>
      <c r="BX15" s="280">
        <v>1266</v>
      </c>
      <c r="BY15" s="280">
        <v>484</v>
      </c>
      <c r="BZ15" s="277">
        <v>4626</v>
      </c>
      <c r="CA15" s="282">
        <v>4714</v>
      </c>
      <c r="CB15" s="276">
        <v>0</v>
      </c>
      <c r="CC15" s="280">
        <v>0</v>
      </c>
      <c r="CD15" s="277">
        <v>0</v>
      </c>
      <c r="CE15" s="279">
        <v>0</v>
      </c>
      <c r="CF15" s="280">
        <v>11</v>
      </c>
      <c r="CG15" s="280">
        <v>58</v>
      </c>
      <c r="CH15" s="280">
        <v>54</v>
      </c>
      <c r="CI15" s="280">
        <v>28</v>
      </c>
      <c r="CJ15" s="280">
        <v>4</v>
      </c>
      <c r="CK15" s="277">
        <v>155</v>
      </c>
      <c r="CL15" s="282">
        <v>155</v>
      </c>
      <c r="CM15" s="276">
        <v>0</v>
      </c>
      <c r="CN15" s="280">
        <v>0</v>
      </c>
      <c r="CO15" s="277">
        <v>0</v>
      </c>
      <c r="CP15" s="279">
        <v>0</v>
      </c>
      <c r="CQ15" s="280">
        <v>0</v>
      </c>
      <c r="CR15" s="280">
        <v>0</v>
      </c>
      <c r="CS15" s="280">
        <v>0</v>
      </c>
      <c r="CT15" s="280">
        <v>0</v>
      </c>
      <c r="CU15" s="280">
        <v>0</v>
      </c>
      <c r="CV15" s="277">
        <v>0</v>
      </c>
      <c r="CW15" s="282">
        <v>0</v>
      </c>
      <c r="CX15" s="276">
        <v>0</v>
      </c>
      <c r="CY15" s="280">
        <v>0</v>
      </c>
      <c r="CZ15" s="277">
        <v>0</v>
      </c>
      <c r="DA15" s="279">
        <v>0</v>
      </c>
      <c r="DB15" s="280">
        <v>0</v>
      </c>
      <c r="DC15" s="280">
        <v>0</v>
      </c>
      <c r="DD15" s="280">
        <v>0</v>
      </c>
      <c r="DE15" s="280">
        <v>0</v>
      </c>
      <c r="DF15" s="280">
        <v>0</v>
      </c>
      <c r="DG15" s="277">
        <v>0</v>
      </c>
      <c r="DH15" s="282">
        <v>0</v>
      </c>
    </row>
    <row r="16" spans="2:112" ht="21" customHeight="1" x14ac:dyDescent="0.2">
      <c r="B16" s="261" t="s">
        <v>13</v>
      </c>
      <c r="C16" s="276">
        <v>0</v>
      </c>
      <c r="D16" s="280">
        <v>0</v>
      </c>
      <c r="E16" s="384">
        <v>0</v>
      </c>
      <c r="F16" s="279">
        <v>0</v>
      </c>
      <c r="G16" s="280">
        <v>2104</v>
      </c>
      <c r="H16" s="280">
        <v>3623</v>
      </c>
      <c r="I16" s="280">
        <v>3756</v>
      </c>
      <c r="J16" s="280">
        <v>4608</v>
      </c>
      <c r="K16" s="280">
        <v>6479</v>
      </c>
      <c r="L16" s="281">
        <v>20570</v>
      </c>
      <c r="M16" s="282">
        <v>20570</v>
      </c>
      <c r="N16" s="276">
        <v>0</v>
      </c>
      <c r="O16" s="280">
        <v>0</v>
      </c>
      <c r="P16" s="277">
        <v>0</v>
      </c>
      <c r="Q16" s="279">
        <v>0</v>
      </c>
      <c r="R16" s="280">
        <v>3</v>
      </c>
      <c r="S16" s="280">
        <v>18</v>
      </c>
      <c r="T16" s="280">
        <v>22</v>
      </c>
      <c r="U16" s="280">
        <v>91</v>
      </c>
      <c r="V16" s="280">
        <v>166</v>
      </c>
      <c r="W16" s="277">
        <v>300</v>
      </c>
      <c r="X16" s="282">
        <v>300</v>
      </c>
      <c r="Y16" s="276">
        <v>31</v>
      </c>
      <c r="Z16" s="280">
        <v>153</v>
      </c>
      <c r="AA16" s="277">
        <v>184</v>
      </c>
      <c r="AB16" s="279">
        <v>0</v>
      </c>
      <c r="AC16" s="280">
        <v>1009</v>
      </c>
      <c r="AD16" s="280">
        <v>1203</v>
      </c>
      <c r="AE16" s="280">
        <v>887</v>
      </c>
      <c r="AF16" s="280">
        <v>893</v>
      </c>
      <c r="AG16" s="280">
        <v>814</v>
      </c>
      <c r="AH16" s="277">
        <v>4806</v>
      </c>
      <c r="AI16" s="282">
        <v>4990</v>
      </c>
      <c r="AJ16" s="276">
        <v>20</v>
      </c>
      <c r="AK16" s="280">
        <v>68</v>
      </c>
      <c r="AL16" s="277">
        <v>88</v>
      </c>
      <c r="AM16" s="279">
        <v>0</v>
      </c>
      <c r="AN16" s="280">
        <v>195</v>
      </c>
      <c r="AO16" s="280">
        <v>249</v>
      </c>
      <c r="AP16" s="280">
        <v>79</v>
      </c>
      <c r="AQ16" s="280">
        <v>122</v>
      </c>
      <c r="AR16" s="280">
        <v>83</v>
      </c>
      <c r="AS16" s="277">
        <v>728</v>
      </c>
      <c r="AT16" s="282">
        <v>816</v>
      </c>
      <c r="AU16" s="276">
        <v>0</v>
      </c>
      <c r="AV16" s="280">
        <v>0</v>
      </c>
      <c r="AW16" s="277">
        <v>0</v>
      </c>
      <c r="AX16" s="279">
        <v>0</v>
      </c>
      <c r="AY16" s="280">
        <v>1485</v>
      </c>
      <c r="AZ16" s="280">
        <v>1504</v>
      </c>
      <c r="BA16" s="280">
        <v>1124</v>
      </c>
      <c r="BB16" s="280">
        <v>684</v>
      </c>
      <c r="BC16" s="280">
        <v>291</v>
      </c>
      <c r="BD16" s="281">
        <v>5088</v>
      </c>
      <c r="BE16" s="282">
        <v>5088</v>
      </c>
      <c r="BF16" s="276">
        <v>0</v>
      </c>
      <c r="BG16" s="280">
        <v>0</v>
      </c>
      <c r="BH16" s="277">
        <v>0</v>
      </c>
      <c r="BI16" s="279">
        <v>0</v>
      </c>
      <c r="BJ16" s="280">
        <v>189</v>
      </c>
      <c r="BK16" s="280">
        <v>271</v>
      </c>
      <c r="BL16" s="280">
        <v>162</v>
      </c>
      <c r="BM16" s="280">
        <v>177</v>
      </c>
      <c r="BN16" s="280">
        <v>81</v>
      </c>
      <c r="BO16" s="277">
        <v>880</v>
      </c>
      <c r="BP16" s="282">
        <v>880</v>
      </c>
      <c r="BQ16" s="276">
        <v>5</v>
      </c>
      <c r="BR16" s="280">
        <v>9</v>
      </c>
      <c r="BS16" s="277">
        <v>14</v>
      </c>
      <c r="BT16" s="279">
        <v>0</v>
      </c>
      <c r="BU16" s="280">
        <v>117</v>
      </c>
      <c r="BV16" s="280">
        <v>124</v>
      </c>
      <c r="BW16" s="280">
        <v>472</v>
      </c>
      <c r="BX16" s="280">
        <v>501</v>
      </c>
      <c r="BY16" s="280">
        <v>317</v>
      </c>
      <c r="BZ16" s="277">
        <v>1531</v>
      </c>
      <c r="CA16" s="282">
        <v>1545</v>
      </c>
      <c r="CB16" s="276">
        <v>0</v>
      </c>
      <c r="CC16" s="280">
        <v>0</v>
      </c>
      <c r="CD16" s="277">
        <v>0</v>
      </c>
      <c r="CE16" s="279">
        <v>0</v>
      </c>
      <c r="CF16" s="280">
        <v>4</v>
      </c>
      <c r="CG16" s="280">
        <v>34</v>
      </c>
      <c r="CH16" s="280">
        <v>31</v>
      </c>
      <c r="CI16" s="280">
        <v>37</v>
      </c>
      <c r="CJ16" s="280">
        <v>6</v>
      </c>
      <c r="CK16" s="277">
        <v>112</v>
      </c>
      <c r="CL16" s="282">
        <v>112</v>
      </c>
      <c r="CM16" s="276">
        <v>0</v>
      </c>
      <c r="CN16" s="280">
        <v>0</v>
      </c>
      <c r="CO16" s="277">
        <v>0</v>
      </c>
      <c r="CP16" s="279">
        <v>0</v>
      </c>
      <c r="CQ16" s="280">
        <v>0</v>
      </c>
      <c r="CR16" s="280">
        <v>0</v>
      </c>
      <c r="CS16" s="280">
        <v>0</v>
      </c>
      <c r="CT16" s="280">
        <v>0</v>
      </c>
      <c r="CU16" s="280">
        <v>0</v>
      </c>
      <c r="CV16" s="277">
        <v>0</v>
      </c>
      <c r="CW16" s="282">
        <v>0</v>
      </c>
      <c r="CX16" s="276">
        <v>0</v>
      </c>
      <c r="CY16" s="280">
        <v>0</v>
      </c>
      <c r="CZ16" s="277">
        <v>0</v>
      </c>
      <c r="DA16" s="279">
        <v>0</v>
      </c>
      <c r="DB16" s="280">
        <v>0</v>
      </c>
      <c r="DC16" s="280">
        <v>0</v>
      </c>
      <c r="DD16" s="280">
        <v>0</v>
      </c>
      <c r="DE16" s="280">
        <v>0</v>
      </c>
      <c r="DF16" s="280">
        <v>0</v>
      </c>
      <c r="DG16" s="277">
        <v>0</v>
      </c>
      <c r="DH16" s="282">
        <v>0</v>
      </c>
    </row>
    <row r="17" spans="2:112" ht="21" customHeight="1" x14ac:dyDescent="0.2">
      <c r="B17" s="261" t="s">
        <v>15</v>
      </c>
      <c r="C17" s="276">
        <v>0</v>
      </c>
      <c r="D17" s="280">
        <v>0</v>
      </c>
      <c r="E17" s="384">
        <v>0</v>
      </c>
      <c r="F17" s="279">
        <v>0</v>
      </c>
      <c r="G17" s="280">
        <v>1232</v>
      </c>
      <c r="H17" s="280">
        <v>2272</v>
      </c>
      <c r="I17" s="280">
        <v>1594</v>
      </c>
      <c r="J17" s="280">
        <v>1788</v>
      </c>
      <c r="K17" s="280">
        <v>2701</v>
      </c>
      <c r="L17" s="281">
        <v>9587</v>
      </c>
      <c r="M17" s="282">
        <v>9587</v>
      </c>
      <c r="N17" s="276">
        <v>0</v>
      </c>
      <c r="O17" s="280">
        <v>0</v>
      </c>
      <c r="P17" s="277">
        <v>0</v>
      </c>
      <c r="Q17" s="279">
        <v>0</v>
      </c>
      <c r="R17" s="280">
        <v>1</v>
      </c>
      <c r="S17" s="280">
        <v>1</v>
      </c>
      <c r="T17" s="280">
        <v>35</v>
      </c>
      <c r="U17" s="280">
        <v>75</v>
      </c>
      <c r="V17" s="280">
        <v>145</v>
      </c>
      <c r="W17" s="277">
        <v>257</v>
      </c>
      <c r="X17" s="282">
        <v>257</v>
      </c>
      <c r="Y17" s="276">
        <v>8</v>
      </c>
      <c r="Z17" s="280">
        <v>91</v>
      </c>
      <c r="AA17" s="277">
        <v>99</v>
      </c>
      <c r="AB17" s="279">
        <v>0</v>
      </c>
      <c r="AC17" s="280">
        <v>296</v>
      </c>
      <c r="AD17" s="280">
        <v>499</v>
      </c>
      <c r="AE17" s="280">
        <v>269</v>
      </c>
      <c r="AF17" s="280">
        <v>247</v>
      </c>
      <c r="AG17" s="280">
        <v>417</v>
      </c>
      <c r="AH17" s="277">
        <v>1728</v>
      </c>
      <c r="AI17" s="282">
        <v>1827</v>
      </c>
      <c r="AJ17" s="276">
        <v>0</v>
      </c>
      <c r="AK17" s="280">
        <v>6</v>
      </c>
      <c r="AL17" s="277">
        <v>6</v>
      </c>
      <c r="AM17" s="279">
        <v>0</v>
      </c>
      <c r="AN17" s="280">
        <v>71</v>
      </c>
      <c r="AO17" s="280">
        <v>167</v>
      </c>
      <c r="AP17" s="280">
        <v>69</v>
      </c>
      <c r="AQ17" s="280">
        <v>38</v>
      </c>
      <c r="AR17" s="280">
        <v>66</v>
      </c>
      <c r="AS17" s="277">
        <v>411</v>
      </c>
      <c r="AT17" s="282">
        <v>417</v>
      </c>
      <c r="AU17" s="276">
        <v>0</v>
      </c>
      <c r="AV17" s="280">
        <v>0</v>
      </c>
      <c r="AW17" s="277">
        <v>0</v>
      </c>
      <c r="AX17" s="279">
        <v>0</v>
      </c>
      <c r="AY17" s="280">
        <v>789</v>
      </c>
      <c r="AZ17" s="280">
        <v>1243</v>
      </c>
      <c r="BA17" s="280">
        <v>602</v>
      </c>
      <c r="BB17" s="280">
        <v>217</v>
      </c>
      <c r="BC17" s="280">
        <v>121</v>
      </c>
      <c r="BD17" s="281">
        <v>2972</v>
      </c>
      <c r="BE17" s="282">
        <v>2972</v>
      </c>
      <c r="BF17" s="276">
        <v>0</v>
      </c>
      <c r="BG17" s="280">
        <v>0</v>
      </c>
      <c r="BH17" s="277">
        <v>0</v>
      </c>
      <c r="BI17" s="279">
        <v>0</v>
      </c>
      <c r="BJ17" s="280">
        <v>174</v>
      </c>
      <c r="BK17" s="280">
        <v>231</v>
      </c>
      <c r="BL17" s="280">
        <v>215</v>
      </c>
      <c r="BM17" s="280">
        <v>120</v>
      </c>
      <c r="BN17" s="280">
        <v>23</v>
      </c>
      <c r="BO17" s="277">
        <v>763</v>
      </c>
      <c r="BP17" s="282">
        <v>763</v>
      </c>
      <c r="BQ17" s="276">
        <v>0</v>
      </c>
      <c r="BR17" s="280">
        <v>9</v>
      </c>
      <c r="BS17" s="277">
        <v>9</v>
      </c>
      <c r="BT17" s="279">
        <v>0</v>
      </c>
      <c r="BU17" s="280">
        <v>53</v>
      </c>
      <c r="BV17" s="280">
        <v>270</v>
      </c>
      <c r="BW17" s="280">
        <v>680</v>
      </c>
      <c r="BX17" s="280">
        <v>1280</v>
      </c>
      <c r="BY17" s="280">
        <v>485</v>
      </c>
      <c r="BZ17" s="277">
        <v>2768</v>
      </c>
      <c r="CA17" s="282">
        <v>2777</v>
      </c>
      <c r="CB17" s="276">
        <v>0</v>
      </c>
      <c r="CC17" s="280">
        <v>0</v>
      </c>
      <c r="CD17" s="277">
        <v>0</v>
      </c>
      <c r="CE17" s="279">
        <v>0</v>
      </c>
      <c r="CF17" s="280">
        <v>0</v>
      </c>
      <c r="CG17" s="280">
        <v>23</v>
      </c>
      <c r="CH17" s="280">
        <v>21</v>
      </c>
      <c r="CI17" s="280">
        <v>12</v>
      </c>
      <c r="CJ17" s="280">
        <v>14</v>
      </c>
      <c r="CK17" s="277">
        <v>70</v>
      </c>
      <c r="CL17" s="282">
        <v>70</v>
      </c>
      <c r="CM17" s="276">
        <v>0</v>
      </c>
      <c r="CN17" s="280">
        <v>0</v>
      </c>
      <c r="CO17" s="277">
        <v>0</v>
      </c>
      <c r="CP17" s="279">
        <v>0</v>
      </c>
      <c r="CQ17" s="280">
        <v>0</v>
      </c>
      <c r="CR17" s="280">
        <v>0</v>
      </c>
      <c r="CS17" s="280">
        <v>0</v>
      </c>
      <c r="CT17" s="280">
        <v>0</v>
      </c>
      <c r="CU17" s="280">
        <v>0</v>
      </c>
      <c r="CV17" s="277">
        <v>0</v>
      </c>
      <c r="CW17" s="282">
        <v>0</v>
      </c>
      <c r="CX17" s="276">
        <v>0</v>
      </c>
      <c r="CY17" s="280">
        <v>0</v>
      </c>
      <c r="CZ17" s="277">
        <v>0</v>
      </c>
      <c r="DA17" s="279">
        <v>0</v>
      </c>
      <c r="DB17" s="280">
        <v>0</v>
      </c>
      <c r="DC17" s="280">
        <v>0</v>
      </c>
      <c r="DD17" s="280">
        <v>0</v>
      </c>
      <c r="DE17" s="280">
        <v>0</v>
      </c>
      <c r="DF17" s="280">
        <v>0</v>
      </c>
      <c r="DG17" s="277">
        <v>0</v>
      </c>
      <c r="DH17" s="282">
        <v>0</v>
      </c>
    </row>
    <row r="18" spans="2:112" ht="21" customHeight="1" x14ac:dyDescent="0.2">
      <c r="B18" s="261" t="s">
        <v>16</v>
      </c>
      <c r="C18" s="276">
        <v>0</v>
      </c>
      <c r="D18" s="280">
        <v>0</v>
      </c>
      <c r="E18" s="384">
        <v>0</v>
      </c>
      <c r="F18" s="279">
        <v>0</v>
      </c>
      <c r="G18" s="280">
        <v>2203</v>
      </c>
      <c r="H18" s="280">
        <v>3733</v>
      </c>
      <c r="I18" s="280">
        <v>4651</v>
      </c>
      <c r="J18" s="280">
        <v>5744</v>
      </c>
      <c r="K18" s="280">
        <v>3720</v>
      </c>
      <c r="L18" s="281">
        <v>20051</v>
      </c>
      <c r="M18" s="282">
        <v>20051</v>
      </c>
      <c r="N18" s="276">
        <v>0</v>
      </c>
      <c r="O18" s="280">
        <v>0</v>
      </c>
      <c r="P18" s="277">
        <v>0</v>
      </c>
      <c r="Q18" s="279">
        <v>0</v>
      </c>
      <c r="R18" s="280">
        <v>9</v>
      </c>
      <c r="S18" s="280">
        <v>45</v>
      </c>
      <c r="T18" s="280">
        <v>69</v>
      </c>
      <c r="U18" s="280">
        <v>99</v>
      </c>
      <c r="V18" s="280">
        <v>238</v>
      </c>
      <c r="W18" s="277">
        <v>460</v>
      </c>
      <c r="X18" s="282">
        <v>460</v>
      </c>
      <c r="Y18" s="276">
        <v>88</v>
      </c>
      <c r="Z18" s="280">
        <v>262</v>
      </c>
      <c r="AA18" s="277">
        <v>350</v>
      </c>
      <c r="AB18" s="279">
        <v>0</v>
      </c>
      <c r="AC18" s="280">
        <v>1291</v>
      </c>
      <c r="AD18" s="280">
        <v>2208</v>
      </c>
      <c r="AE18" s="280">
        <v>1601</v>
      </c>
      <c r="AF18" s="280">
        <v>1563</v>
      </c>
      <c r="AG18" s="280">
        <v>951</v>
      </c>
      <c r="AH18" s="277">
        <v>7614</v>
      </c>
      <c r="AI18" s="282">
        <v>7964</v>
      </c>
      <c r="AJ18" s="276">
        <v>9</v>
      </c>
      <c r="AK18" s="280">
        <v>125</v>
      </c>
      <c r="AL18" s="277">
        <v>134</v>
      </c>
      <c r="AM18" s="279">
        <v>0</v>
      </c>
      <c r="AN18" s="280">
        <v>152</v>
      </c>
      <c r="AO18" s="280">
        <v>393</v>
      </c>
      <c r="AP18" s="280">
        <v>256</v>
      </c>
      <c r="AQ18" s="280">
        <v>117</v>
      </c>
      <c r="AR18" s="280">
        <v>134</v>
      </c>
      <c r="AS18" s="277">
        <v>1052</v>
      </c>
      <c r="AT18" s="282">
        <v>1186</v>
      </c>
      <c r="AU18" s="276">
        <v>0</v>
      </c>
      <c r="AV18" s="280">
        <v>0</v>
      </c>
      <c r="AW18" s="277">
        <v>0</v>
      </c>
      <c r="AX18" s="279">
        <v>0</v>
      </c>
      <c r="AY18" s="280">
        <v>2765</v>
      </c>
      <c r="AZ18" s="280">
        <v>4236</v>
      </c>
      <c r="BA18" s="280">
        <v>2796</v>
      </c>
      <c r="BB18" s="280">
        <v>1869</v>
      </c>
      <c r="BC18" s="280">
        <v>1210</v>
      </c>
      <c r="BD18" s="281">
        <v>12876</v>
      </c>
      <c r="BE18" s="282">
        <v>12876</v>
      </c>
      <c r="BF18" s="276">
        <v>0</v>
      </c>
      <c r="BG18" s="280">
        <v>0</v>
      </c>
      <c r="BH18" s="277">
        <v>0</v>
      </c>
      <c r="BI18" s="279">
        <v>0</v>
      </c>
      <c r="BJ18" s="280">
        <v>1451</v>
      </c>
      <c r="BK18" s="280">
        <v>2198</v>
      </c>
      <c r="BL18" s="280">
        <v>1030</v>
      </c>
      <c r="BM18" s="280">
        <v>516</v>
      </c>
      <c r="BN18" s="280">
        <v>116</v>
      </c>
      <c r="BO18" s="277">
        <v>5311</v>
      </c>
      <c r="BP18" s="282">
        <v>5311</v>
      </c>
      <c r="BQ18" s="276">
        <v>6</v>
      </c>
      <c r="BR18" s="280">
        <v>0</v>
      </c>
      <c r="BS18" s="277">
        <v>6</v>
      </c>
      <c r="BT18" s="279">
        <v>0</v>
      </c>
      <c r="BU18" s="280">
        <v>194</v>
      </c>
      <c r="BV18" s="280">
        <v>631</v>
      </c>
      <c r="BW18" s="280">
        <v>829</v>
      </c>
      <c r="BX18" s="280">
        <v>454</v>
      </c>
      <c r="BY18" s="280">
        <v>259</v>
      </c>
      <c r="BZ18" s="277">
        <v>2367</v>
      </c>
      <c r="CA18" s="282">
        <v>2373</v>
      </c>
      <c r="CB18" s="276">
        <v>0</v>
      </c>
      <c r="CC18" s="280">
        <v>0</v>
      </c>
      <c r="CD18" s="277">
        <v>0</v>
      </c>
      <c r="CE18" s="279">
        <v>0</v>
      </c>
      <c r="CF18" s="280">
        <v>3</v>
      </c>
      <c r="CG18" s="280">
        <v>40</v>
      </c>
      <c r="CH18" s="280">
        <v>57</v>
      </c>
      <c r="CI18" s="280">
        <v>78</v>
      </c>
      <c r="CJ18" s="280">
        <v>39</v>
      </c>
      <c r="CK18" s="277">
        <v>217</v>
      </c>
      <c r="CL18" s="282">
        <v>217</v>
      </c>
      <c r="CM18" s="276">
        <v>0</v>
      </c>
      <c r="CN18" s="280">
        <v>0</v>
      </c>
      <c r="CO18" s="277">
        <v>0</v>
      </c>
      <c r="CP18" s="279">
        <v>0</v>
      </c>
      <c r="CQ18" s="280">
        <v>0</v>
      </c>
      <c r="CR18" s="280">
        <v>0</v>
      </c>
      <c r="CS18" s="280">
        <v>0</v>
      </c>
      <c r="CT18" s="280">
        <v>0</v>
      </c>
      <c r="CU18" s="280">
        <v>0</v>
      </c>
      <c r="CV18" s="277">
        <v>0</v>
      </c>
      <c r="CW18" s="282">
        <v>0</v>
      </c>
      <c r="CX18" s="276">
        <v>0</v>
      </c>
      <c r="CY18" s="280">
        <v>0</v>
      </c>
      <c r="CZ18" s="277">
        <v>0</v>
      </c>
      <c r="DA18" s="279">
        <v>0</v>
      </c>
      <c r="DB18" s="280">
        <v>0</v>
      </c>
      <c r="DC18" s="280">
        <v>0</v>
      </c>
      <c r="DD18" s="280">
        <v>0</v>
      </c>
      <c r="DE18" s="280">
        <v>0</v>
      </c>
      <c r="DF18" s="280">
        <v>0</v>
      </c>
      <c r="DG18" s="277">
        <v>0</v>
      </c>
      <c r="DH18" s="282">
        <v>0</v>
      </c>
    </row>
    <row r="19" spans="2:112" ht="21" customHeight="1" x14ac:dyDescent="0.2">
      <c r="B19" s="261" t="s">
        <v>17</v>
      </c>
      <c r="C19" s="276">
        <v>0</v>
      </c>
      <c r="D19" s="280">
        <v>0</v>
      </c>
      <c r="E19" s="384">
        <v>0</v>
      </c>
      <c r="F19" s="279">
        <v>0</v>
      </c>
      <c r="G19" s="280">
        <v>2479</v>
      </c>
      <c r="H19" s="280">
        <v>6858</v>
      </c>
      <c r="I19" s="280">
        <v>8493</v>
      </c>
      <c r="J19" s="280">
        <v>10486</v>
      </c>
      <c r="K19" s="280">
        <v>11055</v>
      </c>
      <c r="L19" s="281">
        <v>39371</v>
      </c>
      <c r="M19" s="282">
        <v>39371</v>
      </c>
      <c r="N19" s="276">
        <v>0</v>
      </c>
      <c r="O19" s="280">
        <v>4</v>
      </c>
      <c r="P19" s="277">
        <v>4</v>
      </c>
      <c r="Q19" s="279">
        <v>0</v>
      </c>
      <c r="R19" s="280">
        <v>9</v>
      </c>
      <c r="S19" s="280">
        <v>15</v>
      </c>
      <c r="T19" s="280">
        <v>89</v>
      </c>
      <c r="U19" s="280">
        <v>170</v>
      </c>
      <c r="V19" s="280">
        <v>445</v>
      </c>
      <c r="W19" s="277">
        <v>728</v>
      </c>
      <c r="X19" s="282">
        <v>732</v>
      </c>
      <c r="Y19" s="276">
        <v>152</v>
      </c>
      <c r="Z19" s="280">
        <v>691</v>
      </c>
      <c r="AA19" s="277">
        <v>843</v>
      </c>
      <c r="AB19" s="279">
        <v>0</v>
      </c>
      <c r="AC19" s="280">
        <v>1208</v>
      </c>
      <c r="AD19" s="280">
        <v>2684</v>
      </c>
      <c r="AE19" s="280">
        <v>2051</v>
      </c>
      <c r="AF19" s="280">
        <v>1610</v>
      </c>
      <c r="AG19" s="280">
        <v>1553</v>
      </c>
      <c r="AH19" s="277">
        <v>9106</v>
      </c>
      <c r="AI19" s="282">
        <v>9949</v>
      </c>
      <c r="AJ19" s="276">
        <v>30</v>
      </c>
      <c r="AK19" s="280">
        <v>107</v>
      </c>
      <c r="AL19" s="277">
        <v>137</v>
      </c>
      <c r="AM19" s="279">
        <v>0</v>
      </c>
      <c r="AN19" s="280">
        <v>115</v>
      </c>
      <c r="AO19" s="280">
        <v>429</v>
      </c>
      <c r="AP19" s="280">
        <v>326</v>
      </c>
      <c r="AQ19" s="280">
        <v>190</v>
      </c>
      <c r="AR19" s="280">
        <v>113</v>
      </c>
      <c r="AS19" s="277">
        <v>1173</v>
      </c>
      <c r="AT19" s="282">
        <v>1310</v>
      </c>
      <c r="AU19" s="276">
        <v>0</v>
      </c>
      <c r="AV19" s="280">
        <v>0</v>
      </c>
      <c r="AW19" s="277">
        <v>0</v>
      </c>
      <c r="AX19" s="279">
        <v>0</v>
      </c>
      <c r="AY19" s="280">
        <v>3396</v>
      </c>
      <c r="AZ19" s="280">
        <v>5624</v>
      </c>
      <c r="BA19" s="280">
        <v>3525</v>
      </c>
      <c r="BB19" s="280">
        <v>2079</v>
      </c>
      <c r="BC19" s="280">
        <v>1174</v>
      </c>
      <c r="BD19" s="281">
        <v>15798</v>
      </c>
      <c r="BE19" s="282">
        <v>15798</v>
      </c>
      <c r="BF19" s="276">
        <v>0</v>
      </c>
      <c r="BG19" s="280">
        <v>0</v>
      </c>
      <c r="BH19" s="277">
        <v>0</v>
      </c>
      <c r="BI19" s="279">
        <v>0</v>
      </c>
      <c r="BJ19" s="280">
        <v>579</v>
      </c>
      <c r="BK19" s="280">
        <v>1450</v>
      </c>
      <c r="BL19" s="280">
        <v>725</v>
      </c>
      <c r="BM19" s="280">
        <v>316</v>
      </c>
      <c r="BN19" s="280">
        <v>190</v>
      </c>
      <c r="BO19" s="277">
        <v>3260</v>
      </c>
      <c r="BP19" s="282">
        <v>3260</v>
      </c>
      <c r="BQ19" s="276">
        <v>0</v>
      </c>
      <c r="BR19" s="280">
        <v>32</v>
      </c>
      <c r="BS19" s="277">
        <v>32</v>
      </c>
      <c r="BT19" s="279">
        <v>0</v>
      </c>
      <c r="BU19" s="280">
        <v>481</v>
      </c>
      <c r="BV19" s="280">
        <v>646</v>
      </c>
      <c r="BW19" s="280">
        <v>1331</v>
      </c>
      <c r="BX19" s="280">
        <v>1197</v>
      </c>
      <c r="BY19" s="280">
        <v>660</v>
      </c>
      <c r="BZ19" s="277">
        <v>4315</v>
      </c>
      <c r="CA19" s="282">
        <v>4347</v>
      </c>
      <c r="CB19" s="276">
        <v>0</v>
      </c>
      <c r="CC19" s="280">
        <v>0</v>
      </c>
      <c r="CD19" s="277">
        <v>0</v>
      </c>
      <c r="CE19" s="279">
        <v>0</v>
      </c>
      <c r="CF19" s="280">
        <v>43</v>
      </c>
      <c r="CG19" s="280">
        <v>128</v>
      </c>
      <c r="CH19" s="280">
        <v>102</v>
      </c>
      <c r="CI19" s="280">
        <v>95</v>
      </c>
      <c r="CJ19" s="280">
        <v>91</v>
      </c>
      <c r="CK19" s="277">
        <v>459</v>
      </c>
      <c r="CL19" s="282">
        <v>459</v>
      </c>
      <c r="CM19" s="276">
        <v>0</v>
      </c>
      <c r="CN19" s="280">
        <v>0</v>
      </c>
      <c r="CO19" s="277">
        <v>0</v>
      </c>
      <c r="CP19" s="279">
        <v>0</v>
      </c>
      <c r="CQ19" s="280">
        <v>0</v>
      </c>
      <c r="CR19" s="280">
        <v>0</v>
      </c>
      <c r="CS19" s="280">
        <v>0</v>
      </c>
      <c r="CT19" s="280">
        <v>0</v>
      </c>
      <c r="CU19" s="280">
        <v>0</v>
      </c>
      <c r="CV19" s="277">
        <v>0</v>
      </c>
      <c r="CW19" s="282">
        <v>0</v>
      </c>
      <c r="CX19" s="276">
        <v>0</v>
      </c>
      <c r="CY19" s="280">
        <v>0</v>
      </c>
      <c r="CZ19" s="277">
        <v>0</v>
      </c>
      <c r="DA19" s="279">
        <v>0</v>
      </c>
      <c r="DB19" s="280">
        <v>0</v>
      </c>
      <c r="DC19" s="280">
        <v>0</v>
      </c>
      <c r="DD19" s="280">
        <v>0</v>
      </c>
      <c r="DE19" s="280">
        <v>0</v>
      </c>
      <c r="DF19" s="280">
        <v>0</v>
      </c>
      <c r="DG19" s="277">
        <v>0</v>
      </c>
      <c r="DH19" s="282">
        <v>0</v>
      </c>
    </row>
    <row r="20" spans="2:112" ht="21" customHeight="1" x14ac:dyDescent="0.2">
      <c r="B20" s="261" t="s">
        <v>18</v>
      </c>
      <c r="C20" s="276">
        <v>0</v>
      </c>
      <c r="D20" s="280">
        <v>0</v>
      </c>
      <c r="E20" s="384">
        <v>0</v>
      </c>
      <c r="F20" s="279">
        <v>0</v>
      </c>
      <c r="G20" s="280">
        <v>5234</v>
      </c>
      <c r="H20" s="280">
        <v>8150</v>
      </c>
      <c r="I20" s="280">
        <v>9409</v>
      </c>
      <c r="J20" s="280">
        <v>12643</v>
      </c>
      <c r="K20" s="280">
        <v>10133</v>
      </c>
      <c r="L20" s="281">
        <v>45569</v>
      </c>
      <c r="M20" s="282">
        <v>45569</v>
      </c>
      <c r="N20" s="276">
        <v>0</v>
      </c>
      <c r="O20" s="280">
        <v>0</v>
      </c>
      <c r="P20" s="277">
        <v>0</v>
      </c>
      <c r="Q20" s="279">
        <v>0</v>
      </c>
      <c r="R20" s="280">
        <v>11</v>
      </c>
      <c r="S20" s="280">
        <v>44</v>
      </c>
      <c r="T20" s="280">
        <v>103</v>
      </c>
      <c r="U20" s="280">
        <v>215</v>
      </c>
      <c r="V20" s="280">
        <v>403</v>
      </c>
      <c r="W20" s="277">
        <v>776</v>
      </c>
      <c r="X20" s="282">
        <v>776</v>
      </c>
      <c r="Y20" s="276">
        <v>263</v>
      </c>
      <c r="Z20" s="280">
        <v>662</v>
      </c>
      <c r="AA20" s="277">
        <v>925</v>
      </c>
      <c r="AB20" s="279">
        <v>0</v>
      </c>
      <c r="AC20" s="280">
        <v>2710</v>
      </c>
      <c r="AD20" s="280">
        <v>3048</v>
      </c>
      <c r="AE20" s="280">
        <v>2309</v>
      </c>
      <c r="AF20" s="280">
        <v>1915</v>
      </c>
      <c r="AG20" s="280">
        <v>1449</v>
      </c>
      <c r="AH20" s="277">
        <v>11431</v>
      </c>
      <c r="AI20" s="282">
        <v>12356</v>
      </c>
      <c r="AJ20" s="276">
        <v>73</v>
      </c>
      <c r="AK20" s="280">
        <v>101</v>
      </c>
      <c r="AL20" s="277">
        <v>174</v>
      </c>
      <c r="AM20" s="279">
        <v>0</v>
      </c>
      <c r="AN20" s="280">
        <v>497</v>
      </c>
      <c r="AO20" s="280">
        <v>621</v>
      </c>
      <c r="AP20" s="280">
        <v>326</v>
      </c>
      <c r="AQ20" s="280">
        <v>313</v>
      </c>
      <c r="AR20" s="280">
        <v>168</v>
      </c>
      <c r="AS20" s="277">
        <v>1925</v>
      </c>
      <c r="AT20" s="282">
        <v>2099</v>
      </c>
      <c r="AU20" s="276">
        <v>0</v>
      </c>
      <c r="AV20" s="280">
        <v>0</v>
      </c>
      <c r="AW20" s="277">
        <v>0</v>
      </c>
      <c r="AX20" s="279">
        <v>0</v>
      </c>
      <c r="AY20" s="280">
        <v>5725</v>
      </c>
      <c r="AZ20" s="280">
        <v>5690</v>
      </c>
      <c r="BA20" s="280">
        <v>4022</v>
      </c>
      <c r="BB20" s="280">
        <v>2286</v>
      </c>
      <c r="BC20" s="280">
        <v>993</v>
      </c>
      <c r="BD20" s="281">
        <v>18716</v>
      </c>
      <c r="BE20" s="282">
        <v>18716</v>
      </c>
      <c r="BF20" s="276">
        <v>0</v>
      </c>
      <c r="BG20" s="280">
        <v>0</v>
      </c>
      <c r="BH20" s="277">
        <v>0</v>
      </c>
      <c r="BI20" s="279">
        <v>0</v>
      </c>
      <c r="BJ20" s="280">
        <v>1307</v>
      </c>
      <c r="BK20" s="280">
        <v>1436</v>
      </c>
      <c r="BL20" s="280">
        <v>811</v>
      </c>
      <c r="BM20" s="280">
        <v>596</v>
      </c>
      <c r="BN20" s="280">
        <v>135</v>
      </c>
      <c r="BO20" s="277">
        <v>4285</v>
      </c>
      <c r="BP20" s="282">
        <v>4285</v>
      </c>
      <c r="BQ20" s="276">
        <v>4</v>
      </c>
      <c r="BR20" s="280">
        <v>21</v>
      </c>
      <c r="BS20" s="277">
        <v>25</v>
      </c>
      <c r="BT20" s="279">
        <v>0</v>
      </c>
      <c r="BU20" s="280">
        <v>479</v>
      </c>
      <c r="BV20" s="280">
        <v>783</v>
      </c>
      <c r="BW20" s="280">
        <v>1868</v>
      </c>
      <c r="BX20" s="280">
        <v>1558</v>
      </c>
      <c r="BY20" s="280">
        <v>690</v>
      </c>
      <c r="BZ20" s="277">
        <v>5378</v>
      </c>
      <c r="CA20" s="282">
        <v>5403</v>
      </c>
      <c r="CB20" s="276">
        <v>0</v>
      </c>
      <c r="CC20" s="280">
        <v>0</v>
      </c>
      <c r="CD20" s="277">
        <v>0</v>
      </c>
      <c r="CE20" s="279">
        <v>0</v>
      </c>
      <c r="CF20" s="280">
        <v>2</v>
      </c>
      <c r="CG20" s="280">
        <v>8</v>
      </c>
      <c r="CH20" s="280">
        <v>0</v>
      </c>
      <c r="CI20" s="280">
        <v>39</v>
      </c>
      <c r="CJ20" s="280">
        <v>47</v>
      </c>
      <c r="CK20" s="277">
        <v>96</v>
      </c>
      <c r="CL20" s="282">
        <v>96</v>
      </c>
      <c r="CM20" s="276">
        <v>0</v>
      </c>
      <c r="CN20" s="280">
        <v>0</v>
      </c>
      <c r="CO20" s="277">
        <v>0</v>
      </c>
      <c r="CP20" s="279">
        <v>0</v>
      </c>
      <c r="CQ20" s="280">
        <v>0</v>
      </c>
      <c r="CR20" s="280">
        <v>0</v>
      </c>
      <c r="CS20" s="280">
        <v>0</v>
      </c>
      <c r="CT20" s="280">
        <v>0</v>
      </c>
      <c r="CU20" s="280">
        <v>0</v>
      </c>
      <c r="CV20" s="277">
        <v>0</v>
      </c>
      <c r="CW20" s="282">
        <v>0</v>
      </c>
      <c r="CX20" s="276">
        <v>0</v>
      </c>
      <c r="CY20" s="280">
        <v>0</v>
      </c>
      <c r="CZ20" s="277">
        <v>0</v>
      </c>
      <c r="DA20" s="279">
        <v>0</v>
      </c>
      <c r="DB20" s="280">
        <v>0</v>
      </c>
      <c r="DC20" s="280">
        <v>0</v>
      </c>
      <c r="DD20" s="280">
        <v>0</v>
      </c>
      <c r="DE20" s="280">
        <v>0</v>
      </c>
      <c r="DF20" s="280">
        <v>0</v>
      </c>
      <c r="DG20" s="277">
        <v>0</v>
      </c>
      <c r="DH20" s="282">
        <v>0</v>
      </c>
    </row>
    <row r="21" spans="2:112" ht="21" customHeight="1" x14ac:dyDescent="0.2">
      <c r="B21" s="261" t="s">
        <v>19</v>
      </c>
      <c r="C21" s="276">
        <v>0</v>
      </c>
      <c r="D21" s="280">
        <v>0</v>
      </c>
      <c r="E21" s="384">
        <v>0</v>
      </c>
      <c r="F21" s="279">
        <v>0</v>
      </c>
      <c r="G21" s="280">
        <v>1917</v>
      </c>
      <c r="H21" s="280">
        <v>2429</v>
      </c>
      <c r="I21" s="280">
        <v>3166</v>
      </c>
      <c r="J21" s="280">
        <v>3997</v>
      </c>
      <c r="K21" s="280">
        <v>2660</v>
      </c>
      <c r="L21" s="281">
        <v>14169</v>
      </c>
      <c r="M21" s="282">
        <v>14169</v>
      </c>
      <c r="N21" s="276">
        <v>0</v>
      </c>
      <c r="O21" s="280">
        <v>0</v>
      </c>
      <c r="P21" s="277">
        <v>0</v>
      </c>
      <c r="Q21" s="279">
        <v>0</v>
      </c>
      <c r="R21" s="280">
        <v>16</v>
      </c>
      <c r="S21" s="280">
        <v>26</v>
      </c>
      <c r="T21" s="280">
        <v>57</v>
      </c>
      <c r="U21" s="280">
        <v>102</v>
      </c>
      <c r="V21" s="280">
        <v>168</v>
      </c>
      <c r="W21" s="277">
        <v>369</v>
      </c>
      <c r="X21" s="282">
        <v>369</v>
      </c>
      <c r="Y21" s="276">
        <v>120</v>
      </c>
      <c r="Z21" s="280">
        <v>326</v>
      </c>
      <c r="AA21" s="277">
        <v>446</v>
      </c>
      <c r="AB21" s="279">
        <v>0</v>
      </c>
      <c r="AC21" s="280">
        <v>1172</v>
      </c>
      <c r="AD21" s="280">
        <v>1226</v>
      </c>
      <c r="AE21" s="280">
        <v>956</v>
      </c>
      <c r="AF21" s="280">
        <v>690</v>
      </c>
      <c r="AG21" s="280">
        <v>665</v>
      </c>
      <c r="AH21" s="277">
        <v>4709</v>
      </c>
      <c r="AI21" s="282">
        <v>5155</v>
      </c>
      <c r="AJ21" s="276">
        <v>2</v>
      </c>
      <c r="AK21" s="280">
        <v>36</v>
      </c>
      <c r="AL21" s="277">
        <v>38</v>
      </c>
      <c r="AM21" s="279">
        <v>0</v>
      </c>
      <c r="AN21" s="280">
        <v>227</v>
      </c>
      <c r="AO21" s="280">
        <v>184</v>
      </c>
      <c r="AP21" s="280">
        <v>87</v>
      </c>
      <c r="AQ21" s="280">
        <v>155</v>
      </c>
      <c r="AR21" s="280">
        <v>48</v>
      </c>
      <c r="AS21" s="277">
        <v>701</v>
      </c>
      <c r="AT21" s="282">
        <v>739</v>
      </c>
      <c r="AU21" s="276">
        <v>0</v>
      </c>
      <c r="AV21" s="280">
        <v>0</v>
      </c>
      <c r="AW21" s="277">
        <v>0</v>
      </c>
      <c r="AX21" s="279">
        <v>0</v>
      </c>
      <c r="AY21" s="280">
        <v>2262</v>
      </c>
      <c r="AZ21" s="280">
        <v>2350</v>
      </c>
      <c r="BA21" s="280">
        <v>1706</v>
      </c>
      <c r="BB21" s="280">
        <v>635</v>
      </c>
      <c r="BC21" s="280">
        <v>459</v>
      </c>
      <c r="BD21" s="281">
        <v>7412</v>
      </c>
      <c r="BE21" s="282">
        <v>7412</v>
      </c>
      <c r="BF21" s="276">
        <v>0</v>
      </c>
      <c r="BG21" s="280">
        <v>0</v>
      </c>
      <c r="BH21" s="277">
        <v>0</v>
      </c>
      <c r="BI21" s="279">
        <v>0</v>
      </c>
      <c r="BJ21" s="280">
        <v>762</v>
      </c>
      <c r="BK21" s="280">
        <v>671</v>
      </c>
      <c r="BL21" s="280">
        <v>436</v>
      </c>
      <c r="BM21" s="280">
        <v>269</v>
      </c>
      <c r="BN21" s="280">
        <v>88</v>
      </c>
      <c r="BO21" s="277">
        <v>2226</v>
      </c>
      <c r="BP21" s="282">
        <v>2226</v>
      </c>
      <c r="BQ21" s="276">
        <v>2</v>
      </c>
      <c r="BR21" s="280">
        <v>3</v>
      </c>
      <c r="BS21" s="277">
        <v>5</v>
      </c>
      <c r="BT21" s="279">
        <v>0</v>
      </c>
      <c r="BU21" s="280">
        <v>201</v>
      </c>
      <c r="BV21" s="280">
        <v>301</v>
      </c>
      <c r="BW21" s="280">
        <v>528</v>
      </c>
      <c r="BX21" s="280">
        <v>237</v>
      </c>
      <c r="BY21" s="280">
        <v>176</v>
      </c>
      <c r="BZ21" s="277">
        <v>1443</v>
      </c>
      <c r="CA21" s="282">
        <v>1448</v>
      </c>
      <c r="CB21" s="276">
        <v>0</v>
      </c>
      <c r="CC21" s="280">
        <v>0</v>
      </c>
      <c r="CD21" s="277">
        <v>0</v>
      </c>
      <c r="CE21" s="279">
        <v>0</v>
      </c>
      <c r="CF21" s="280">
        <v>43</v>
      </c>
      <c r="CG21" s="280">
        <v>67</v>
      </c>
      <c r="CH21" s="280">
        <v>35</v>
      </c>
      <c r="CI21" s="280">
        <v>88</v>
      </c>
      <c r="CJ21" s="280">
        <v>49</v>
      </c>
      <c r="CK21" s="277">
        <v>282</v>
      </c>
      <c r="CL21" s="282">
        <v>282</v>
      </c>
      <c r="CM21" s="276">
        <v>0</v>
      </c>
      <c r="CN21" s="280">
        <v>0</v>
      </c>
      <c r="CO21" s="277">
        <v>0</v>
      </c>
      <c r="CP21" s="279">
        <v>0</v>
      </c>
      <c r="CQ21" s="280">
        <v>0</v>
      </c>
      <c r="CR21" s="280">
        <v>0</v>
      </c>
      <c r="CS21" s="280">
        <v>0</v>
      </c>
      <c r="CT21" s="280">
        <v>0</v>
      </c>
      <c r="CU21" s="280">
        <v>0</v>
      </c>
      <c r="CV21" s="277">
        <v>0</v>
      </c>
      <c r="CW21" s="282">
        <v>0</v>
      </c>
      <c r="CX21" s="276">
        <v>0</v>
      </c>
      <c r="CY21" s="280">
        <v>0</v>
      </c>
      <c r="CZ21" s="277">
        <v>0</v>
      </c>
      <c r="DA21" s="279">
        <v>0</v>
      </c>
      <c r="DB21" s="280">
        <v>0</v>
      </c>
      <c r="DC21" s="280">
        <v>0</v>
      </c>
      <c r="DD21" s="280">
        <v>0</v>
      </c>
      <c r="DE21" s="280">
        <v>0</v>
      </c>
      <c r="DF21" s="280">
        <v>0</v>
      </c>
      <c r="DG21" s="277">
        <v>0</v>
      </c>
      <c r="DH21" s="282">
        <v>0</v>
      </c>
    </row>
    <row r="22" spans="2:112" ht="21" customHeight="1" x14ac:dyDescent="0.2">
      <c r="B22" s="261" t="s">
        <v>20</v>
      </c>
      <c r="C22" s="276">
        <v>0</v>
      </c>
      <c r="D22" s="280">
        <v>0</v>
      </c>
      <c r="E22" s="384">
        <v>0</v>
      </c>
      <c r="F22" s="279">
        <v>0</v>
      </c>
      <c r="G22" s="280">
        <v>2922</v>
      </c>
      <c r="H22" s="280">
        <v>3127</v>
      </c>
      <c r="I22" s="280">
        <v>4713</v>
      </c>
      <c r="J22" s="280">
        <v>4451</v>
      </c>
      <c r="K22" s="280">
        <v>3670</v>
      </c>
      <c r="L22" s="281">
        <v>18883</v>
      </c>
      <c r="M22" s="282">
        <v>18883</v>
      </c>
      <c r="N22" s="276">
        <v>0</v>
      </c>
      <c r="O22" s="280">
        <v>0</v>
      </c>
      <c r="P22" s="277">
        <v>0</v>
      </c>
      <c r="Q22" s="279">
        <v>0</v>
      </c>
      <c r="R22" s="280">
        <v>0</v>
      </c>
      <c r="S22" s="280">
        <v>23</v>
      </c>
      <c r="T22" s="280">
        <v>58</v>
      </c>
      <c r="U22" s="280">
        <v>111</v>
      </c>
      <c r="V22" s="280">
        <v>207</v>
      </c>
      <c r="W22" s="277">
        <v>399</v>
      </c>
      <c r="X22" s="282">
        <v>399</v>
      </c>
      <c r="Y22" s="276">
        <v>368</v>
      </c>
      <c r="Z22" s="280">
        <v>989</v>
      </c>
      <c r="AA22" s="277">
        <v>1357</v>
      </c>
      <c r="AB22" s="279">
        <v>0</v>
      </c>
      <c r="AC22" s="280">
        <v>2161</v>
      </c>
      <c r="AD22" s="280">
        <v>1832</v>
      </c>
      <c r="AE22" s="280">
        <v>1106</v>
      </c>
      <c r="AF22" s="280">
        <v>823</v>
      </c>
      <c r="AG22" s="280">
        <v>602</v>
      </c>
      <c r="AH22" s="277">
        <v>6524</v>
      </c>
      <c r="AI22" s="282">
        <v>7881</v>
      </c>
      <c r="AJ22" s="276">
        <v>70</v>
      </c>
      <c r="AK22" s="280">
        <v>355</v>
      </c>
      <c r="AL22" s="277">
        <v>425</v>
      </c>
      <c r="AM22" s="279">
        <v>0</v>
      </c>
      <c r="AN22" s="280">
        <v>702</v>
      </c>
      <c r="AO22" s="280">
        <v>527</v>
      </c>
      <c r="AP22" s="280">
        <v>460</v>
      </c>
      <c r="AQ22" s="280">
        <v>348</v>
      </c>
      <c r="AR22" s="280">
        <v>98</v>
      </c>
      <c r="AS22" s="277">
        <v>2135</v>
      </c>
      <c r="AT22" s="282">
        <v>2560</v>
      </c>
      <c r="AU22" s="276">
        <v>0</v>
      </c>
      <c r="AV22" s="280">
        <v>0</v>
      </c>
      <c r="AW22" s="277">
        <v>0</v>
      </c>
      <c r="AX22" s="279">
        <v>0</v>
      </c>
      <c r="AY22" s="280">
        <v>2675</v>
      </c>
      <c r="AZ22" s="280">
        <v>1938</v>
      </c>
      <c r="BA22" s="280">
        <v>1550</v>
      </c>
      <c r="BB22" s="280">
        <v>879</v>
      </c>
      <c r="BC22" s="280">
        <v>315</v>
      </c>
      <c r="BD22" s="281">
        <v>7357</v>
      </c>
      <c r="BE22" s="282">
        <v>7357</v>
      </c>
      <c r="BF22" s="276">
        <v>0</v>
      </c>
      <c r="BG22" s="280">
        <v>0</v>
      </c>
      <c r="BH22" s="277">
        <v>0</v>
      </c>
      <c r="BI22" s="279">
        <v>0</v>
      </c>
      <c r="BJ22" s="280">
        <v>1222</v>
      </c>
      <c r="BK22" s="280">
        <v>925</v>
      </c>
      <c r="BL22" s="280">
        <v>497</v>
      </c>
      <c r="BM22" s="280">
        <v>384</v>
      </c>
      <c r="BN22" s="280">
        <v>73</v>
      </c>
      <c r="BO22" s="277">
        <v>3101</v>
      </c>
      <c r="BP22" s="282">
        <v>3101</v>
      </c>
      <c r="BQ22" s="276">
        <v>2</v>
      </c>
      <c r="BR22" s="280">
        <v>54</v>
      </c>
      <c r="BS22" s="277">
        <v>56</v>
      </c>
      <c r="BT22" s="279">
        <v>0</v>
      </c>
      <c r="BU22" s="280">
        <v>408</v>
      </c>
      <c r="BV22" s="280">
        <v>534</v>
      </c>
      <c r="BW22" s="280">
        <v>1325</v>
      </c>
      <c r="BX22" s="280">
        <v>693</v>
      </c>
      <c r="BY22" s="280">
        <v>211</v>
      </c>
      <c r="BZ22" s="277">
        <v>3171</v>
      </c>
      <c r="CA22" s="282">
        <v>3227</v>
      </c>
      <c r="CB22" s="276">
        <v>0</v>
      </c>
      <c r="CC22" s="280">
        <v>0</v>
      </c>
      <c r="CD22" s="277">
        <v>0</v>
      </c>
      <c r="CE22" s="279">
        <v>0</v>
      </c>
      <c r="CF22" s="280">
        <v>0</v>
      </c>
      <c r="CG22" s="280">
        <v>15</v>
      </c>
      <c r="CH22" s="280">
        <v>31</v>
      </c>
      <c r="CI22" s="280">
        <v>16</v>
      </c>
      <c r="CJ22" s="280">
        <v>14</v>
      </c>
      <c r="CK22" s="277">
        <v>76</v>
      </c>
      <c r="CL22" s="282">
        <v>76</v>
      </c>
      <c r="CM22" s="276">
        <v>0</v>
      </c>
      <c r="CN22" s="280">
        <v>0</v>
      </c>
      <c r="CO22" s="277">
        <v>0</v>
      </c>
      <c r="CP22" s="279">
        <v>0</v>
      </c>
      <c r="CQ22" s="280">
        <v>0</v>
      </c>
      <c r="CR22" s="280">
        <v>0</v>
      </c>
      <c r="CS22" s="280">
        <v>0</v>
      </c>
      <c r="CT22" s="280">
        <v>0</v>
      </c>
      <c r="CU22" s="280">
        <v>0</v>
      </c>
      <c r="CV22" s="277">
        <v>0</v>
      </c>
      <c r="CW22" s="282">
        <v>0</v>
      </c>
      <c r="CX22" s="276">
        <v>0</v>
      </c>
      <c r="CY22" s="280">
        <v>0</v>
      </c>
      <c r="CZ22" s="277">
        <v>0</v>
      </c>
      <c r="DA22" s="279">
        <v>0</v>
      </c>
      <c r="DB22" s="280">
        <v>0</v>
      </c>
      <c r="DC22" s="280">
        <v>0</v>
      </c>
      <c r="DD22" s="280">
        <v>0</v>
      </c>
      <c r="DE22" s="280">
        <v>0</v>
      </c>
      <c r="DF22" s="280">
        <v>0</v>
      </c>
      <c r="DG22" s="277">
        <v>0</v>
      </c>
      <c r="DH22" s="282">
        <v>0</v>
      </c>
    </row>
    <row r="23" spans="2:112" ht="21" customHeight="1" x14ac:dyDescent="0.2">
      <c r="B23" s="261" t="s">
        <v>21</v>
      </c>
      <c r="C23" s="276">
        <v>0</v>
      </c>
      <c r="D23" s="280">
        <v>0</v>
      </c>
      <c r="E23" s="384">
        <v>0</v>
      </c>
      <c r="F23" s="279">
        <v>0</v>
      </c>
      <c r="G23" s="280">
        <v>2229</v>
      </c>
      <c r="H23" s="280">
        <v>5531</v>
      </c>
      <c r="I23" s="280">
        <v>6129</v>
      </c>
      <c r="J23" s="280">
        <v>7515</v>
      </c>
      <c r="K23" s="280">
        <v>5333</v>
      </c>
      <c r="L23" s="281">
        <v>26737</v>
      </c>
      <c r="M23" s="282">
        <v>26737</v>
      </c>
      <c r="N23" s="276">
        <v>0</v>
      </c>
      <c r="O23" s="280">
        <v>0</v>
      </c>
      <c r="P23" s="277">
        <v>0</v>
      </c>
      <c r="Q23" s="279">
        <v>0</v>
      </c>
      <c r="R23" s="280">
        <v>0</v>
      </c>
      <c r="S23" s="280">
        <v>23</v>
      </c>
      <c r="T23" s="280">
        <v>102</v>
      </c>
      <c r="U23" s="280">
        <v>157</v>
      </c>
      <c r="V23" s="280">
        <v>219</v>
      </c>
      <c r="W23" s="277">
        <v>501</v>
      </c>
      <c r="X23" s="282">
        <v>501</v>
      </c>
      <c r="Y23" s="276">
        <v>327</v>
      </c>
      <c r="Z23" s="280">
        <v>612</v>
      </c>
      <c r="AA23" s="277">
        <v>939</v>
      </c>
      <c r="AB23" s="279">
        <v>0</v>
      </c>
      <c r="AC23" s="280">
        <v>1634</v>
      </c>
      <c r="AD23" s="280">
        <v>2569</v>
      </c>
      <c r="AE23" s="280">
        <v>1596</v>
      </c>
      <c r="AF23" s="280">
        <v>1539</v>
      </c>
      <c r="AG23" s="280">
        <v>844</v>
      </c>
      <c r="AH23" s="277">
        <v>8182</v>
      </c>
      <c r="AI23" s="282">
        <v>9121</v>
      </c>
      <c r="AJ23" s="276">
        <v>144</v>
      </c>
      <c r="AK23" s="280">
        <v>309</v>
      </c>
      <c r="AL23" s="277">
        <v>453</v>
      </c>
      <c r="AM23" s="279">
        <v>0</v>
      </c>
      <c r="AN23" s="280">
        <v>167</v>
      </c>
      <c r="AO23" s="280">
        <v>371</v>
      </c>
      <c r="AP23" s="280">
        <v>133</v>
      </c>
      <c r="AQ23" s="280">
        <v>165</v>
      </c>
      <c r="AR23" s="280">
        <v>71</v>
      </c>
      <c r="AS23" s="277">
        <v>907</v>
      </c>
      <c r="AT23" s="282">
        <v>1360</v>
      </c>
      <c r="AU23" s="276">
        <v>0</v>
      </c>
      <c r="AV23" s="280">
        <v>0</v>
      </c>
      <c r="AW23" s="277">
        <v>0</v>
      </c>
      <c r="AX23" s="279">
        <v>0</v>
      </c>
      <c r="AY23" s="280">
        <v>2522</v>
      </c>
      <c r="AZ23" s="280">
        <v>3039</v>
      </c>
      <c r="BA23" s="280">
        <v>2169</v>
      </c>
      <c r="BB23" s="280">
        <v>964</v>
      </c>
      <c r="BC23" s="280">
        <v>389</v>
      </c>
      <c r="BD23" s="281">
        <v>9083</v>
      </c>
      <c r="BE23" s="282">
        <v>9083</v>
      </c>
      <c r="BF23" s="276">
        <v>0</v>
      </c>
      <c r="BG23" s="280">
        <v>0</v>
      </c>
      <c r="BH23" s="277">
        <v>0</v>
      </c>
      <c r="BI23" s="279">
        <v>0</v>
      </c>
      <c r="BJ23" s="280">
        <v>495</v>
      </c>
      <c r="BK23" s="280">
        <v>578</v>
      </c>
      <c r="BL23" s="280">
        <v>345</v>
      </c>
      <c r="BM23" s="280">
        <v>120</v>
      </c>
      <c r="BN23" s="280">
        <v>101</v>
      </c>
      <c r="BO23" s="277">
        <v>1639</v>
      </c>
      <c r="BP23" s="282">
        <v>1639</v>
      </c>
      <c r="BQ23" s="276">
        <v>4</v>
      </c>
      <c r="BR23" s="280">
        <v>13</v>
      </c>
      <c r="BS23" s="277">
        <v>17</v>
      </c>
      <c r="BT23" s="279">
        <v>0</v>
      </c>
      <c r="BU23" s="280">
        <v>197</v>
      </c>
      <c r="BV23" s="280">
        <v>488</v>
      </c>
      <c r="BW23" s="280">
        <v>1015</v>
      </c>
      <c r="BX23" s="280">
        <v>624</v>
      </c>
      <c r="BY23" s="280">
        <v>528</v>
      </c>
      <c r="BZ23" s="277">
        <v>2852</v>
      </c>
      <c r="CA23" s="282">
        <v>2869</v>
      </c>
      <c r="CB23" s="276">
        <v>0</v>
      </c>
      <c r="CC23" s="280">
        <v>0</v>
      </c>
      <c r="CD23" s="277">
        <v>0</v>
      </c>
      <c r="CE23" s="279">
        <v>0</v>
      </c>
      <c r="CF23" s="280">
        <v>0</v>
      </c>
      <c r="CG23" s="280">
        <v>15</v>
      </c>
      <c r="CH23" s="280">
        <v>12</v>
      </c>
      <c r="CI23" s="280">
        <v>11</v>
      </c>
      <c r="CJ23" s="280">
        <v>37</v>
      </c>
      <c r="CK23" s="277">
        <v>75</v>
      </c>
      <c r="CL23" s="282">
        <v>75</v>
      </c>
      <c r="CM23" s="276">
        <v>0</v>
      </c>
      <c r="CN23" s="280">
        <v>0</v>
      </c>
      <c r="CO23" s="277">
        <v>0</v>
      </c>
      <c r="CP23" s="279">
        <v>0</v>
      </c>
      <c r="CQ23" s="280">
        <v>0</v>
      </c>
      <c r="CR23" s="280">
        <v>0</v>
      </c>
      <c r="CS23" s="280">
        <v>0</v>
      </c>
      <c r="CT23" s="280">
        <v>0</v>
      </c>
      <c r="CU23" s="280">
        <v>0</v>
      </c>
      <c r="CV23" s="277">
        <v>0</v>
      </c>
      <c r="CW23" s="282">
        <v>0</v>
      </c>
      <c r="CX23" s="276">
        <v>0</v>
      </c>
      <c r="CY23" s="280">
        <v>0</v>
      </c>
      <c r="CZ23" s="277">
        <v>0</v>
      </c>
      <c r="DA23" s="279">
        <v>0</v>
      </c>
      <c r="DB23" s="280">
        <v>0</v>
      </c>
      <c r="DC23" s="280">
        <v>0</v>
      </c>
      <c r="DD23" s="280">
        <v>0</v>
      </c>
      <c r="DE23" s="280">
        <v>0</v>
      </c>
      <c r="DF23" s="280">
        <v>0</v>
      </c>
      <c r="DG23" s="277">
        <v>0</v>
      </c>
      <c r="DH23" s="282">
        <v>0</v>
      </c>
    </row>
    <row r="24" spans="2:112" ht="21" customHeight="1" x14ac:dyDescent="0.2">
      <c r="B24" s="261" t="s">
        <v>22</v>
      </c>
      <c r="C24" s="276">
        <v>0</v>
      </c>
      <c r="D24" s="280">
        <v>0</v>
      </c>
      <c r="E24" s="384">
        <v>0</v>
      </c>
      <c r="F24" s="279">
        <v>0</v>
      </c>
      <c r="G24" s="280">
        <v>574</v>
      </c>
      <c r="H24" s="280">
        <v>1064</v>
      </c>
      <c r="I24" s="280">
        <v>664</v>
      </c>
      <c r="J24" s="280">
        <v>1529</v>
      </c>
      <c r="K24" s="280">
        <v>1649</v>
      </c>
      <c r="L24" s="281">
        <v>5480</v>
      </c>
      <c r="M24" s="282">
        <v>5480</v>
      </c>
      <c r="N24" s="276">
        <v>0</v>
      </c>
      <c r="O24" s="280">
        <v>0</v>
      </c>
      <c r="P24" s="277">
        <v>0</v>
      </c>
      <c r="Q24" s="279">
        <v>0</v>
      </c>
      <c r="R24" s="280">
        <v>5</v>
      </c>
      <c r="S24" s="280">
        <v>7</v>
      </c>
      <c r="T24" s="280">
        <v>16</v>
      </c>
      <c r="U24" s="280">
        <v>39</v>
      </c>
      <c r="V24" s="280">
        <v>98</v>
      </c>
      <c r="W24" s="277">
        <v>165</v>
      </c>
      <c r="X24" s="282">
        <v>165</v>
      </c>
      <c r="Y24" s="276">
        <v>15</v>
      </c>
      <c r="Z24" s="280">
        <v>55</v>
      </c>
      <c r="AA24" s="277">
        <v>70</v>
      </c>
      <c r="AB24" s="279">
        <v>0</v>
      </c>
      <c r="AC24" s="280">
        <v>347</v>
      </c>
      <c r="AD24" s="280">
        <v>547</v>
      </c>
      <c r="AE24" s="280">
        <v>172</v>
      </c>
      <c r="AF24" s="280">
        <v>247</v>
      </c>
      <c r="AG24" s="280">
        <v>249</v>
      </c>
      <c r="AH24" s="277">
        <v>1562</v>
      </c>
      <c r="AI24" s="282">
        <v>1632</v>
      </c>
      <c r="AJ24" s="276">
        <v>0</v>
      </c>
      <c r="AK24" s="280">
        <v>12</v>
      </c>
      <c r="AL24" s="277">
        <v>12</v>
      </c>
      <c r="AM24" s="279">
        <v>0</v>
      </c>
      <c r="AN24" s="280">
        <v>93</v>
      </c>
      <c r="AO24" s="280">
        <v>231</v>
      </c>
      <c r="AP24" s="280">
        <v>102</v>
      </c>
      <c r="AQ24" s="280">
        <v>50</v>
      </c>
      <c r="AR24" s="280">
        <v>79</v>
      </c>
      <c r="AS24" s="277">
        <v>555</v>
      </c>
      <c r="AT24" s="282">
        <v>567</v>
      </c>
      <c r="AU24" s="276">
        <v>0</v>
      </c>
      <c r="AV24" s="280">
        <v>0</v>
      </c>
      <c r="AW24" s="277">
        <v>0</v>
      </c>
      <c r="AX24" s="279">
        <v>0</v>
      </c>
      <c r="AY24" s="280">
        <v>1174</v>
      </c>
      <c r="AZ24" s="280">
        <v>1115</v>
      </c>
      <c r="BA24" s="280">
        <v>527</v>
      </c>
      <c r="BB24" s="280">
        <v>324</v>
      </c>
      <c r="BC24" s="280">
        <v>185</v>
      </c>
      <c r="BD24" s="281">
        <v>3325</v>
      </c>
      <c r="BE24" s="282">
        <v>3325</v>
      </c>
      <c r="BF24" s="276">
        <v>0</v>
      </c>
      <c r="BG24" s="280">
        <v>0</v>
      </c>
      <c r="BH24" s="277">
        <v>0</v>
      </c>
      <c r="BI24" s="279">
        <v>0</v>
      </c>
      <c r="BJ24" s="280">
        <v>148</v>
      </c>
      <c r="BK24" s="280">
        <v>137</v>
      </c>
      <c r="BL24" s="280">
        <v>102</v>
      </c>
      <c r="BM24" s="280">
        <v>87</v>
      </c>
      <c r="BN24" s="280">
        <v>21</v>
      </c>
      <c r="BO24" s="277">
        <v>495</v>
      </c>
      <c r="BP24" s="282">
        <v>495</v>
      </c>
      <c r="BQ24" s="276">
        <v>0</v>
      </c>
      <c r="BR24" s="280">
        <v>13</v>
      </c>
      <c r="BS24" s="277">
        <v>13</v>
      </c>
      <c r="BT24" s="279">
        <v>0</v>
      </c>
      <c r="BU24" s="280">
        <v>79</v>
      </c>
      <c r="BV24" s="280">
        <v>342</v>
      </c>
      <c r="BW24" s="280">
        <v>451</v>
      </c>
      <c r="BX24" s="280">
        <v>189</v>
      </c>
      <c r="BY24" s="280">
        <v>82</v>
      </c>
      <c r="BZ24" s="277">
        <v>1143</v>
      </c>
      <c r="CA24" s="282">
        <v>1156</v>
      </c>
      <c r="CB24" s="276">
        <v>30</v>
      </c>
      <c r="CC24" s="280">
        <v>0</v>
      </c>
      <c r="CD24" s="277">
        <v>30</v>
      </c>
      <c r="CE24" s="279">
        <v>0</v>
      </c>
      <c r="CF24" s="280">
        <v>13</v>
      </c>
      <c r="CG24" s="280">
        <v>24</v>
      </c>
      <c r="CH24" s="280">
        <v>35</v>
      </c>
      <c r="CI24" s="280">
        <v>31</v>
      </c>
      <c r="CJ24" s="280">
        <v>16</v>
      </c>
      <c r="CK24" s="277">
        <v>119</v>
      </c>
      <c r="CL24" s="282">
        <v>149</v>
      </c>
      <c r="CM24" s="276">
        <v>0</v>
      </c>
      <c r="CN24" s="280">
        <v>0</v>
      </c>
      <c r="CO24" s="277">
        <v>0</v>
      </c>
      <c r="CP24" s="279">
        <v>0</v>
      </c>
      <c r="CQ24" s="280">
        <v>0</v>
      </c>
      <c r="CR24" s="280">
        <v>0</v>
      </c>
      <c r="CS24" s="280">
        <v>0</v>
      </c>
      <c r="CT24" s="280">
        <v>0</v>
      </c>
      <c r="CU24" s="280">
        <v>0</v>
      </c>
      <c r="CV24" s="277">
        <v>0</v>
      </c>
      <c r="CW24" s="282">
        <v>0</v>
      </c>
      <c r="CX24" s="276">
        <v>0</v>
      </c>
      <c r="CY24" s="280">
        <v>0</v>
      </c>
      <c r="CZ24" s="277">
        <v>0</v>
      </c>
      <c r="DA24" s="279">
        <v>0</v>
      </c>
      <c r="DB24" s="280">
        <v>0</v>
      </c>
      <c r="DC24" s="280">
        <v>0</v>
      </c>
      <c r="DD24" s="280">
        <v>0</v>
      </c>
      <c r="DE24" s="280">
        <v>0</v>
      </c>
      <c r="DF24" s="280">
        <v>0</v>
      </c>
      <c r="DG24" s="277">
        <v>0</v>
      </c>
      <c r="DH24" s="282">
        <v>0</v>
      </c>
    </row>
    <row r="25" spans="2:112" ht="21" customHeight="1" x14ac:dyDescent="0.2">
      <c r="B25" s="261" t="s">
        <v>23</v>
      </c>
      <c r="C25" s="276">
        <v>0</v>
      </c>
      <c r="D25" s="280">
        <v>0</v>
      </c>
      <c r="E25" s="384">
        <v>0</v>
      </c>
      <c r="F25" s="279">
        <v>0</v>
      </c>
      <c r="G25" s="280">
        <v>1628</v>
      </c>
      <c r="H25" s="280">
        <v>2660</v>
      </c>
      <c r="I25" s="280">
        <v>2642</v>
      </c>
      <c r="J25" s="280">
        <v>2660</v>
      </c>
      <c r="K25" s="280">
        <v>2704</v>
      </c>
      <c r="L25" s="281">
        <v>12294</v>
      </c>
      <c r="M25" s="282">
        <v>12294</v>
      </c>
      <c r="N25" s="276">
        <v>0</v>
      </c>
      <c r="O25" s="280">
        <v>0</v>
      </c>
      <c r="P25" s="277">
        <v>0</v>
      </c>
      <c r="Q25" s="279">
        <v>0</v>
      </c>
      <c r="R25" s="280">
        <v>6</v>
      </c>
      <c r="S25" s="280">
        <v>12</v>
      </c>
      <c r="T25" s="280">
        <v>25</v>
      </c>
      <c r="U25" s="280">
        <v>49</v>
      </c>
      <c r="V25" s="280">
        <v>100</v>
      </c>
      <c r="W25" s="277">
        <v>192</v>
      </c>
      <c r="X25" s="282">
        <v>192</v>
      </c>
      <c r="Y25" s="276">
        <v>234</v>
      </c>
      <c r="Z25" s="280">
        <v>446</v>
      </c>
      <c r="AA25" s="277">
        <v>680</v>
      </c>
      <c r="AB25" s="279">
        <v>0</v>
      </c>
      <c r="AC25" s="280">
        <v>968</v>
      </c>
      <c r="AD25" s="280">
        <v>1466</v>
      </c>
      <c r="AE25" s="280">
        <v>650</v>
      </c>
      <c r="AF25" s="280">
        <v>698</v>
      </c>
      <c r="AG25" s="280">
        <v>529</v>
      </c>
      <c r="AH25" s="277">
        <v>4311</v>
      </c>
      <c r="AI25" s="282">
        <v>4991</v>
      </c>
      <c r="AJ25" s="276">
        <v>32</v>
      </c>
      <c r="AK25" s="280">
        <v>80</v>
      </c>
      <c r="AL25" s="277">
        <v>112</v>
      </c>
      <c r="AM25" s="279">
        <v>0</v>
      </c>
      <c r="AN25" s="280">
        <v>110</v>
      </c>
      <c r="AO25" s="280">
        <v>270</v>
      </c>
      <c r="AP25" s="280">
        <v>98</v>
      </c>
      <c r="AQ25" s="280">
        <v>93</v>
      </c>
      <c r="AR25" s="280">
        <v>34</v>
      </c>
      <c r="AS25" s="277">
        <v>605</v>
      </c>
      <c r="AT25" s="282">
        <v>717</v>
      </c>
      <c r="AU25" s="276">
        <v>0</v>
      </c>
      <c r="AV25" s="280">
        <v>0</v>
      </c>
      <c r="AW25" s="277">
        <v>0</v>
      </c>
      <c r="AX25" s="279">
        <v>0</v>
      </c>
      <c r="AY25" s="280">
        <v>2612</v>
      </c>
      <c r="AZ25" s="280">
        <v>2440</v>
      </c>
      <c r="BA25" s="280">
        <v>1383</v>
      </c>
      <c r="BB25" s="280">
        <v>857</v>
      </c>
      <c r="BC25" s="280">
        <v>297</v>
      </c>
      <c r="BD25" s="281">
        <v>7589</v>
      </c>
      <c r="BE25" s="282">
        <v>7589</v>
      </c>
      <c r="BF25" s="276">
        <v>0</v>
      </c>
      <c r="BG25" s="280">
        <v>0</v>
      </c>
      <c r="BH25" s="277">
        <v>0</v>
      </c>
      <c r="BI25" s="279">
        <v>0</v>
      </c>
      <c r="BJ25" s="280">
        <v>280</v>
      </c>
      <c r="BK25" s="280">
        <v>411</v>
      </c>
      <c r="BL25" s="280">
        <v>337</v>
      </c>
      <c r="BM25" s="280">
        <v>232</v>
      </c>
      <c r="BN25" s="280">
        <v>64</v>
      </c>
      <c r="BO25" s="277">
        <v>1324</v>
      </c>
      <c r="BP25" s="282">
        <v>1324</v>
      </c>
      <c r="BQ25" s="276">
        <v>6</v>
      </c>
      <c r="BR25" s="280">
        <v>9</v>
      </c>
      <c r="BS25" s="277">
        <v>15</v>
      </c>
      <c r="BT25" s="279">
        <v>0</v>
      </c>
      <c r="BU25" s="280">
        <v>149</v>
      </c>
      <c r="BV25" s="280">
        <v>368</v>
      </c>
      <c r="BW25" s="280">
        <v>584</v>
      </c>
      <c r="BX25" s="280">
        <v>563</v>
      </c>
      <c r="BY25" s="280">
        <v>114</v>
      </c>
      <c r="BZ25" s="277">
        <v>1778</v>
      </c>
      <c r="CA25" s="282">
        <v>1793</v>
      </c>
      <c r="CB25" s="276">
        <v>0</v>
      </c>
      <c r="CC25" s="280">
        <v>3</v>
      </c>
      <c r="CD25" s="277">
        <v>3</v>
      </c>
      <c r="CE25" s="279">
        <v>0</v>
      </c>
      <c r="CF25" s="280">
        <v>4</v>
      </c>
      <c r="CG25" s="280">
        <v>11</v>
      </c>
      <c r="CH25" s="280">
        <v>15</v>
      </c>
      <c r="CI25" s="280">
        <v>20</v>
      </c>
      <c r="CJ25" s="280">
        <v>35</v>
      </c>
      <c r="CK25" s="277">
        <v>85</v>
      </c>
      <c r="CL25" s="282">
        <v>88</v>
      </c>
      <c r="CM25" s="276">
        <v>0</v>
      </c>
      <c r="CN25" s="280">
        <v>0</v>
      </c>
      <c r="CO25" s="277">
        <v>0</v>
      </c>
      <c r="CP25" s="279">
        <v>0</v>
      </c>
      <c r="CQ25" s="280">
        <v>0</v>
      </c>
      <c r="CR25" s="280">
        <v>0</v>
      </c>
      <c r="CS25" s="280">
        <v>0</v>
      </c>
      <c r="CT25" s="280">
        <v>0</v>
      </c>
      <c r="CU25" s="280">
        <v>0</v>
      </c>
      <c r="CV25" s="277">
        <v>0</v>
      </c>
      <c r="CW25" s="282">
        <v>0</v>
      </c>
      <c r="CX25" s="276">
        <v>0</v>
      </c>
      <c r="CY25" s="280">
        <v>0</v>
      </c>
      <c r="CZ25" s="277">
        <v>0</v>
      </c>
      <c r="DA25" s="279">
        <v>0</v>
      </c>
      <c r="DB25" s="280">
        <v>0</v>
      </c>
      <c r="DC25" s="280">
        <v>0</v>
      </c>
      <c r="DD25" s="280">
        <v>0</v>
      </c>
      <c r="DE25" s="280">
        <v>0</v>
      </c>
      <c r="DF25" s="280">
        <v>0</v>
      </c>
      <c r="DG25" s="277">
        <v>0</v>
      </c>
      <c r="DH25" s="282">
        <v>0</v>
      </c>
    </row>
    <row r="26" spans="2:112" ht="21" customHeight="1" x14ac:dyDescent="0.2">
      <c r="B26" s="261" t="s">
        <v>24</v>
      </c>
      <c r="C26" s="276">
        <v>0</v>
      </c>
      <c r="D26" s="280">
        <v>0</v>
      </c>
      <c r="E26" s="384">
        <v>0</v>
      </c>
      <c r="F26" s="279">
        <v>0</v>
      </c>
      <c r="G26" s="280">
        <v>780</v>
      </c>
      <c r="H26" s="280">
        <v>921</v>
      </c>
      <c r="I26" s="280">
        <v>1182</v>
      </c>
      <c r="J26" s="280">
        <v>1713</v>
      </c>
      <c r="K26" s="280">
        <v>1722</v>
      </c>
      <c r="L26" s="281">
        <v>6318</v>
      </c>
      <c r="M26" s="282">
        <v>6318</v>
      </c>
      <c r="N26" s="276">
        <v>0</v>
      </c>
      <c r="O26" s="280">
        <v>0</v>
      </c>
      <c r="P26" s="277">
        <v>0</v>
      </c>
      <c r="Q26" s="279">
        <v>0</v>
      </c>
      <c r="R26" s="280">
        <v>0</v>
      </c>
      <c r="S26" s="280">
        <v>9</v>
      </c>
      <c r="T26" s="280">
        <v>28</v>
      </c>
      <c r="U26" s="280">
        <v>50</v>
      </c>
      <c r="V26" s="280">
        <v>95</v>
      </c>
      <c r="W26" s="277">
        <v>182</v>
      </c>
      <c r="X26" s="282">
        <v>182</v>
      </c>
      <c r="Y26" s="276">
        <v>83</v>
      </c>
      <c r="Z26" s="280">
        <v>163</v>
      </c>
      <c r="AA26" s="277">
        <v>246</v>
      </c>
      <c r="AB26" s="279">
        <v>0</v>
      </c>
      <c r="AC26" s="280">
        <v>470</v>
      </c>
      <c r="AD26" s="280">
        <v>472</v>
      </c>
      <c r="AE26" s="280">
        <v>403</v>
      </c>
      <c r="AF26" s="280">
        <v>330</v>
      </c>
      <c r="AG26" s="280">
        <v>401</v>
      </c>
      <c r="AH26" s="277">
        <v>2076</v>
      </c>
      <c r="AI26" s="282">
        <v>2322</v>
      </c>
      <c r="AJ26" s="276">
        <v>0</v>
      </c>
      <c r="AK26" s="280">
        <v>10</v>
      </c>
      <c r="AL26" s="277">
        <v>10</v>
      </c>
      <c r="AM26" s="279">
        <v>0</v>
      </c>
      <c r="AN26" s="280">
        <v>44</v>
      </c>
      <c r="AO26" s="280">
        <v>80</v>
      </c>
      <c r="AP26" s="280">
        <v>18</v>
      </c>
      <c r="AQ26" s="280">
        <v>93</v>
      </c>
      <c r="AR26" s="280">
        <v>72</v>
      </c>
      <c r="AS26" s="277">
        <v>307</v>
      </c>
      <c r="AT26" s="282">
        <v>317</v>
      </c>
      <c r="AU26" s="276">
        <v>0</v>
      </c>
      <c r="AV26" s="280">
        <v>0</v>
      </c>
      <c r="AW26" s="277">
        <v>0</v>
      </c>
      <c r="AX26" s="279">
        <v>0</v>
      </c>
      <c r="AY26" s="280">
        <v>995</v>
      </c>
      <c r="AZ26" s="280">
        <v>798</v>
      </c>
      <c r="BA26" s="280">
        <v>397</v>
      </c>
      <c r="BB26" s="280">
        <v>240</v>
      </c>
      <c r="BC26" s="280">
        <v>98</v>
      </c>
      <c r="BD26" s="281">
        <v>2528</v>
      </c>
      <c r="BE26" s="282">
        <v>2528</v>
      </c>
      <c r="BF26" s="276">
        <v>0</v>
      </c>
      <c r="BG26" s="280">
        <v>0</v>
      </c>
      <c r="BH26" s="277">
        <v>0</v>
      </c>
      <c r="BI26" s="279">
        <v>0</v>
      </c>
      <c r="BJ26" s="280">
        <v>309</v>
      </c>
      <c r="BK26" s="280">
        <v>334</v>
      </c>
      <c r="BL26" s="280">
        <v>137</v>
      </c>
      <c r="BM26" s="280">
        <v>68</v>
      </c>
      <c r="BN26" s="280">
        <v>167</v>
      </c>
      <c r="BO26" s="277">
        <v>1015</v>
      </c>
      <c r="BP26" s="282">
        <v>1015</v>
      </c>
      <c r="BQ26" s="276">
        <v>8</v>
      </c>
      <c r="BR26" s="280">
        <v>2</v>
      </c>
      <c r="BS26" s="277">
        <v>10</v>
      </c>
      <c r="BT26" s="279">
        <v>0</v>
      </c>
      <c r="BU26" s="280">
        <v>143</v>
      </c>
      <c r="BV26" s="280">
        <v>161</v>
      </c>
      <c r="BW26" s="280">
        <v>189</v>
      </c>
      <c r="BX26" s="280">
        <v>235</v>
      </c>
      <c r="BY26" s="280">
        <v>153</v>
      </c>
      <c r="BZ26" s="277">
        <v>881</v>
      </c>
      <c r="CA26" s="282">
        <v>891</v>
      </c>
      <c r="CB26" s="276">
        <v>0</v>
      </c>
      <c r="CC26" s="280">
        <v>0</v>
      </c>
      <c r="CD26" s="277">
        <v>0</v>
      </c>
      <c r="CE26" s="279">
        <v>0</v>
      </c>
      <c r="CF26" s="280">
        <v>16</v>
      </c>
      <c r="CG26" s="280">
        <v>30</v>
      </c>
      <c r="CH26" s="280">
        <v>12</v>
      </c>
      <c r="CI26" s="280">
        <v>10</v>
      </c>
      <c r="CJ26" s="280">
        <v>26</v>
      </c>
      <c r="CK26" s="277">
        <v>94</v>
      </c>
      <c r="CL26" s="282">
        <v>94</v>
      </c>
      <c r="CM26" s="276">
        <v>0</v>
      </c>
      <c r="CN26" s="280">
        <v>0</v>
      </c>
      <c r="CO26" s="277">
        <v>0</v>
      </c>
      <c r="CP26" s="279">
        <v>0</v>
      </c>
      <c r="CQ26" s="280">
        <v>0</v>
      </c>
      <c r="CR26" s="280">
        <v>0</v>
      </c>
      <c r="CS26" s="280">
        <v>0</v>
      </c>
      <c r="CT26" s="280">
        <v>0</v>
      </c>
      <c r="CU26" s="280">
        <v>0</v>
      </c>
      <c r="CV26" s="277">
        <v>0</v>
      </c>
      <c r="CW26" s="282">
        <v>0</v>
      </c>
      <c r="CX26" s="276">
        <v>0</v>
      </c>
      <c r="CY26" s="280">
        <v>0</v>
      </c>
      <c r="CZ26" s="277">
        <v>0</v>
      </c>
      <c r="DA26" s="279">
        <v>0</v>
      </c>
      <c r="DB26" s="280">
        <v>0</v>
      </c>
      <c r="DC26" s="280">
        <v>0</v>
      </c>
      <c r="DD26" s="280">
        <v>0</v>
      </c>
      <c r="DE26" s="280">
        <v>0</v>
      </c>
      <c r="DF26" s="280">
        <v>0</v>
      </c>
      <c r="DG26" s="277">
        <v>0</v>
      </c>
      <c r="DH26" s="282">
        <v>0</v>
      </c>
    </row>
    <row r="27" spans="2:112" ht="21" customHeight="1" x14ac:dyDescent="0.2">
      <c r="B27" s="261" t="s">
        <v>25</v>
      </c>
      <c r="C27" s="276">
        <v>0</v>
      </c>
      <c r="D27" s="280">
        <v>0</v>
      </c>
      <c r="E27" s="384">
        <v>0</v>
      </c>
      <c r="F27" s="279">
        <v>0</v>
      </c>
      <c r="G27" s="280">
        <v>1343</v>
      </c>
      <c r="H27" s="280">
        <v>1521</v>
      </c>
      <c r="I27" s="280">
        <v>1317</v>
      </c>
      <c r="J27" s="280">
        <v>2382</v>
      </c>
      <c r="K27" s="280">
        <v>1933</v>
      </c>
      <c r="L27" s="281">
        <v>8496</v>
      </c>
      <c r="M27" s="282">
        <v>8496</v>
      </c>
      <c r="N27" s="276">
        <v>0</v>
      </c>
      <c r="O27" s="280">
        <v>0</v>
      </c>
      <c r="P27" s="277">
        <v>0</v>
      </c>
      <c r="Q27" s="279">
        <v>0</v>
      </c>
      <c r="R27" s="280">
        <v>8</v>
      </c>
      <c r="S27" s="280">
        <v>39</v>
      </c>
      <c r="T27" s="280">
        <v>34</v>
      </c>
      <c r="U27" s="280">
        <v>77</v>
      </c>
      <c r="V27" s="280">
        <v>131</v>
      </c>
      <c r="W27" s="277">
        <v>289</v>
      </c>
      <c r="X27" s="282">
        <v>289</v>
      </c>
      <c r="Y27" s="276">
        <v>103</v>
      </c>
      <c r="Z27" s="280">
        <v>248</v>
      </c>
      <c r="AA27" s="277">
        <v>351</v>
      </c>
      <c r="AB27" s="279">
        <v>0</v>
      </c>
      <c r="AC27" s="280">
        <v>541</v>
      </c>
      <c r="AD27" s="280">
        <v>639</v>
      </c>
      <c r="AE27" s="280">
        <v>309</v>
      </c>
      <c r="AF27" s="280">
        <v>249</v>
      </c>
      <c r="AG27" s="280">
        <v>268</v>
      </c>
      <c r="AH27" s="277">
        <v>2006</v>
      </c>
      <c r="AI27" s="282">
        <v>2357</v>
      </c>
      <c r="AJ27" s="276">
        <v>27</v>
      </c>
      <c r="AK27" s="280">
        <v>46</v>
      </c>
      <c r="AL27" s="277">
        <v>73</v>
      </c>
      <c r="AM27" s="279">
        <v>0</v>
      </c>
      <c r="AN27" s="280">
        <v>14</v>
      </c>
      <c r="AO27" s="280">
        <v>144</v>
      </c>
      <c r="AP27" s="280">
        <v>82</v>
      </c>
      <c r="AQ27" s="280">
        <v>46</v>
      </c>
      <c r="AR27" s="280">
        <v>76</v>
      </c>
      <c r="AS27" s="277">
        <v>362</v>
      </c>
      <c r="AT27" s="282">
        <v>435</v>
      </c>
      <c r="AU27" s="276">
        <v>0</v>
      </c>
      <c r="AV27" s="280">
        <v>0</v>
      </c>
      <c r="AW27" s="277">
        <v>0</v>
      </c>
      <c r="AX27" s="279">
        <v>0</v>
      </c>
      <c r="AY27" s="280">
        <v>1428</v>
      </c>
      <c r="AZ27" s="280">
        <v>817</v>
      </c>
      <c r="BA27" s="280">
        <v>508</v>
      </c>
      <c r="BB27" s="280">
        <v>468</v>
      </c>
      <c r="BC27" s="280">
        <v>47</v>
      </c>
      <c r="BD27" s="281">
        <v>3268</v>
      </c>
      <c r="BE27" s="282">
        <v>3268</v>
      </c>
      <c r="BF27" s="276">
        <v>0</v>
      </c>
      <c r="BG27" s="280">
        <v>0</v>
      </c>
      <c r="BH27" s="277">
        <v>0</v>
      </c>
      <c r="BI27" s="279">
        <v>0</v>
      </c>
      <c r="BJ27" s="280">
        <v>314</v>
      </c>
      <c r="BK27" s="280">
        <v>494</v>
      </c>
      <c r="BL27" s="280">
        <v>194</v>
      </c>
      <c r="BM27" s="280">
        <v>96</v>
      </c>
      <c r="BN27" s="280">
        <v>43</v>
      </c>
      <c r="BO27" s="277">
        <v>1141</v>
      </c>
      <c r="BP27" s="282">
        <v>1141</v>
      </c>
      <c r="BQ27" s="276">
        <v>0</v>
      </c>
      <c r="BR27" s="280">
        <v>8</v>
      </c>
      <c r="BS27" s="277">
        <v>8</v>
      </c>
      <c r="BT27" s="279">
        <v>0</v>
      </c>
      <c r="BU27" s="280">
        <v>71</v>
      </c>
      <c r="BV27" s="280">
        <v>202</v>
      </c>
      <c r="BW27" s="280">
        <v>192</v>
      </c>
      <c r="BX27" s="280">
        <v>120</v>
      </c>
      <c r="BY27" s="280">
        <v>28</v>
      </c>
      <c r="BZ27" s="277">
        <v>613</v>
      </c>
      <c r="CA27" s="282">
        <v>621</v>
      </c>
      <c r="CB27" s="276">
        <v>0</v>
      </c>
      <c r="CC27" s="280">
        <v>0</v>
      </c>
      <c r="CD27" s="277">
        <v>0</v>
      </c>
      <c r="CE27" s="279">
        <v>0</v>
      </c>
      <c r="CF27" s="280">
        <v>15</v>
      </c>
      <c r="CG27" s="280">
        <v>12</v>
      </c>
      <c r="CH27" s="280">
        <v>40</v>
      </c>
      <c r="CI27" s="280">
        <v>25</v>
      </c>
      <c r="CJ27" s="280">
        <v>0</v>
      </c>
      <c r="CK27" s="277">
        <v>92</v>
      </c>
      <c r="CL27" s="282">
        <v>92</v>
      </c>
      <c r="CM27" s="276">
        <v>0</v>
      </c>
      <c r="CN27" s="280">
        <v>0</v>
      </c>
      <c r="CO27" s="277">
        <v>0</v>
      </c>
      <c r="CP27" s="279">
        <v>0</v>
      </c>
      <c r="CQ27" s="280">
        <v>0</v>
      </c>
      <c r="CR27" s="280">
        <v>0</v>
      </c>
      <c r="CS27" s="280">
        <v>0</v>
      </c>
      <c r="CT27" s="280">
        <v>0</v>
      </c>
      <c r="CU27" s="280">
        <v>0</v>
      </c>
      <c r="CV27" s="277">
        <v>0</v>
      </c>
      <c r="CW27" s="282">
        <v>0</v>
      </c>
      <c r="CX27" s="276">
        <v>0</v>
      </c>
      <c r="CY27" s="280">
        <v>0</v>
      </c>
      <c r="CZ27" s="277">
        <v>0</v>
      </c>
      <c r="DA27" s="279">
        <v>0</v>
      </c>
      <c r="DB27" s="280">
        <v>0</v>
      </c>
      <c r="DC27" s="280">
        <v>0</v>
      </c>
      <c r="DD27" s="280">
        <v>0</v>
      </c>
      <c r="DE27" s="280">
        <v>0</v>
      </c>
      <c r="DF27" s="280">
        <v>0</v>
      </c>
      <c r="DG27" s="277">
        <v>0</v>
      </c>
      <c r="DH27" s="282">
        <v>0</v>
      </c>
    </row>
    <row r="28" spans="2:112" ht="21" customHeight="1" x14ac:dyDescent="0.2">
      <c r="B28" s="261" t="s">
        <v>26</v>
      </c>
      <c r="C28" s="276">
        <v>0</v>
      </c>
      <c r="D28" s="280">
        <v>0</v>
      </c>
      <c r="E28" s="384">
        <v>0</v>
      </c>
      <c r="F28" s="279">
        <v>0</v>
      </c>
      <c r="G28" s="280">
        <v>869</v>
      </c>
      <c r="H28" s="280">
        <v>1177</v>
      </c>
      <c r="I28" s="280">
        <v>984</v>
      </c>
      <c r="J28" s="280">
        <v>1723</v>
      </c>
      <c r="K28" s="280">
        <v>2496</v>
      </c>
      <c r="L28" s="281">
        <v>7249</v>
      </c>
      <c r="M28" s="282">
        <v>7249</v>
      </c>
      <c r="N28" s="276">
        <v>0</v>
      </c>
      <c r="O28" s="280">
        <v>0</v>
      </c>
      <c r="P28" s="277">
        <v>0</v>
      </c>
      <c r="Q28" s="279">
        <v>0</v>
      </c>
      <c r="R28" s="280">
        <v>2</v>
      </c>
      <c r="S28" s="280">
        <v>4</v>
      </c>
      <c r="T28" s="280">
        <v>33</v>
      </c>
      <c r="U28" s="280">
        <v>46</v>
      </c>
      <c r="V28" s="280">
        <v>72</v>
      </c>
      <c r="W28" s="277">
        <v>157</v>
      </c>
      <c r="X28" s="282">
        <v>157</v>
      </c>
      <c r="Y28" s="276">
        <v>46</v>
      </c>
      <c r="Z28" s="280">
        <v>66</v>
      </c>
      <c r="AA28" s="277">
        <v>112</v>
      </c>
      <c r="AB28" s="279">
        <v>0</v>
      </c>
      <c r="AC28" s="280">
        <v>388</v>
      </c>
      <c r="AD28" s="280">
        <v>405</v>
      </c>
      <c r="AE28" s="280">
        <v>305</v>
      </c>
      <c r="AF28" s="280">
        <v>325</v>
      </c>
      <c r="AG28" s="280">
        <v>366</v>
      </c>
      <c r="AH28" s="277">
        <v>1789</v>
      </c>
      <c r="AI28" s="282">
        <v>1901</v>
      </c>
      <c r="AJ28" s="276">
        <v>0</v>
      </c>
      <c r="AK28" s="280">
        <v>0</v>
      </c>
      <c r="AL28" s="277">
        <v>0</v>
      </c>
      <c r="AM28" s="279">
        <v>0</v>
      </c>
      <c r="AN28" s="280">
        <v>18</v>
      </c>
      <c r="AO28" s="280">
        <v>109</v>
      </c>
      <c r="AP28" s="280">
        <v>49</v>
      </c>
      <c r="AQ28" s="280">
        <v>58</v>
      </c>
      <c r="AR28" s="280">
        <v>32</v>
      </c>
      <c r="AS28" s="277">
        <v>266</v>
      </c>
      <c r="AT28" s="282">
        <v>266</v>
      </c>
      <c r="AU28" s="276">
        <v>0</v>
      </c>
      <c r="AV28" s="280">
        <v>0</v>
      </c>
      <c r="AW28" s="277">
        <v>0</v>
      </c>
      <c r="AX28" s="279">
        <v>0</v>
      </c>
      <c r="AY28" s="280">
        <v>932</v>
      </c>
      <c r="AZ28" s="280">
        <v>896</v>
      </c>
      <c r="BA28" s="280">
        <v>493</v>
      </c>
      <c r="BB28" s="280">
        <v>200</v>
      </c>
      <c r="BC28" s="280">
        <v>167</v>
      </c>
      <c r="BD28" s="281">
        <v>2688</v>
      </c>
      <c r="BE28" s="282">
        <v>2688</v>
      </c>
      <c r="BF28" s="276">
        <v>0</v>
      </c>
      <c r="BG28" s="280">
        <v>0</v>
      </c>
      <c r="BH28" s="277">
        <v>0</v>
      </c>
      <c r="BI28" s="279">
        <v>0</v>
      </c>
      <c r="BJ28" s="280">
        <v>146</v>
      </c>
      <c r="BK28" s="280">
        <v>202</v>
      </c>
      <c r="BL28" s="280">
        <v>106</v>
      </c>
      <c r="BM28" s="280">
        <v>51</v>
      </c>
      <c r="BN28" s="280">
        <v>52</v>
      </c>
      <c r="BO28" s="277">
        <v>557</v>
      </c>
      <c r="BP28" s="282">
        <v>557</v>
      </c>
      <c r="BQ28" s="276">
        <v>0</v>
      </c>
      <c r="BR28" s="280">
        <v>16</v>
      </c>
      <c r="BS28" s="277">
        <v>16</v>
      </c>
      <c r="BT28" s="279">
        <v>0</v>
      </c>
      <c r="BU28" s="280">
        <v>44</v>
      </c>
      <c r="BV28" s="280">
        <v>143</v>
      </c>
      <c r="BW28" s="280">
        <v>247</v>
      </c>
      <c r="BX28" s="280">
        <v>220</v>
      </c>
      <c r="BY28" s="280">
        <v>113</v>
      </c>
      <c r="BZ28" s="277">
        <v>767</v>
      </c>
      <c r="CA28" s="282">
        <v>783</v>
      </c>
      <c r="CB28" s="276">
        <v>0</v>
      </c>
      <c r="CC28" s="280">
        <v>0</v>
      </c>
      <c r="CD28" s="277">
        <v>0</v>
      </c>
      <c r="CE28" s="279">
        <v>0</v>
      </c>
      <c r="CF28" s="280">
        <v>12</v>
      </c>
      <c r="CG28" s="280">
        <v>5</v>
      </c>
      <c r="CH28" s="280">
        <v>8</v>
      </c>
      <c r="CI28" s="280">
        <v>15</v>
      </c>
      <c r="CJ28" s="280">
        <v>16</v>
      </c>
      <c r="CK28" s="277">
        <v>56</v>
      </c>
      <c r="CL28" s="282">
        <v>56</v>
      </c>
      <c r="CM28" s="276">
        <v>0</v>
      </c>
      <c r="CN28" s="280">
        <v>0</v>
      </c>
      <c r="CO28" s="277">
        <v>0</v>
      </c>
      <c r="CP28" s="279">
        <v>0</v>
      </c>
      <c r="CQ28" s="280">
        <v>0</v>
      </c>
      <c r="CR28" s="280">
        <v>0</v>
      </c>
      <c r="CS28" s="280">
        <v>0</v>
      </c>
      <c r="CT28" s="280">
        <v>0</v>
      </c>
      <c r="CU28" s="280">
        <v>0</v>
      </c>
      <c r="CV28" s="277">
        <v>0</v>
      </c>
      <c r="CW28" s="282">
        <v>0</v>
      </c>
      <c r="CX28" s="276">
        <v>0</v>
      </c>
      <c r="CY28" s="280">
        <v>0</v>
      </c>
      <c r="CZ28" s="277">
        <v>0</v>
      </c>
      <c r="DA28" s="279">
        <v>0</v>
      </c>
      <c r="DB28" s="280">
        <v>0</v>
      </c>
      <c r="DC28" s="280">
        <v>0</v>
      </c>
      <c r="DD28" s="280">
        <v>0</v>
      </c>
      <c r="DE28" s="280">
        <v>0</v>
      </c>
      <c r="DF28" s="280">
        <v>0</v>
      </c>
      <c r="DG28" s="277">
        <v>0</v>
      </c>
      <c r="DH28" s="282">
        <v>0</v>
      </c>
    </row>
    <row r="29" spans="2:112" ht="21" customHeight="1" x14ac:dyDescent="0.2">
      <c r="B29" s="261" t="s">
        <v>27</v>
      </c>
      <c r="C29" s="276">
        <v>0</v>
      </c>
      <c r="D29" s="280">
        <v>0</v>
      </c>
      <c r="E29" s="384">
        <v>0</v>
      </c>
      <c r="F29" s="279">
        <v>0</v>
      </c>
      <c r="G29" s="280">
        <v>789</v>
      </c>
      <c r="H29" s="280">
        <v>911</v>
      </c>
      <c r="I29" s="280">
        <v>1252</v>
      </c>
      <c r="J29" s="280">
        <v>1469</v>
      </c>
      <c r="K29" s="280">
        <v>1331</v>
      </c>
      <c r="L29" s="281">
        <v>5752</v>
      </c>
      <c r="M29" s="282">
        <v>5752</v>
      </c>
      <c r="N29" s="276">
        <v>0</v>
      </c>
      <c r="O29" s="280">
        <v>0</v>
      </c>
      <c r="P29" s="277">
        <v>0</v>
      </c>
      <c r="Q29" s="279">
        <v>0</v>
      </c>
      <c r="R29" s="280">
        <v>5</v>
      </c>
      <c r="S29" s="280">
        <v>16</v>
      </c>
      <c r="T29" s="280">
        <v>28</v>
      </c>
      <c r="U29" s="280">
        <v>72</v>
      </c>
      <c r="V29" s="280">
        <v>79</v>
      </c>
      <c r="W29" s="277">
        <v>200</v>
      </c>
      <c r="X29" s="282">
        <v>200</v>
      </c>
      <c r="Y29" s="276">
        <v>150</v>
      </c>
      <c r="Z29" s="280">
        <v>268</v>
      </c>
      <c r="AA29" s="277">
        <v>418</v>
      </c>
      <c r="AB29" s="279">
        <v>0</v>
      </c>
      <c r="AC29" s="280">
        <v>221</v>
      </c>
      <c r="AD29" s="280">
        <v>309</v>
      </c>
      <c r="AE29" s="280">
        <v>299</v>
      </c>
      <c r="AF29" s="280">
        <v>276</v>
      </c>
      <c r="AG29" s="280">
        <v>312</v>
      </c>
      <c r="AH29" s="277">
        <v>1417</v>
      </c>
      <c r="AI29" s="282">
        <v>1835</v>
      </c>
      <c r="AJ29" s="276">
        <v>0</v>
      </c>
      <c r="AK29" s="280">
        <v>21</v>
      </c>
      <c r="AL29" s="277">
        <v>21</v>
      </c>
      <c r="AM29" s="279">
        <v>0</v>
      </c>
      <c r="AN29" s="280">
        <v>9</v>
      </c>
      <c r="AO29" s="280">
        <v>34</v>
      </c>
      <c r="AP29" s="280">
        <v>0</v>
      </c>
      <c r="AQ29" s="280">
        <v>4</v>
      </c>
      <c r="AR29" s="280">
        <v>12</v>
      </c>
      <c r="AS29" s="277">
        <v>59</v>
      </c>
      <c r="AT29" s="282">
        <v>80</v>
      </c>
      <c r="AU29" s="276">
        <v>0</v>
      </c>
      <c r="AV29" s="280">
        <v>0</v>
      </c>
      <c r="AW29" s="277">
        <v>0</v>
      </c>
      <c r="AX29" s="279">
        <v>0</v>
      </c>
      <c r="AY29" s="280">
        <v>982</v>
      </c>
      <c r="AZ29" s="280">
        <v>690</v>
      </c>
      <c r="BA29" s="280">
        <v>417</v>
      </c>
      <c r="BB29" s="280">
        <v>316</v>
      </c>
      <c r="BC29" s="280">
        <v>123</v>
      </c>
      <c r="BD29" s="281">
        <v>2528</v>
      </c>
      <c r="BE29" s="282">
        <v>2528</v>
      </c>
      <c r="BF29" s="276">
        <v>0</v>
      </c>
      <c r="BG29" s="280">
        <v>0</v>
      </c>
      <c r="BH29" s="277">
        <v>0</v>
      </c>
      <c r="BI29" s="279">
        <v>0</v>
      </c>
      <c r="BJ29" s="280">
        <v>141</v>
      </c>
      <c r="BK29" s="280">
        <v>195</v>
      </c>
      <c r="BL29" s="280">
        <v>95</v>
      </c>
      <c r="BM29" s="280">
        <v>37</v>
      </c>
      <c r="BN29" s="280">
        <v>30</v>
      </c>
      <c r="BO29" s="277">
        <v>498</v>
      </c>
      <c r="BP29" s="282">
        <v>498</v>
      </c>
      <c r="BQ29" s="276">
        <v>2</v>
      </c>
      <c r="BR29" s="280">
        <v>0</v>
      </c>
      <c r="BS29" s="277">
        <v>2</v>
      </c>
      <c r="BT29" s="279">
        <v>0</v>
      </c>
      <c r="BU29" s="280">
        <v>71</v>
      </c>
      <c r="BV29" s="280">
        <v>102</v>
      </c>
      <c r="BW29" s="280">
        <v>142</v>
      </c>
      <c r="BX29" s="280">
        <v>207</v>
      </c>
      <c r="BY29" s="280">
        <v>77</v>
      </c>
      <c r="BZ29" s="277">
        <v>599</v>
      </c>
      <c r="CA29" s="282">
        <v>601</v>
      </c>
      <c r="CB29" s="276">
        <v>0</v>
      </c>
      <c r="CC29" s="280">
        <v>3</v>
      </c>
      <c r="CD29" s="277">
        <v>3</v>
      </c>
      <c r="CE29" s="279">
        <v>0</v>
      </c>
      <c r="CF29" s="280">
        <v>41</v>
      </c>
      <c r="CG29" s="280">
        <v>2</v>
      </c>
      <c r="CH29" s="280">
        <v>0</v>
      </c>
      <c r="CI29" s="280">
        <v>18</v>
      </c>
      <c r="CJ29" s="280">
        <v>5</v>
      </c>
      <c r="CK29" s="277">
        <v>66</v>
      </c>
      <c r="CL29" s="282">
        <v>69</v>
      </c>
      <c r="CM29" s="276">
        <v>0</v>
      </c>
      <c r="CN29" s="280">
        <v>0</v>
      </c>
      <c r="CO29" s="277">
        <v>0</v>
      </c>
      <c r="CP29" s="279">
        <v>0</v>
      </c>
      <c r="CQ29" s="280">
        <v>0</v>
      </c>
      <c r="CR29" s="280">
        <v>0</v>
      </c>
      <c r="CS29" s="280">
        <v>0</v>
      </c>
      <c r="CT29" s="280">
        <v>0</v>
      </c>
      <c r="CU29" s="280">
        <v>0</v>
      </c>
      <c r="CV29" s="277">
        <v>0</v>
      </c>
      <c r="CW29" s="282">
        <v>0</v>
      </c>
      <c r="CX29" s="276">
        <v>0</v>
      </c>
      <c r="CY29" s="280">
        <v>0</v>
      </c>
      <c r="CZ29" s="277">
        <v>0</v>
      </c>
      <c r="DA29" s="279">
        <v>0</v>
      </c>
      <c r="DB29" s="280">
        <v>0</v>
      </c>
      <c r="DC29" s="280">
        <v>0</v>
      </c>
      <c r="DD29" s="280">
        <v>0</v>
      </c>
      <c r="DE29" s="280">
        <v>0</v>
      </c>
      <c r="DF29" s="280">
        <v>0</v>
      </c>
      <c r="DG29" s="277">
        <v>0</v>
      </c>
      <c r="DH29" s="282">
        <v>0</v>
      </c>
    </row>
    <row r="30" spans="2:112" ht="21" customHeight="1" x14ac:dyDescent="0.2">
      <c r="B30" s="261" t="s">
        <v>28</v>
      </c>
      <c r="C30" s="276">
        <v>0</v>
      </c>
      <c r="D30" s="280">
        <v>0</v>
      </c>
      <c r="E30" s="384">
        <v>0</v>
      </c>
      <c r="F30" s="279">
        <v>0</v>
      </c>
      <c r="G30" s="280">
        <v>128</v>
      </c>
      <c r="H30" s="280">
        <v>279</v>
      </c>
      <c r="I30" s="280">
        <v>99</v>
      </c>
      <c r="J30" s="280">
        <v>198</v>
      </c>
      <c r="K30" s="280">
        <v>197</v>
      </c>
      <c r="L30" s="281">
        <v>901</v>
      </c>
      <c r="M30" s="282">
        <v>901</v>
      </c>
      <c r="N30" s="276">
        <v>0</v>
      </c>
      <c r="O30" s="280">
        <v>0</v>
      </c>
      <c r="P30" s="277">
        <v>0</v>
      </c>
      <c r="Q30" s="279">
        <v>0</v>
      </c>
      <c r="R30" s="280">
        <v>0</v>
      </c>
      <c r="S30" s="280">
        <v>1</v>
      </c>
      <c r="T30" s="280">
        <v>9</v>
      </c>
      <c r="U30" s="280">
        <v>4</v>
      </c>
      <c r="V30" s="280">
        <v>9</v>
      </c>
      <c r="W30" s="277">
        <v>23</v>
      </c>
      <c r="X30" s="282">
        <v>23</v>
      </c>
      <c r="Y30" s="276">
        <v>16</v>
      </c>
      <c r="Z30" s="280">
        <v>19</v>
      </c>
      <c r="AA30" s="277">
        <v>35</v>
      </c>
      <c r="AB30" s="279">
        <v>0</v>
      </c>
      <c r="AC30" s="280">
        <v>22</v>
      </c>
      <c r="AD30" s="280">
        <v>145</v>
      </c>
      <c r="AE30" s="280">
        <v>73</v>
      </c>
      <c r="AF30" s="280">
        <v>64</v>
      </c>
      <c r="AG30" s="280">
        <v>93</v>
      </c>
      <c r="AH30" s="277">
        <v>397</v>
      </c>
      <c r="AI30" s="282">
        <v>432</v>
      </c>
      <c r="AJ30" s="276">
        <v>0</v>
      </c>
      <c r="AK30" s="280">
        <v>0</v>
      </c>
      <c r="AL30" s="277">
        <v>0</v>
      </c>
      <c r="AM30" s="279">
        <v>0</v>
      </c>
      <c r="AN30" s="280">
        <v>35</v>
      </c>
      <c r="AO30" s="280">
        <v>9</v>
      </c>
      <c r="AP30" s="280">
        <v>0</v>
      </c>
      <c r="AQ30" s="280">
        <v>9</v>
      </c>
      <c r="AR30" s="280">
        <v>18</v>
      </c>
      <c r="AS30" s="277">
        <v>71</v>
      </c>
      <c r="AT30" s="282">
        <v>71</v>
      </c>
      <c r="AU30" s="276">
        <v>0</v>
      </c>
      <c r="AV30" s="280">
        <v>0</v>
      </c>
      <c r="AW30" s="277">
        <v>0</v>
      </c>
      <c r="AX30" s="279">
        <v>0</v>
      </c>
      <c r="AY30" s="280">
        <v>283</v>
      </c>
      <c r="AZ30" s="280">
        <v>330</v>
      </c>
      <c r="BA30" s="280">
        <v>148</v>
      </c>
      <c r="BB30" s="280">
        <v>160</v>
      </c>
      <c r="BC30" s="280">
        <v>83</v>
      </c>
      <c r="BD30" s="281">
        <v>1004</v>
      </c>
      <c r="BE30" s="282">
        <v>1004</v>
      </c>
      <c r="BF30" s="276">
        <v>0</v>
      </c>
      <c r="BG30" s="280">
        <v>0</v>
      </c>
      <c r="BH30" s="277">
        <v>0</v>
      </c>
      <c r="BI30" s="279">
        <v>0</v>
      </c>
      <c r="BJ30" s="280">
        <v>46</v>
      </c>
      <c r="BK30" s="280">
        <v>106</v>
      </c>
      <c r="BL30" s="280">
        <v>44</v>
      </c>
      <c r="BM30" s="280">
        <v>62</v>
      </c>
      <c r="BN30" s="280">
        <v>31</v>
      </c>
      <c r="BO30" s="277">
        <v>289</v>
      </c>
      <c r="BP30" s="282">
        <v>289</v>
      </c>
      <c r="BQ30" s="276">
        <v>0</v>
      </c>
      <c r="BR30" s="280">
        <v>4</v>
      </c>
      <c r="BS30" s="277">
        <v>4</v>
      </c>
      <c r="BT30" s="279">
        <v>0</v>
      </c>
      <c r="BU30" s="280">
        <v>13</v>
      </c>
      <c r="BV30" s="280">
        <v>28</v>
      </c>
      <c r="BW30" s="280">
        <v>49</v>
      </c>
      <c r="BX30" s="280">
        <v>63</v>
      </c>
      <c r="BY30" s="280">
        <v>42</v>
      </c>
      <c r="BZ30" s="277">
        <v>195</v>
      </c>
      <c r="CA30" s="282">
        <v>199</v>
      </c>
      <c r="CB30" s="276">
        <v>0</v>
      </c>
      <c r="CC30" s="280">
        <v>0</v>
      </c>
      <c r="CD30" s="277">
        <v>0</v>
      </c>
      <c r="CE30" s="279">
        <v>0</v>
      </c>
      <c r="CF30" s="280">
        <v>12</v>
      </c>
      <c r="CG30" s="280">
        <v>0</v>
      </c>
      <c r="CH30" s="280">
        <v>20</v>
      </c>
      <c r="CI30" s="280">
        <v>78</v>
      </c>
      <c r="CJ30" s="280">
        <v>2</v>
      </c>
      <c r="CK30" s="277">
        <v>112</v>
      </c>
      <c r="CL30" s="282">
        <v>112</v>
      </c>
      <c r="CM30" s="276">
        <v>0</v>
      </c>
      <c r="CN30" s="280">
        <v>0</v>
      </c>
      <c r="CO30" s="277">
        <v>0</v>
      </c>
      <c r="CP30" s="279">
        <v>0</v>
      </c>
      <c r="CQ30" s="280">
        <v>0</v>
      </c>
      <c r="CR30" s="280">
        <v>0</v>
      </c>
      <c r="CS30" s="280">
        <v>0</v>
      </c>
      <c r="CT30" s="280">
        <v>0</v>
      </c>
      <c r="CU30" s="280">
        <v>0</v>
      </c>
      <c r="CV30" s="277">
        <v>0</v>
      </c>
      <c r="CW30" s="282">
        <v>0</v>
      </c>
      <c r="CX30" s="276">
        <v>0</v>
      </c>
      <c r="CY30" s="280">
        <v>0</v>
      </c>
      <c r="CZ30" s="277">
        <v>0</v>
      </c>
      <c r="DA30" s="279">
        <v>0</v>
      </c>
      <c r="DB30" s="280">
        <v>0</v>
      </c>
      <c r="DC30" s="280">
        <v>0</v>
      </c>
      <c r="DD30" s="280">
        <v>0</v>
      </c>
      <c r="DE30" s="280">
        <v>0</v>
      </c>
      <c r="DF30" s="280">
        <v>0</v>
      </c>
      <c r="DG30" s="277">
        <v>0</v>
      </c>
      <c r="DH30" s="282">
        <v>0</v>
      </c>
    </row>
    <row r="31" spans="2:112" ht="21" customHeight="1" x14ac:dyDescent="0.2">
      <c r="B31" s="261" t="s">
        <v>29</v>
      </c>
      <c r="C31" s="276">
        <v>0</v>
      </c>
      <c r="D31" s="280">
        <v>0</v>
      </c>
      <c r="E31" s="384">
        <v>0</v>
      </c>
      <c r="F31" s="279">
        <v>0</v>
      </c>
      <c r="G31" s="280">
        <v>209</v>
      </c>
      <c r="H31" s="280">
        <v>349</v>
      </c>
      <c r="I31" s="280">
        <v>259</v>
      </c>
      <c r="J31" s="280">
        <v>774</v>
      </c>
      <c r="K31" s="280">
        <v>546</v>
      </c>
      <c r="L31" s="281">
        <v>2137</v>
      </c>
      <c r="M31" s="282">
        <v>2137</v>
      </c>
      <c r="N31" s="276">
        <v>0</v>
      </c>
      <c r="O31" s="280">
        <v>0</v>
      </c>
      <c r="P31" s="277">
        <v>0</v>
      </c>
      <c r="Q31" s="279">
        <v>0</v>
      </c>
      <c r="R31" s="280">
        <v>0</v>
      </c>
      <c r="S31" s="280">
        <v>0</v>
      </c>
      <c r="T31" s="280">
        <v>1</v>
      </c>
      <c r="U31" s="280">
        <v>15</v>
      </c>
      <c r="V31" s="280">
        <v>23</v>
      </c>
      <c r="W31" s="277">
        <v>39</v>
      </c>
      <c r="X31" s="282">
        <v>39</v>
      </c>
      <c r="Y31" s="276">
        <v>12</v>
      </c>
      <c r="Z31" s="280">
        <v>27</v>
      </c>
      <c r="AA31" s="277">
        <v>39</v>
      </c>
      <c r="AB31" s="279">
        <v>0</v>
      </c>
      <c r="AC31" s="280">
        <v>142</v>
      </c>
      <c r="AD31" s="280">
        <v>140</v>
      </c>
      <c r="AE31" s="280">
        <v>100</v>
      </c>
      <c r="AF31" s="280">
        <v>51</v>
      </c>
      <c r="AG31" s="280">
        <v>51</v>
      </c>
      <c r="AH31" s="277">
        <v>484</v>
      </c>
      <c r="AI31" s="282">
        <v>523</v>
      </c>
      <c r="AJ31" s="276">
        <v>0</v>
      </c>
      <c r="AK31" s="280">
        <v>9</v>
      </c>
      <c r="AL31" s="277">
        <v>9</v>
      </c>
      <c r="AM31" s="279">
        <v>0</v>
      </c>
      <c r="AN31" s="280">
        <v>11</v>
      </c>
      <c r="AO31" s="280">
        <v>33</v>
      </c>
      <c r="AP31" s="280">
        <v>27</v>
      </c>
      <c r="AQ31" s="280">
        <v>32</v>
      </c>
      <c r="AR31" s="280">
        <v>0</v>
      </c>
      <c r="AS31" s="277">
        <v>103</v>
      </c>
      <c r="AT31" s="282">
        <v>112</v>
      </c>
      <c r="AU31" s="276">
        <v>0</v>
      </c>
      <c r="AV31" s="280">
        <v>0</v>
      </c>
      <c r="AW31" s="277">
        <v>0</v>
      </c>
      <c r="AX31" s="279">
        <v>0</v>
      </c>
      <c r="AY31" s="280">
        <v>374</v>
      </c>
      <c r="AZ31" s="280">
        <v>414</v>
      </c>
      <c r="BA31" s="280">
        <v>205</v>
      </c>
      <c r="BB31" s="280">
        <v>290</v>
      </c>
      <c r="BC31" s="280">
        <v>64</v>
      </c>
      <c r="BD31" s="281">
        <v>1347</v>
      </c>
      <c r="BE31" s="282">
        <v>1347</v>
      </c>
      <c r="BF31" s="276">
        <v>0</v>
      </c>
      <c r="BG31" s="280">
        <v>0</v>
      </c>
      <c r="BH31" s="277">
        <v>0</v>
      </c>
      <c r="BI31" s="279">
        <v>0</v>
      </c>
      <c r="BJ31" s="280">
        <v>138</v>
      </c>
      <c r="BK31" s="280">
        <v>136</v>
      </c>
      <c r="BL31" s="280">
        <v>54</v>
      </c>
      <c r="BM31" s="280">
        <v>42</v>
      </c>
      <c r="BN31" s="280">
        <v>0</v>
      </c>
      <c r="BO31" s="277">
        <v>370</v>
      </c>
      <c r="BP31" s="282">
        <v>370</v>
      </c>
      <c r="BQ31" s="276">
        <v>0</v>
      </c>
      <c r="BR31" s="280">
        <v>0</v>
      </c>
      <c r="BS31" s="277">
        <v>0</v>
      </c>
      <c r="BT31" s="279">
        <v>0</v>
      </c>
      <c r="BU31" s="280">
        <v>3</v>
      </c>
      <c r="BV31" s="280">
        <v>107</v>
      </c>
      <c r="BW31" s="280">
        <v>152</v>
      </c>
      <c r="BX31" s="280">
        <v>78</v>
      </c>
      <c r="BY31" s="280">
        <v>92</v>
      </c>
      <c r="BZ31" s="277">
        <v>432</v>
      </c>
      <c r="CA31" s="282">
        <v>432</v>
      </c>
      <c r="CB31" s="276">
        <v>0</v>
      </c>
      <c r="CC31" s="280">
        <v>0</v>
      </c>
      <c r="CD31" s="277">
        <v>0</v>
      </c>
      <c r="CE31" s="279">
        <v>0</v>
      </c>
      <c r="CF31" s="280">
        <v>9</v>
      </c>
      <c r="CG31" s="280">
        <v>25</v>
      </c>
      <c r="CH31" s="280">
        <v>5</v>
      </c>
      <c r="CI31" s="280">
        <v>4</v>
      </c>
      <c r="CJ31" s="280">
        <v>0</v>
      </c>
      <c r="CK31" s="277">
        <v>43</v>
      </c>
      <c r="CL31" s="282">
        <v>43</v>
      </c>
      <c r="CM31" s="276">
        <v>0</v>
      </c>
      <c r="CN31" s="280">
        <v>0</v>
      </c>
      <c r="CO31" s="277">
        <v>0</v>
      </c>
      <c r="CP31" s="279">
        <v>0</v>
      </c>
      <c r="CQ31" s="280">
        <v>0</v>
      </c>
      <c r="CR31" s="280">
        <v>0</v>
      </c>
      <c r="CS31" s="280">
        <v>0</v>
      </c>
      <c r="CT31" s="280">
        <v>0</v>
      </c>
      <c r="CU31" s="280">
        <v>0</v>
      </c>
      <c r="CV31" s="277">
        <v>0</v>
      </c>
      <c r="CW31" s="282">
        <v>0</v>
      </c>
      <c r="CX31" s="276">
        <v>0</v>
      </c>
      <c r="CY31" s="280">
        <v>0</v>
      </c>
      <c r="CZ31" s="277">
        <v>0</v>
      </c>
      <c r="DA31" s="279">
        <v>0</v>
      </c>
      <c r="DB31" s="280">
        <v>0</v>
      </c>
      <c r="DC31" s="280">
        <v>0</v>
      </c>
      <c r="DD31" s="280">
        <v>0</v>
      </c>
      <c r="DE31" s="280">
        <v>0</v>
      </c>
      <c r="DF31" s="280">
        <v>0</v>
      </c>
      <c r="DG31" s="277">
        <v>0</v>
      </c>
      <c r="DH31" s="282">
        <v>0</v>
      </c>
    </row>
    <row r="32" spans="2:112" ht="21" customHeight="1" x14ac:dyDescent="0.2">
      <c r="B32" s="261" t="s">
        <v>30</v>
      </c>
      <c r="C32" s="276">
        <v>0</v>
      </c>
      <c r="D32" s="280">
        <v>0</v>
      </c>
      <c r="E32" s="384">
        <v>0</v>
      </c>
      <c r="F32" s="279">
        <v>0</v>
      </c>
      <c r="G32" s="280">
        <v>377</v>
      </c>
      <c r="H32" s="280">
        <v>395</v>
      </c>
      <c r="I32" s="280">
        <v>531</v>
      </c>
      <c r="J32" s="280">
        <v>565</v>
      </c>
      <c r="K32" s="280">
        <v>501</v>
      </c>
      <c r="L32" s="281">
        <v>2369</v>
      </c>
      <c r="M32" s="282">
        <v>2369</v>
      </c>
      <c r="N32" s="276">
        <v>0</v>
      </c>
      <c r="O32" s="280">
        <v>0</v>
      </c>
      <c r="P32" s="277">
        <v>0</v>
      </c>
      <c r="Q32" s="279">
        <v>0</v>
      </c>
      <c r="R32" s="280">
        <v>1</v>
      </c>
      <c r="S32" s="280">
        <v>0</v>
      </c>
      <c r="T32" s="280">
        <v>4</v>
      </c>
      <c r="U32" s="280">
        <v>38</v>
      </c>
      <c r="V32" s="280">
        <v>32</v>
      </c>
      <c r="W32" s="277">
        <v>75</v>
      </c>
      <c r="X32" s="282">
        <v>75</v>
      </c>
      <c r="Y32" s="276">
        <v>6</v>
      </c>
      <c r="Z32" s="280">
        <v>38</v>
      </c>
      <c r="AA32" s="277">
        <v>44</v>
      </c>
      <c r="AB32" s="279">
        <v>0</v>
      </c>
      <c r="AC32" s="280">
        <v>160</v>
      </c>
      <c r="AD32" s="280">
        <v>134</v>
      </c>
      <c r="AE32" s="280">
        <v>175</v>
      </c>
      <c r="AF32" s="280">
        <v>129</v>
      </c>
      <c r="AG32" s="280">
        <v>58</v>
      </c>
      <c r="AH32" s="277">
        <v>656</v>
      </c>
      <c r="AI32" s="282">
        <v>700</v>
      </c>
      <c r="AJ32" s="276">
        <v>6</v>
      </c>
      <c r="AK32" s="280">
        <v>0</v>
      </c>
      <c r="AL32" s="277">
        <v>6</v>
      </c>
      <c r="AM32" s="279">
        <v>0</v>
      </c>
      <c r="AN32" s="280">
        <v>67</v>
      </c>
      <c r="AO32" s="280">
        <v>54</v>
      </c>
      <c r="AP32" s="280">
        <v>34</v>
      </c>
      <c r="AQ32" s="280">
        <v>0</v>
      </c>
      <c r="AR32" s="280">
        <v>0</v>
      </c>
      <c r="AS32" s="277">
        <v>155</v>
      </c>
      <c r="AT32" s="282">
        <v>161</v>
      </c>
      <c r="AU32" s="276">
        <v>0</v>
      </c>
      <c r="AV32" s="280">
        <v>0</v>
      </c>
      <c r="AW32" s="277">
        <v>0</v>
      </c>
      <c r="AX32" s="279">
        <v>0</v>
      </c>
      <c r="AY32" s="280">
        <v>265</v>
      </c>
      <c r="AZ32" s="280">
        <v>262</v>
      </c>
      <c r="BA32" s="280">
        <v>205</v>
      </c>
      <c r="BB32" s="280">
        <v>141</v>
      </c>
      <c r="BC32" s="280">
        <v>11</v>
      </c>
      <c r="BD32" s="281">
        <v>884</v>
      </c>
      <c r="BE32" s="282">
        <v>884</v>
      </c>
      <c r="BF32" s="276">
        <v>0</v>
      </c>
      <c r="BG32" s="280">
        <v>0</v>
      </c>
      <c r="BH32" s="277">
        <v>0</v>
      </c>
      <c r="BI32" s="279">
        <v>0</v>
      </c>
      <c r="BJ32" s="280">
        <v>47</v>
      </c>
      <c r="BK32" s="280">
        <v>69</v>
      </c>
      <c r="BL32" s="280">
        <v>45</v>
      </c>
      <c r="BM32" s="280">
        <v>48</v>
      </c>
      <c r="BN32" s="280">
        <v>0</v>
      </c>
      <c r="BO32" s="277">
        <v>209</v>
      </c>
      <c r="BP32" s="282">
        <v>209</v>
      </c>
      <c r="BQ32" s="276">
        <v>0</v>
      </c>
      <c r="BR32" s="280">
        <v>2</v>
      </c>
      <c r="BS32" s="277">
        <v>2</v>
      </c>
      <c r="BT32" s="279">
        <v>0</v>
      </c>
      <c r="BU32" s="280">
        <v>49</v>
      </c>
      <c r="BV32" s="280">
        <v>62</v>
      </c>
      <c r="BW32" s="280">
        <v>37</v>
      </c>
      <c r="BX32" s="280">
        <v>106</v>
      </c>
      <c r="BY32" s="280">
        <v>0</v>
      </c>
      <c r="BZ32" s="277">
        <v>254</v>
      </c>
      <c r="CA32" s="282">
        <v>256</v>
      </c>
      <c r="CB32" s="276">
        <v>0</v>
      </c>
      <c r="CC32" s="280">
        <v>0</v>
      </c>
      <c r="CD32" s="277">
        <v>0</v>
      </c>
      <c r="CE32" s="279">
        <v>0</v>
      </c>
      <c r="CF32" s="280">
        <v>15</v>
      </c>
      <c r="CG32" s="280">
        <v>13</v>
      </c>
      <c r="CH32" s="280">
        <v>0</v>
      </c>
      <c r="CI32" s="280">
        <v>0</v>
      </c>
      <c r="CJ32" s="280">
        <v>36</v>
      </c>
      <c r="CK32" s="277">
        <v>64</v>
      </c>
      <c r="CL32" s="282">
        <v>64</v>
      </c>
      <c r="CM32" s="276">
        <v>0</v>
      </c>
      <c r="CN32" s="280">
        <v>0</v>
      </c>
      <c r="CO32" s="277">
        <v>0</v>
      </c>
      <c r="CP32" s="279">
        <v>0</v>
      </c>
      <c r="CQ32" s="280">
        <v>0</v>
      </c>
      <c r="CR32" s="280">
        <v>0</v>
      </c>
      <c r="CS32" s="280">
        <v>0</v>
      </c>
      <c r="CT32" s="280">
        <v>0</v>
      </c>
      <c r="CU32" s="280">
        <v>0</v>
      </c>
      <c r="CV32" s="277">
        <v>0</v>
      </c>
      <c r="CW32" s="282">
        <v>0</v>
      </c>
      <c r="CX32" s="276">
        <v>0</v>
      </c>
      <c r="CY32" s="280">
        <v>0</v>
      </c>
      <c r="CZ32" s="277">
        <v>0</v>
      </c>
      <c r="DA32" s="279">
        <v>0</v>
      </c>
      <c r="DB32" s="280">
        <v>0</v>
      </c>
      <c r="DC32" s="280">
        <v>0</v>
      </c>
      <c r="DD32" s="280">
        <v>0</v>
      </c>
      <c r="DE32" s="280">
        <v>0</v>
      </c>
      <c r="DF32" s="280">
        <v>0</v>
      </c>
      <c r="DG32" s="277">
        <v>0</v>
      </c>
      <c r="DH32" s="282">
        <v>0</v>
      </c>
    </row>
    <row r="33" spans="2:112" ht="21" customHeight="1" x14ac:dyDescent="0.2">
      <c r="B33" s="261" t="s">
        <v>31</v>
      </c>
      <c r="C33" s="276">
        <v>0</v>
      </c>
      <c r="D33" s="280">
        <v>0</v>
      </c>
      <c r="E33" s="384">
        <v>0</v>
      </c>
      <c r="F33" s="279">
        <v>0</v>
      </c>
      <c r="G33" s="280">
        <v>150</v>
      </c>
      <c r="H33" s="280">
        <v>234</v>
      </c>
      <c r="I33" s="280">
        <v>85</v>
      </c>
      <c r="J33" s="280">
        <v>260</v>
      </c>
      <c r="K33" s="280">
        <v>299</v>
      </c>
      <c r="L33" s="281">
        <v>1028</v>
      </c>
      <c r="M33" s="282">
        <v>1028</v>
      </c>
      <c r="N33" s="276">
        <v>0</v>
      </c>
      <c r="O33" s="280">
        <v>0</v>
      </c>
      <c r="P33" s="277">
        <v>0</v>
      </c>
      <c r="Q33" s="279">
        <v>0</v>
      </c>
      <c r="R33" s="280">
        <v>4</v>
      </c>
      <c r="S33" s="280">
        <v>11</v>
      </c>
      <c r="T33" s="280">
        <v>23</v>
      </c>
      <c r="U33" s="280">
        <v>28</v>
      </c>
      <c r="V33" s="280">
        <v>28</v>
      </c>
      <c r="W33" s="277">
        <v>94</v>
      </c>
      <c r="X33" s="282">
        <v>94</v>
      </c>
      <c r="Y33" s="276">
        <v>10</v>
      </c>
      <c r="Z33" s="280">
        <v>12</v>
      </c>
      <c r="AA33" s="277">
        <v>22</v>
      </c>
      <c r="AB33" s="279">
        <v>0</v>
      </c>
      <c r="AC33" s="280">
        <v>102</v>
      </c>
      <c r="AD33" s="280">
        <v>149</v>
      </c>
      <c r="AE33" s="280">
        <v>37</v>
      </c>
      <c r="AF33" s="280">
        <v>124</v>
      </c>
      <c r="AG33" s="280">
        <v>88</v>
      </c>
      <c r="AH33" s="277">
        <v>500</v>
      </c>
      <c r="AI33" s="282">
        <v>522</v>
      </c>
      <c r="AJ33" s="276">
        <v>0</v>
      </c>
      <c r="AK33" s="280">
        <v>21</v>
      </c>
      <c r="AL33" s="277">
        <v>21</v>
      </c>
      <c r="AM33" s="279">
        <v>0</v>
      </c>
      <c r="AN33" s="280">
        <v>36</v>
      </c>
      <c r="AO33" s="280">
        <v>118</v>
      </c>
      <c r="AP33" s="280">
        <v>142</v>
      </c>
      <c r="AQ33" s="280">
        <v>56</v>
      </c>
      <c r="AR33" s="280">
        <v>50</v>
      </c>
      <c r="AS33" s="277">
        <v>402</v>
      </c>
      <c r="AT33" s="282">
        <v>423</v>
      </c>
      <c r="AU33" s="276">
        <v>0</v>
      </c>
      <c r="AV33" s="280">
        <v>0</v>
      </c>
      <c r="AW33" s="277">
        <v>0</v>
      </c>
      <c r="AX33" s="279">
        <v>0</v>
      </c>
      <c r="AY33" s="280">
        <v>291</v>
      </c>
      <c r="AZ33" s="280">
        <v>388</v>
      </c>
      <c r="BA33" s="280">
        <v>216</v>
      </c>
      <c r="BB33" s="280">
        <v>134</v>
      </c>
      <c r="BC33" s="280">
        <v>14</v>
      </c>
      <c r="BD33" s="281">
        <v>1043</v>
      </c>
      <c r="BE33" s="282">
        <v>1043</v>
      </c>
      <c r="BF33" s="276">
        <v>0</v>
      </c>
      <c r="BG33" s="280">
        <v>0</v>
      </c>
      <c r="BH33" s="277">
        <v>0</v>
      </c>
      <c r="BI33" s="279">
        <v>0</v>
      </c>
      <c r="BJ33" s="280">
        <v>30</v>
      </c>
      <c r="BK33" s="280">
        <v>62</v>
      </c>
      <c r="BL33" s="280">
        <v>34</v>
      </c>
      <c r="BM33" s="280">
        <v>27</v>
      </c>
      <c r="BN33" s="280">
        <v>16</v>
      </c>
      <c r="BO33" s="277">
        <v>169</v>
      </c>
      <c r="BP33" s="282">
        <v>169</v>
      </c>
      <c r="BQ33" s="276">
        <v>0</v>
      </c>
      <c r="BR33" s="280">
        <v>0</v>
      </c>
      <c r="BS33" s="277">
        <v>0</v>
      </c>
      <c r="BT33" s="279">
        <v>0</v>
      </c>
      <c r="BU33" s="280">
        <v>27</v>
      </c>
      <c r="BV33" s="280">
        <v>131</v>
      </c>
      <c r="BW33" s="280">
        <v>243</v>
      </c>
      <c r="BX33" s="280">
        <v>86</v>
      </c>
      <c r="BY33" s="280">
        <v>14</v>
      </c>
      <c r="BZ33" s="277">
        <v>501</v>
      </c>
      <c r="CA33" s="282">
        <v>501</v>
      </c>
      <c r="CB33" s="276">
        <v>0</v>
      </c>
      <c r="CC33" s="280">
        <v>0</v>
      </c>
      <c r="CD33" s="277">
        <v>0</v>
      </c>
      <c r="CE33" s="279">
        <v>0</v>
      </c>
      <c r="CF33" s="280">
        <v>0</v>
      </c>
      <c r="CG33" s="280">
        <v>9</v>
      </c>
      <c r="CH33" s="280">
        <v>0</v>
      </c>
      <c r="CI33" s="280">
        <v>0</v>
      </c>
      <c r="CJ33" s="280">
        <v>5</v>
      </c>
      <c r="CK33" s="277">
        <v>14</v>
      </c>
      <c r="CL33" s="282">
        <v>14</v>
      </c>
      <c r="CM33" s="276">
        <v>0</v>
      </c>
      <c r="CN33" s="280">
        <v>0</v>
      </c>
      <c r="CO33" s="277">
        <v>0</v>
      </c>
      <c r="CP33" s="279">
        <v>0</v>
      </c>
      <c r="CQ33" s="280">
        <v>0</v>
      </c>
      <c r="CR33" s="280">
        <v>0</v>
      </c>
      <c r="CS33" s="280">
        <v>0</v>
      </c>
      <c r="CT33" s="280">
        <v>0</v>
      </c>
      <c r="CU33" s="280">
        <v>0</v>
      </c>
      <c r="CV33" s="277">
        <v>0</v>
      </c>
      <c r="CW33" s="282">
        <v>0</v>
      </c>
      <c r="CX33" s="276">
        <v>0</v>
      </c>
      <c r="CY33" s="280">
        <v>0</v>
      </c>
      <c r="CZ33" s="277">
        <v>0</v>
      </c>
      <c r="DA33" s="279">
        <v>0</v>
      </c>
      <c r="DB33" s="280">
        <v>0</v>
      </c>
      <c r="DC33" s="280">
        <v>0</v>
      </c>
      <c r="DD33" s="280">
        <v>0</v>
      </c>
      <c r="DE33" s="280">
        <v>0</v>
      </c>
      <c r="DF33" s="280">
        <v>0</v>
      </c>
      <c r="DG33" s="277">
        <v>0</v>
      </c>
      <c r="DH33" s="282">
        <v>0</v>
      </c>
    </row>
    <row r="34" spans="2:112" ht="21" customHeight="1" x14ac:dyDescent="0.2">
      <c r="B34" s="261" t="s">
        <v>32</v>
      </c>
      <c r="C34" s="276">
        <v>0</v>
      </c>
      <c r="D34" s="280">
        <v>0</v>
      </c>
      <c r="E34" s="384">
        <v>0</v>
      </c>
      <c r="F34" s="279">
        <v>0</v>
      </c>
      <c r="G34" s="280">
        <v>426</v>
      </c>
      <c r="H34" s="280">
        <v>370</v>
      </c>
      <c r="I34" s="280">
        <v>491</v>
      </c>
      <c r="J34" s="280">
        <v>733</v>
      </c>
      <c r="K34" s="280">
        <v>708</v>
      </c>
      <c r="L34" s="281">
        <v>2728</v>
      </c>
      <c r="M34" s="282">
        <v>2728</v>
      </c>
      <c r="N34" s="276">
        <v>0</v>
      </c>
      <c r="O34" s="280">
        <v>0</v>
      </c>
      <c r="P34" s="277">
        <v>0</v>
      </c>
      <c r="Q34" s="279">
        <v>0</v>
      </c>
      <c r="R34" s="280">
        <v>0</v>
      </c>
      <c r="S34" s="280">
        <v>0</v>
      </c>
      <c r="T34" s="280">
        <v>2</v>
      </c>
      <c r="U34" s="280">
        <v>9</v>
      </c>
      <c r="V34" s="280">
        <v>56</v>
      </c>
      <c r="W34" s="277">
        <v>67</v>
      </c>
      <c r="X34" s="282">
        <v>67</v>
      </c>
      <c r="Y34" s="276">
        <v>38</v>
      </c>
      <c r="Z34" s="280">
        <v>38</v>
      </c>
      <c r="AA34" s="277">
        <v>76</v>
      </c>
      <c r="AB34" s="279">
        <v>0</v>
      </c>
      <c r="AC34" s="280">
        <v>226</v>
      </c>
      <c r="AD34" s="280">
        <v>175</v>
      </c>
      <c r="AE34" s="280">
        <v>115</v>
      </c>
      <c r="AF34" s="280">
        <v>111</v>
      </c>
      <c r="AG34" s="280">
        <v>56</v>
      </c>
      <c r="AH34" s="277">
        <v>683</v>
      </c>
      <c r="AI34" s="282">
        <v>759</v>
      </c>
      <c r="AJ34" s="276">
        <v>8</v>
      </c>
      <c r="AK34" s="280">
        <v>0</v>
      </c>
      <c r="AL34" s="277">
        <v>8</v>
      </c>
      <c r="AM34" s="279">
        <v>0</v>
      </c>
      <c r="AN34" s="280">
        <v>72</v>
      </c>
      <c r="AO34" s="280">
        <v>9</v>
      </c>
      <c r="AP34" s="280">
        <v>9</v>
      </c>
      <c r="AQ34" s="280">
        <v>44</v>
      </c>
      <c r="AR34" s="280">
        <v>33</v>
      </c>
      <c r="AS34" s="277">
        <v>167</v>
      </c>
      <c r="AT34" s="282">
        <v>175</v>
      </c>
      <c r="AU34" s="276">
        <v>0</v>
      </c>
      <c r="AV34" s="280">
        <v>0</v>
      </c>
      <c r="AW34" s="277">
        <v>0</v>
      </c>
      <c r="AX34" s="279">
        <v>0</v>
      </c>
      <c r="AY34" s="280">
        <v>436</v>
      </c>
      <c r="AZ34" s="280">
        <v>534</v>
      </c>
      <c r="BA34" s="280">
        <v>204</v>
      </c>
      <c r="BB34" s="280">
        <v>273</v>
      </c>
      <c r="BC34" s="280">
        <v>43</v>
      </c>
      <c r="BD34" s="281">
        <v>1490</v>
      </c>
      <c r="BE34" s="282">
        <v>1490</v>
      </c>
      <c r="BF34" s="276">
        <v>0</v>
      </c>
      <c r="BG34" s="280">
        <v>0</v>
      </c>
      <c r="BH34" s="277">
        <v>0</v>
      </c>
      <c r="BI34" s="279">
        <v>0</v>
      </c>
      <c r="BJ34" s="280">
        <v>39</v>
      </c>
      <c r="BK34" s="280">
        <v>68</v>
      </c>
      <c r="BL34" s="280">
        <v>48</v>
      </c>
      <c r="BM34" s="280">
        <v>47</v>
      </c>
      <c r="BN34" s="280">
        <v>17</v>
      </c>
      <c r="BO34" s="277">
        <v>219</v>
      </c>
      <c r="BP34" s="282">
        <v>219</v>
      </c>
      <c r="BQ34" s="276">
        <v>0</v>
      </c>
      <c r="BR34" s="280">
        <v>0</v>
      </c>
      <c r="BS34" s="277">
        <v>0</v>
      </c>
      <c r="BT34" s="279">
        <v>0</v>
      </c>
      <c r="BU34" s="280">
        <v>6</v>
      </c>
      <c r="BV34" s="280">
        <v>75</v>
      </c>
      <c r="BW34" s="280">
        <v>117</v>
      </c>
      <c r="BX34" s="280">
        <v>41</v>
      </c>
      <c r="BY34" s="280">
        <v>33</v>
      </c>
      <c r="BZ34" s="277">
        <v>272</v>
      </c>
      <c r="CA34" s="282">
        <v>272</v>
      </c>
      <c r="CB34" s="276">
        <v>0</v>
      </c>
      <c r="CC34" s="280">
        <v>0</v>
      </c>
      <c r="CD34" s="277">
        <v>0</v>
      </c>
      <c r="CE34" s="279">
        <v>0</v>
      </c>
      <c r="CF34" s="280">
        <v>2</v>
      </c>
      <c r="CG34" s="280">
        <v>0</v>
      </c>
      <c r="CH34" s="280">
        <v>36</v>
      </c>
      <c r="CI34" s="280">
        <v>46</v>
      </c>
      <c r="CJ34" s="280">
        <v>3</v>
      </c>
      <c r="CK34" s="277">
        <v>87</v>
      </c>
      <c r="CL34" s="282">
        <v>87</v>
      </c>
      <c r="CM34" s="276">
        <v>0</v>
      </c>
      <c r="CN34" s="280">
        <v>0</v>
      </c>
      <c r="CO34" s="277">
        <v>0</v>
      </c>
      <c r="CP34" s="279">
        <v>0</v>
      </c>
      <c r="CQ34" s="280">
        <v>0</v>
      </c>
      <c r="CR34" s="280">
        <v>0</v>
      </c>
      <c r="CS34" s="280">
        <v>0</v>
      </c>
      <c r="CT34" s="280">
        <v>0</v>
      </c>
      <c r="CU34" s="280">
        <v>0</v>
      </c>
      <c r="CV34" s="277">
        <v>0</v>
      </c>
      <c r="CW34" s="282">
        <v>0</v>
      </c>
      <c r="CX34" s="276">
        <v>0</v>
      </c>
      <c r="CY34" s="280">
        <v>0</v>
      </c>
      <c r="CZ34" s="277">
        <v>0</v>
      </c>
      <c r="DA34" s="279">
        <v>0</v>
      </c>
      <c r="DB34" s="280">
        <v>0</v>
      </c>
      <c r="DC34" s="280">
        <v>0</v>
      </c>
      <c r="DD34" s="280">
        <v>0</v>
      </c>
      <c r="DE34" s="280">
        <v>0</v>
      </c>
      <c r="DF34" s="280">
        <v>0</v>
      </c>
      <c r="DG34" s="277">
        <v>0</v>
      </c>
      <c r="DH34" s="282">
        <v>0</v>
      </c>
    </row>
    <row r="35" spans="2:112" ht="21" customHeight="1" x14ac:dyDescent="0.2">
      <c r="B35" s="261" t="s">
        <v>33</v>
      </c>
      <c r="C35" s="276">
        <v>0</v>
      </c>
      <c r="D35" s="280">
        <v>0</v>
      </c>
      <c r="E35" s="384">
        <v>0</v>
      </c>
      <c r="F35" s="279">
        <v>0</v>
      </c>
      <c r="G35" s="280">
        <v>269</v>
      </c>
      <c r="H35" s="280">
        <v>246</v>
      </c>
      <c r="I35" s="280">
        <v>397</v>
      </c>
      <c r="J35" s="280">
        <v>400</v>
      </c>
      <c r="K35" s="280">
        <v>610</v>
      </c>
      <c r="L35" s="281">
        <v>1922</v>
      </c>
      <c r="M35" s="282">
        <v>1922</v>
      </c>
      <c r="N35" s="276">
        <v>0</v>
      </c>
      <c r="O35" s="280">
        <v>0</v>
      </c>
      <c r="P35" s="277">
        <v>0</v>
      </c>
      <c r="Q35" s="279">
        <v>0</v>
      </c>
      <c r="R35" s="280">
        <v>0</v>
      </c>
      <c r="S35" s="280">
        <v>0</v>
      </c>
      <c r="T35" s="280">
        <v>10</v>
      </c>
      <c r="U35" s="280">
        <v>11</v>
      </c>
      <c r="V35" s="280">
        <v>31</v>
      </c>
      <c r="W35" s="277">
        <v>52</v>
      </c>
      <c r="X35" s="282">
        <v>52</v>
      </c>
      <c r="Y35" s="276">
        <v>4</v>
      </c>
      <c r="Z35" s="280">
        <v>8</v>
      </c>
      <c r="AA35" s="277">
        <v>12</v>
      </c>
      <c r="AB35" s="279">
        <v>0</v>
      </c>
      <c r="AC35" s="280">
        <v>111</v>
      </c>
      <c r="AD35" s="280">
        <v>80</v>
      </c>
      <c r="AE35" s="280">
        <v>64</v>
      </c>
      <c r="AF35" s="280">
        <v>36</v>
      </c>
      <c r="AG35" s="280">
        <v>50</v>
      </c>
      <c r="AH35" s="277">
        <v>341</v>
      </c>
      <c r="AI35" s="282">
        <v>353</v>
      </c>
      <c r="AJ35" s="276">
        <v>131</v>
      </c>
      <c r="AK35" s="280">
        <v>279</v>
      </c>
      <c r="AL35" s="277">
        <v>410</v>
      </c>
      <c r="AM35" s="279">
        <v>0</v>
      </c>
      <c r="AN35" s="280">
        <v>373</v>
      </c>
      <c r="AO35" s="280">
        <v>205</v>
      </c>
      <c r="AP35" s="280">
        <v>81</v>
      </c>
      <c r="AQ35" s="280">
        <v>129</v>
      </c>
      <c r="AR35" s="280">
        <v>48</v>
      </c>
      <c r="AS35" s="277">
        <v>836</v>
      </c>
      <c r="AT35" s="282">
        <v>1246</v>
      </c>
      <c r="AU35" s="276">
        <v>0</v>
      </c>
      <c r="AV35" s="280">
        <v>0</v>
      </c>
      <c r="AW35" s="277">
        <v>0</v>
      </c>
      <c r="AX35" s="279">
        <v>0</v>
      </c>
      <c r="AY35" s="280">
        <v>118</v>
      </c>
      <c r="AZ35" s="280">
        <v>77</v>
      </c>
      <c r="BA35" s="280">
        <v>47</v>
      </c>
      <c r="BB35" s="280">
        <v>64</v>
      </c>
      <c r="BC35" s="280">
        <v>40</v>
      </c>
      <c r="BD35" s="281">
        <v>346</v>
      </c>
      <c r="BE35" s="282">
        <v>346</v>
      </c>
      <c r="BF35" s="276">
        <v>0</v>
      </c>
      <c r="BG35" s="280">
        <v>0</v>
      </c>
      <c r="BH35" s="277">
        <v>0</v>
      </c>
      <c r="BI35" s="279">
        <v>0</v>
      </c>
      <c r="BJ35" s="280">
        <v>148</v>
      </c>
      <c r="BK35" s="280">
        <v>98</v>
      </c>
      <c r="BL35" s="280">
        <v>68</v>
      </c>
      <c r="BM35" s="280">
        <v>15</v>
      </c>
      <c r="BN35" s="280">
        <v>8</v>
      </c>
      <c r="BO35" s="277">
        <v>337</v>
      </c>
      <c r="BP35" s="282">
        <v>337</v>
      </c>
      <c r="BQ35" s="276">
        <v>0</v>
      </c>
      <c r="BR35" s="280">
        <v>0</v>
      </c>
      <c r="BS35" s="277">
        <v>0</v>
      </c>
      <c r="BT35" s="279">
        <v>0</v>
      </c>
      <c r="BU35" s="280">
        <v>19</v>
      </c>
      <c r="BV35" s="280">
        <v>67</v>
      </c>
      <c r="BW35" s="280">
        <v>48</v>
      </c>
      <c r="BX35" s="280">
        <v>86</v>
      </c>
      <c r="BY35" s="280">
        <v>0</v>
      </c>
      <c r="BZ35" s="277">
        <v>220</v>
      </c>
      <c r="CA35" s="282">
        <v>220</v>
      </c>
      <c r="CB35" s="276">
        <v>0</v>
      </c>
      <c r="CC35" s="280">
        <v>0</v>
      </c>
      <c r="CD35" s="277">
        <v>0</v>
      </c>
      <c r="CE35" s="279">
        <v>0</v>
      </c>
      <c r="CF35" s="280">
        <v>17</v>
      </c>
      <c r="CG35" s="280">
        <v>0</v>
      </c>
      <c r="CH35" s="280">
        <v>24</v>
      </c>
      <c r="CI35" s="280">
        <v>6</v>
      </c>
      <c r="CJ35" s="280">
        <v>10</v>
      </c>
      <c r="CK35" s="277">
        <v>57</v>
      </c>
      <c r="CL35" s="282">
        <v>57</v>
      </c>
      <c r="CM35" s="276">
        <v>0</v>
      </c>
      <c r="CN35" s="280">
        <v>0</v>
      </c>
      <c r="CO35" s="277">
        <v>0</v>
      </c>
      <c r="CP35" s="279">
        <v>0</v>
      </c>
      <c r="CQ35" s="280">
        <v>0</v>
      </c>
      <c r="CR35" s="280">
        <v>0</v>
      </c>
      <c r="CS35" s="280">
        <v>0</v>
      </c>
      <c r="CT35" s="280">
        <v>0</v>
      </c>
      <c r="CU35" s="280">
        <v>0</v>
      </c>
      <c r="CV35" s="277">
        <v>0</v>
      </c>
      <c r="CW35" s="282">
        <v>0</v>
      </c>
      <c r="CX35" s="276">
        <v>0</v>
      </c>
      <c r="CY35" s="280">
        <v>0</v>
      </c>
      <c r="CZ35" s="277">
        <v>0</v>
      </c>
      <c r="DA35" s="279">
        <v>0</v>
      </c>
      <c r="DB35" s="280">
        <v>0</v>
      </c>
      <c r="DC35" s="280">
        <v>0</v>
      </c>
      <c r="DD35" s="280">
        <v>0</v>
      </c>
      <c r="DE35" s="280">
        <v>0</v>
      </c>
      <c r="DF35" s="280">
        <v>0</v>
      </c>
      <c r="DG35" s="277">
        <v>0</v>
      </c>
      <c r="DH35" s="282">
        <v>0</v>
      </c>
    </row>
    <row r="36" spans="2:112" ht="21" customHeight="1" x14ac:dyDescent="0.2">
      <c r="B36" s="261" t="s">
        <v>34</v>
      </c>
      <c r="C36" s="276">
        <v>0</v>
      </c>
      <c r="D36" s="280">
        <v>0</v>
      </c>
      <c r="E36" s="384">
        <v>0</v>
      </c>
      <c r="F36" s="279">
        <v>0</v>
      </c>
      <c r="G36" s="280">
        <v>138</v>
      </c>
      <c r="H36" s="280">
        <v>126</v>
      </c>
      <c r="I36" s="280">
        <v>296</v>
      </c>
      <c r="J36" s="280">
        <v>330</v>
      </c>
      <c r="K36" s="280">
        <v>123</v>
      </c>
      <c r="L36" s="281">
        <v>1013</v>
      </c>
      <c r="M36" s="282">
        <v>1013</v>
      </c>
      <c r="N36" s="276">
        <v>0</v>
      </c>
      <c r="O36" s="280">
        <v>0</v>
      </c>
      <c r="P36" s="277">
        <v>0</v>
      </c>
      <c r="Q36" s="279">
        <v>0</v>
      </c>
      <c r="R36" s="280">
        <v>0</v>
      </c>
      <c r="S36" s="280">
        <v>4</v>
      </c>
      <c r="T36" s="280">
        <v>0</v>
      </c>
      <c r="U36" s="280">
        <v>13</v>
      </c>
      <c r="V36" s="280">
        <v>28</v>
      </c>
      <c r="W36" s="277">
        <v>45</v>
      </c>
      <c r="X36" s="282">
        <v>45</v>
      </c>
      <c r="Y36" s="276">
        <v>2</v>
      </c>
      <c r="Z36" s="280">
        <v>64</v>
      </c>
      <c r="AA36" s="277">
        <v>66</v>
      </c>
      <c r="AB36" s="279">
        <v>0</v>
      </c>
      <c r="AC36" s="280">
        <v>120</v>
      </c>
      <c r="AD36" s="280">
        <v>42</v>
      </c>
      <c r="AE36" s="280">
        <v>71</v>
      </c>
      <c r="AF36" s="280">
        <v>48</v>
      </c>
      <c r="AG36" s="280">
        <v>35</v>
      </c>
      <c r="AH36" s="277">
        <v>316</v>
      </c>
      <c r="AI36" s="282">
        <v>382</v>
      </c>
      <c r="AJ36" s="276">
        <v>0</v>
      </c>
      <c r="AK36" s="280">
        <v>0</v>
      </c>
      <c r="AL36" s="277">
        <v>0</v>
      </c>
      <c r="AM36" s="279">
        <v>0</v>
      </c>
      <c r="AN36" s="280">
        <v>55</v>
      </c>
      <c r="AO36" s="280">
        <v>60</v>
      </c>
      <c r="AP36" s="280">
        <v>34</v>
      </c>
      <c r="AQ36" s="280">
        <v>15</v>
      </c>
      <c r="AR36" s="280">
        <v>30</v>
      </c>
      <c r="AS36" s="277">
        <v>194</v>
      </c>
      <c r="AT36" s="282">
        <v>194</v>
      </c>
      <c r="AU36" s="276">
        <v>0</v>
      </c>
      <c r="AV36" s="280">
        <v>0</v>
      </c>
      <c r="AW36" s="277">
        <v>0</v>
      </c>
      <c r="AX36" s="279">
        <v>0</v>
      </c>
      <c r="AY36" s="280">
        <v>266</v>
      </c>
      <c r="AZ36" s="280">
        <v>272</v>
      </c>
      <c r="BA36" s="280">
        <v>201</v>
      </c>
      <c r="BB36" s="280">
        <v>93</v>
      </c>
      <c r="BC36" s="280">
        <v>0</v>
      </c>
      <c r="BD36" s="281">
        <v>832</v>
      </c>
      <c r="BE36" s="282">
        <v>832</v>
      </c>
      <c r="BF36" s="276">
        <v>0</v>
      </c>
      <c r="BG36" s="280">
        <v>0</v>
      </c>
      <c r="BH36" s="277">
        <v>0</v>
      </c>
      <c r="BI36" s="279">
        <v>0</v>
      </c>
      <c r="BJ36" s="280">
        <v>78</v>
      </c>
      <c r="BK36" s="280">
        <v>17</v>
      </c>
      <c r="BL36" s="280">
        <v>25</v>
      </c>
      <c r="BM36" s="280">
        <v>42</v>
      </c>
      <c r="BN36" s="280">
        <v>0</v>
      </c>
      <c r="BO36" s="277">
        <v>162</v>
      </c>
      <c r="BP36" s="282">
        <v>162</v>
      </c>
      <c r="BQ36" s="276">
        <v>0</v>
      </c>
      <c r="BR36" s="280">
        <v>0</v>
      </c>
      <c r="BS36" s="277">
        <v>0</v>
      </c>
      <c r="BT36" s="279">
        <v>0</v>
      </c>
      <c r="BU36" s="280">
        <v>9</v>
      </c>
      <c r="BV36" s="280">
        <v>6</v>
      </c>
      <c r="BW36" s="280">
        <v>7</v>
      </c>
      <c r="BX36" s="280">
        <v>31</v>
      </c>
      <c r="BY36" s="280">
        <v>0</v>
      </c>
      <c r="BZ36" s="277">
        <v>53</v>
      </c>
      <c r="CA36" s="282">
        <v>53</v>
      </c>
      <c r="CB36" s="276">
        <v>0</v>
      </c>
      <c r="CC36" s="280">
        <v>0</v>
      </c>
      <c r="CD36" s="277">
        <v>0</v>
      </c>
      <c r="CE36" s="279">
        <v>0</v>
      </c>
      <c r="CF36" s="280">
        <v>10</v>
      </c>
      <c r="CG36" s="280">
        <v>0</v>
      </c>
      <c r="CH36" s="280">
        <v>0</v>
      </c>
      <c r="CI36" s="280">
        <v>10</v>
      </c>
      <c r="CJ36" s="280">
        <v>0</v>
      </c>
      <c r="CK36" s="277">
        <v>20</v>
      </c>
      <c r="CL36" s="282">
        <v>20</v>
      </c>
      <c r="CM36" s="276">
        <v>0</v>
      </c>
      <c r="CN36" s="280">
        <v>0</v>
      </c>
      <c r="CO36" s="277">
        <v>0</v>
      </c>
      <c r="CP36" s="279">
        <v>0</v>
      </c>
      <c r="CQ36" s="280">
        <v>0</v>
      </c>
      <c r="CR36" s="280">
        <v>0</v>
      </c>
      <c r="CS36" s="280">
        <v>0</v>
      </c>
      <c r="CT36" s="280">
        <v>0</v>
      </c>
      <c r="CU36" s="280">
        <v>0</v>
      </c>
      <c r="CV36" s="277">
        <v>0</v>
      </c>
      <c r="CW36" s="282">
        <v>0</v>
      </c>
      <c r="CX36" s="276">
        <v>0</v>
      </c>
      <c r="CY36" s="280">
        <v>0</v>
      </c>
      <c r="CZ36" s="277">
        <v>0</v>
      </c>
      <c r="DA36" s="279">
        <v>0</v>
      </c>
      <c r="DB36" s="280">
        <v>0</v>
      </c>
      <c r="DC36" s="280">
        <v>0</v>
      </c>
      <c r="DD36" s="280">
        <v>0</v>
      </c>
      <c r="DE36" s="280">
        <v>0</v>
      </c>
      <c r="DF36" s="280">
        <v>0</v>
      </c>
      <c r="DG36" s="277">
        <v>0</v>
      </c>
      <c r="DH36" s="282">
        <v>0</v>
      </c>
    </row>
    <row r="37" spans="2:112" ht="21" customHeight="1" x14ac:dyDescent="0.2">
      <c r="B37" s="261" t="s">
        <v>35</v>
      </c>
      <c r="C37" s="276">
        <v>0</v>
      </c>
      <c r="D37" s="280">
        <v>0</v>
      </c>
      <c r="E37" s="384">
        <v>0</v>
      </c>
      <c r="F37" s="279">
        <v>0</v>
      </c>
      <c r="G37" s="280">
        <v>1432</v>
      </c>
      <c r="H37" s="280">
        <v>1100</v>
      </c>
      <c r="I37" s="280">
        <v>1839</v>
      </c>
      <c r="J37" s="280">
        <v>1459</v>
      </c>
      <c r="K37" s="280">
        <v>1103</v>
      </c>
      <c r="L37" s="281">
        <v>6933</v>
      </c>
      <c r="M37" s="282">
        <v>6933</v>
      </c>
      <c r="N37" s="276">
        <v>0</v>
      </c>
      <c r="O37" s="280">
        <v>0</v>
      </c>
      <c r="P37" s="277">
        <v>0</v>
      </c>
      <c r="Q37" s="279">
        <v>0</v>
      </c>
      <c r="R37" s="280">
        <v>0</v>
      </c>
      <c r="S37" s="280">
        <v>28</v>
      </c>
      <c r="T37" s="280">
        <v>12</v>
      </c>
      <c r="U37" s="280">
        <v>56</v>
      </c>
      <c r="V37" s="280">
        <v>86</v>
      </c>
      <c r="W37" s="277">
        <v>182</v>
      </c>
      <c r="X37" s="282">
        <v>182</v>
      </c>
      <c r="Y37" s="276">
        <v>0</v>
      </c>
      <c r="Z37" s="280">
        <v>87</v>
      </c>
      <c r="AA37" s="277">
        <v>87</v>
      </c>
      <c r="AB37" s="279">
        <v>0</v>
      </c>
      <c r="AC37" s="280">
        <v>480</v>
      </c>
      <c r="AD37" s="280">
        <v>253</v>
      </c>
      <c r="AE37" s="280">
        <v>177</v>
      </c>
      <c r="AF37" s="280">
        <v>216</v>
      </c>
      <c r="AG37" s="280">
        <v>78</v>
      </c>
      <c r="AH37" s="277">
        <v>1204</v>
      </c>
      <c r="AI37" s="282">
        <v>1291</v>
      </c>
      <c r="AJ37" s="276">
        <v>14</v>
      </c>
      <c r="AK37" s="280">
        <v>32</v>
      </c>
      <c r="AL37" s="277">
        <v>46</v>
      </c>
      <c r="AM37" s="279">
        <v>0</v>
      </c>
      <c r="AN37" s="280">
        <v>195</v>
      </c>
      <c r="AO37" s="280">
        <v>121</v>
      </c>
      <c r="AP37" s="280">
        <v>92</v>
      </c>
      <c r="AQ37" s="280">
        <v>100</v>
      </c>
      <c r="AR37" s="280">
        <v>59</v>
      </c>
      <c r="AS37" s="277">
        <v>567</v>
      </c>
      <c r="AT37" s="282">
        <v>613</v>
      </c>
      <c r="AU37" s="276">
        <v>0</v>
      </c>
      <c r="AV37" s="280">
        <v>0</v>
      </c>
      <c r="AW37" s="277">
        <v>0</v>
      </c>
      <c r="AX37" s="279">
        <v>0</v>
      </c>
      <c r="AY37" s="280">
        <v>1401</v>
      </c>
      <c r="AZ37" s="280">
        <v>1189</v>
      </c>
      <c r="BA37" s="280">
        <v>535</v>
      </c>
      <c r="BB37" s="280">
        <v>362</v>
      </c>
      <c r="BC37" s="280">
        <v>218</v>
      </c>
      <c r="BD37" s="281">
        <v>3705</v>
      </c>
      <c r="BE37" s="282">
        <v>3705</v>
      </c>
      <c r="BF37" s="276">
        <v>0</v>
      </c>
      <c r="BG37" s="280">
        <v>0</v>
      </c>
      <c r="BH37" s="277">
        <v>0</v>
      </c>
      <c r="BI37" s="279">
        <v>0</v>
      </c>
      <c r="BJ37" s="280">
        <v>438</v>
      </c>
      <c r="BK37" s="280">
        <v>213</v>
      </c>
      <c r="BL37" s="280">
        <v>114</v>
      </c>
      <c r="BM37" s="280">
        <v>103</v>
      </c>
      <c r="BN37" s="280">
        <v>3</v>
      </c>
      <c r="BO37" s="277">
        <v>871</v>
      </c>
      <c r="BP37" s="282">
        <v>871</v>
      </c>
      <c r="BQ37" s="276">
        <v>0</v>
      </c>
      <c r="BR37" s="280">
        <v>5</v>
      </c>
      <c r="BS37" s="277">
        <v>5</v>
      </c>
      <c r="BT37" s="279">
        <v>0</v>
      </c>
      <c r="BU37" s="280">
        <v>48</v>
      </c>
      <c r="BV37" s="280">
        <v>128</v>
      </c>
      <c r="BW37" s="280">
        <v>135</v>
      </c>
      <c r="BX37" s="280">
        <v>209</v>
      </c>
      <c r="BY37" s="280">
        <v>25</v>
      </c>
      <c r="BZ37" s="277">
        <v>545</v>
      </c>
      <c r="CA37" s="282">
        <v>550</v>
      </c>
      <c r="CB37" s="276">
        <v>0</v>
      </c>
      <c r="CC37" s="280">
        <v>5</v>
      </c>
      <c r="CD37" s="277">
        <v>5</v>
      </c>
      <c r="CE37" s="279">
        <v>0</v>
      </c>
      <c r="CF37" s="280">
        <v>10</v>
      </c>
      <c r="CG37" s="280">
        <v>6</v>
      </c>
      <c r="CH37" s="280">
        <v>9</v>
      </c>
      <c r="CI37" s="280">
        <v>23</v>
      </c>
      <c r="CJ37" s="280">
        <v>0</v>
      </c>
      <c r="CK37" s="277">
        <v>48</v>
      </c>
      <c r="CL37" s="282">
        <v>53</v>
      </c>
      <c r="CM37" s="276">
        <v>0</v>
      </c>
      <c r="CN37" s="280">
        <v>0</v>
      </c>
      <c r="CO37" s="277">
        <v>0</v>
      </c>
      <c r="CP37" s="279">
        <v>0</v>
      </c>
      <c r="CQ37" s="280">
        <v>0</v>
      </c>
      <c r="CR37" s="280">
        <v>0</v>
      </c>
      <c r="CS37" s="280">
        <v>0</v>
      </c>
      <c r="CT37" s="280">
        <v>0</v>
      </c>
      <c r="CU37" s="280">
        <v>0</v>
      </c>
      <c r="CV37" s="277">
        <v>0</v>
      </c>
      <c r="CW37" s="282">
        <v>0</v>
      </c>
      <c r="CX37" s="276">
        <v>0</v>
      </c>
      <c r="CY37" s="280">
        <v>0</v>
      </c>
      <c r="CZ37" s="277">
        <v>0</v>
      </c>
      <c r="DA37" s="279">
        <v>0</v>
      </c>
      <c r="DB37" s="280">
        <v>0</v>
      </c>
      <c r="DC37" s="280">
        <v>0</v>
      </c>
      <c r="DD37" s="280">
        <v>0</v>
      </c>
      <c r="DE37" s="280">
        <v>0</v>
      </c>
      <c r="DF37" s="280">
        <v>0</v>
      </c>
      <c r="DG37" s="277">
        <v>0</v>
      </c>
      <c r="DH37" s="282">
        <v>0</v>
      </c>
    </row>
    <row r="38" spans="2:112" ht="21" customHeight="1" x14ac:dyDescent="0.2">
      <c r="B38" s="261" t="s">
        <v>36</v>
      </c>
      <c r="C38" s="276">
        <v>0</v>
      </c>
      <c r="D38" s="280">
        <v>0</v>
      </c>
      <c r="E38" s="384">
        <v>0</v>
      </c>
      <c r="F38" s="279">
        <v>0</v>
      </c>
      <c r="G38" s="280">
        <v>700</v>
      </c>
      <c r="H38" s="280">
        <v>1274</v>
      </c>
      <c r="I38" s="280">
        <v>1623</v>
      </c>
      <c r="J38" s="280">
        <v>2313</v>
      </c>
      <c r="K38" s="280">
        <v>1209</v>
      </c>
      <c r="L38" s="281">
        <v>7119</v>
      </c>
      <c r="M38" s="282">
        <v>7119</v>
      </c>
      <c r="N38" s="276">
        <v>2</v>
      </c>
      <c r="O38" s="280">
        <v>0</v>
      </c>
      <c r="P38" s="277">
        <v>2</v>
      </c>
      <c r="Q38" s="279">
        <v>0</v>
      </c>
      <c r="R38" s="280">
        <v>21</v>
      </c>
      <c r="S38" s="280">
        <v>32</v>
      </c>
      <c r="T38" s="280">
        <v>13</v>
      </c>
      <c r="U38" s="280">
        <v>46</v>
      </c>
      <c r="V38" s="280">
        <v>59</v>
      </c>
      <c r="W38" s="277">
        <v>171</v>
      </c>
      <c r="X38" s="282">
        <v>173</v>
      </c>
      <c r="Y38" s="276">
        <v>106</v>
      </c>
      <c r="Z38" s="280">
        <v>199</v>
      </c>
      <c r="AA38" s="277">
        <v>305</v>
      </c>
      <c r="AB38" s="279">
        <v>0</v>
      </c>
      <c r="AC38" s="280">
        <v>594</v>
      </c>
      <c r="AD38" s="280">
        <v>505</v>
      </c>
      <c r="AE38" s="280">
        <v>259</v>
      </c>
      <c r="AF38" s="280">
        <v>398</v>
      </c>
      <c r="AG38" s="280">
        <v>376</v>
      </c>
      <c r="AH38" s="277">
        <v>2132</v>
      </c>
      <c r="AI38" s="282">
        <v>2437</v>
      </c>
      <c r="AJ38" s="276">
        <v>40</v>
      </c>
      <c r="AK38" s="280">
        <v>66</v>
      </c>
      <c r="AL38" s="277">
        <v>106</v>
      </c>
      <c r="AM38" s="279">
        <v>0</v>
      </c>
      <c r="AN38" s="280">
        <v>171</v>
      </c>
      <c r="AO38" s="280">
        <v>94</v>
      </c>
      <c r="AP38" s="280">
        <v>138</v>
      </c>
      <c r="AQ38" s="280">
        <v>57</v>
      </c>
      <c r="AR38" s="280">
        <v>66</v>
      </c>
      <c r="AS38" s="277">
        <v>526</v>
      </c>
      <c r="AT38" s="282">
        <v>632</v>
      </c>
      <c r="AU38" s="276">
        <v>0</v>
      </c>
      <c r="AV38" s="280">
        <v>0</v>
      </c>
      <c r="AW38" s="277">
        <v>0</v>
      </c>
      <c r="AX38" s="279">
        <v>0</v>
      </c>
      <c r="AY38" s="280">
        <v>691</v>
      </c>
      <c r="AZ38" s="280">
        <v>966</v>
      </c>
      <c r="BA38" s="280">
        <v>532</v>
      </c>
      <c r="BB38" s="280">
        <v>354</v>
      </c>
      <c r="BC38" s="280">
        <v>174</v>
      </c>
      <c r="BD38" s="281">
        <v>2717</v>
      </c>
      <c r="BE38" s="282">
        <v>2717</v>
      </c>
      <c r="BF38" s="276">
        <v>0</v>
      </c>
      <c r="BG38" s="280">
        <v>0</v>
      </c>
      <c r="BH38" s="277">
        <v>0</v>
      </c>
      <c r="BI38" s="279">
        <v>0</v>
      </c>
      <c r="BJ38" s="280">
        <v>207</v>
      </c>
      <c r="BK38" s="280">
        <v>189</v>
      </c>
      <c r="BL38" s="280">
        <v>96</v>
      </c>
      <c r="BM38" s="280">
        <v>22</v>
      </c>
      <c r="BN38" s="280">
        <v>21</v>
      </c>
      <c r="BO38" s="277">
        <v>535</v>
      </c>
      <c r="BP38" s="282">
        <v>535</v>
      </c>
      <c r="BQ38" s="276">
        <v>0</v>
      </c>
      <c r="BR38" s="280">
        <v>0</v>
      </c>
      <c r="BS38" s="277">
        <v>0</v>
      </c>
      <c r="BT38" s="279">
        <v>0</v>
      </c>
      <c r="BU38" s="280">
        <v>137</v>
      </c>
      <c r="BV38" s="280">
        <v>190</v>
      </c>
      <c r="BW38" s="280">
        <v>317</v>
      </c>
      <c r="BX38" s="280">
        <v>134</v>
      </c>
      <c r="BY38" s="280">
        <v>131</v>
      </c>
      <c r="BZ38" s="277">
        <v>909</v>
      </c>
      <c r="CA38" s="282">
        <v>909</v>
      </c>
      <c r="CB38" s="276">
        <v>0</v>
      </c>
      <c r="CC38" s="280">
        <v>0</v>
      </c>
      <c r="CD38" s="277">
        <v>0</v>
      </c>
      <c r="CE38" s="279">
        <v>0</v>
      </c>
      <c r="CF38" s="280">
        <v>0</v>
      </c>
      <c r="CG38" s="280">
        <v>0</v>
      </c>
      <c r="CH38" s="280">
        <v>0</v>
      </c>
      <c r="CI38" s="280">
        <v>15</v>
      </c>
      <c r="CJ38" s="280">
        <v>0</v>
      </c>
      <c r="CK38" s="277">
        <v>15</v>
      </c>
      <c r="CL38" s="282">
        <v>15</v>
      </c>
      <c r="CM38" s="276">
        <v>0</v>
      </c>
      <c r="CN38" s="280">
        <v>0</v>
      </c>
      <c r="CO38" s="277">
        <v>0</v>
      </c>
      <c r="CP38" s="279">
        <v>0</v>
      </c>
      <c r="CQ38" s="280">
        <v>0</v>
      </c>
      <c r="CR38" s="280">
        <v>0</v>
      </c>
      <c r="CS38" s="280">
        <v>0</v>
      </c>
      <c r="CT38" s="280">
        <v>0</v>
      </c>
      <c r="CU38" s="280">
        <v>0</v>
      </c>
      <c r="CV38" s="277">
        <v>0</v>
      </c>
      <c r="CW38" s="282">
        <v>0</v>
      </c>
      <c r="CX38" s="276">
        <v>0</v>
      </c>
      <c r="CY38" s="280">
        <v>0</v>
      </c>
      <c r="CZ38" s="277">
        <v>0</v>
      </c>
      <c r="DA38" s="279">
        <v>0</v>
      </c>
      <c r="DB38" s="280">
        <v>0</v>
      </c>
      <c r="DC38" s="280">
        <v>0</v>
      </c>
      <c r="DD38" s="280">
        <v>0</v>
      </c>
      <c r="DE38" s="280">
        <v>0</v>
      </c>
      <c r="DF38" s="280">
        <v>0</v>
      </c>
      <c r="DG38" s="277">
        <v>0</v>
      </c>
      <c r="DH38" s="282">
        <v>0</v>
      </c>
    </row>
    <row r="39" spans="2:112" ht="21" customHeight="1" thickBot="1" x14ac:dyDescent="0.25">
      <c r="B39" s="262" t="s">
        <v>37</v>
      </c>
      <c r="C39" s="283">
        <v>0</v>
      </c>
      <c r="D39" s="287">
        <v>0</v>
      </c>
      <c r="E39" s="385">
        <v>0</v>
      </c>
      <c r="F39" s="286">
        <v>0</v>
      </c>
      <c r="G39" s="287">
        <v>23</v>
      </c>
      <c r="H39" s="287">
        <v>93</v>
      </c>
      <c r="I39" s="287">
        <v>35</v>
      </c>
      <c r="J39" s="287">
        <v>26</v>
      </c>
      <c r="K39" s="287">
        <v>166</v>
      </c>
      <c r="L39" s="288">
        <v>343</v>
      </c>
      <c r="M39" s="289">
        <v>343</v>
      </c>
      <c r="N39" s="283">
        <v>0</v>
      </c>
      <c r="O39" s="287">
        <v>0</v>
      </c>
      <c r="P39" s="284">
        <v>0</v>
      </c>
      <c r="Q39" s="286">
        <v>0</v>
      </c>
      <c r="R39" s="287">
        <v>0</v>
      </c>
      <c r="S39" s="287">
        <v>0</v>
      </c>
      <c r="T39" s="287">
        <v>6</v>
      </c>
      <c r="U39" s="287">
        <v>0</v>
      </c>
      <c r="V39" s="287">
        <v>0</v>
      </c>
      <c r="W39" s="284">
        <v>6</v>
      </c>
      <c r="X39" s="289">
        <v>6</v>
      </c>
      <c r="Y39" s="283">
        <v>5</v>
      </c>
      <c r="Z39" s="287">
        <v>6</v>
      </c>
      <c r="AA39" s="284">
        <v>11</v>
      </c>
      <c r="AB39" s="286">
        <v>0</v>
      </c>
      <c r="AC39" s="287">
        <v>11</v>
      </c>
      <c r="AD39" s="287">
        <v>23</v>
      </c>
      <c r="AE39" s="287">
        <v>15</v>
      </c>
      <c r="AF39" s="287">
        <v>29</v>
      </c>
      <c r="AG39" s="287">
        <v>5</v>
      </c>
      <c r="AH39" s="284">
        <v>83</v>
      </c>
      <c r="AI39" s="289">
        <v>94</v>
      </c>
      <c r="AJ39" s="283">
        <v>0</v>
      </c>
      <c r="AK39" s="287">
        <v>0</v>
      </c>
      <c r="AL39" s="284">
        <v>0</v>
      </c>
      <c r="AM39" s="286">
        <v>0</v>
      </c>
      <c r="AN39" s="287">
        <v>0</v>
      </c>
      <c r="AO39" s="287">
        <v>32</v>
      </c>
      <c r="AP39" s="287">
        <v>20</v>
      </c>
      <c r="AQ39" s="287">
        <v>12</v>
      </c>
      <c r="AR39" s="287">
        <v>0</v>
      </c>
      <c r="AS39" s="284">
        <v>64</v>
      </c>
      <c r="AT39" s="289">
        <v>64</v>
      </c>
      <c r="AU39" s="283">
        <v>0</v>
      </c>
      <c r="AV39" s="287">
        <v>0</v>
      </c>
      <c r="AW39" s="284">
        <v>0</v>
      </c>
      <c r="AX39" s="286">
        <v>0</v>
      </c>
      <c r="AY39" s="287">
        <v>53</v>
      </c>
      <c r="AZ39" s="287">
        <v>64</v>
      </c>
      <c r="BA39" s="287">
        <v>62</v>
      </c>
      <c r="BB39" s="287">
        <v>5</v>
      </c>
      <c r="BC39" s="287">
        <v>8</v>
      </c>
      <c r="BD39" s="288">
        <v>192</v>
      </c>
      <c r="BE39" s="289">
        <v>192</v>
      </c>
      <c r="BF39" s="283">
        <v>0</v>
      </c>
      <c r="BG39" s="287">
        <v>0</v>
      </c>
      <c r="BH39" s="284">
        <v>0</v>
      </c>
      <c r="BI39" s="286">
        <v>0</v>
      </c>
      <c r="BJ39" s="287">
        <v>66</v>
      </c>
      <c r="BK39" s="287">
        <v>9</v>
      </c>
      <c r="BL39" s="287">
        <v>46</v>
      </c>
      <c r="BM39" s="287">
        <v>18</v>
      </c>
      <c r="BN39" s="287">
        <v>0</v>
      </c>
      <c r="BO39" s="284">
        <v>139</v>
      </c>
      <c r="BP39" s="289">
        <v>139</v>
      </c>
      <c r="BQ39" s="283">
        <v>0</v>
      </c>
      <c r="BR39" s="287">
        <v>0</v>
      </c>
      <c r="BS39" s="284">
        <v>0</v>
      </c>
      <c r="BT39" s="286">
        <v>0</v>
      </c>
      <c r="BU39" s="287">
        <v>18</v>
      </c>
      <c r="BV39" s="287">
        <v>0</v>
      </c>
      <c r="BW39" s="287">
        <v>32</v>
      </c>
      <c r="BX39" s="287">
        <v>10</v>
      </c>
      <c r="BY39" s="287">
        <v>3</v>
      </c>
      <c r="BZ39" s="284">
        <v>63</v>
      </c>
      <c r="CA39" s="289">
        <v>63</v>
      </c>
      <c r="CB39" s="283">
        <v>0</v>
      </c>
      <c r="CC39" s="287">
        <v>0</v>
      </c>
      <c r="CD39" s="284">
        <v>0</v>
      </c>
      <c r="CE39" s="286">
        <v>0</v>
      </c>
      <c r="CF39" s="287">
        <v>0</v>
      </c>
      <c r="CG39" s="287">
        <v>0</v>
      </c>
      <c r="CH39" s="287">
        <v>20</v>
      </c>
      <c r="CI39" s="287">
        <v>3</v>
      </c>
      <c r="CJ39" s="287">
        <v>0</v>
      </c>
      <c r="CK39" s="284">
        <v>23</v>
      </c>
      <c r="CL39" s="289">
        <v>23</v>
      </c>
      <c r="CM39" s="283">
        <v>0</v>
      </c>
      <c r="CN39" s="287">
        <v>0</v>
      </c>
      <c r="CO39" s="284">
        <v>0</v>
      </c>
      <c r="CP39" s="286">
        <v>0</v>
      </c>
      <c r="CQ39" s="287">
        <v>0</v>
      </c>
      <c r="CR39" s="287">
        <v>0</v>
      </c>
      <c r="CS39" s="287">
        <v>0</v>
      </c>
      <c r="CT39" s="287">
        <v>0</v>
      </c>
      <c r="CU39" s="287">
        <v>0</v>
      </c>
      <c r="CV39" s="284">
        <v>0</v>
      </c>
      <c r="CW39" s="289">
        <v>0</v>
      </c>
      <c r="CX39" s="283">
        <v>0</v>
      </c>
      <c r="CY39" s="287">
        <v>0</v>
      </c>
      <c r="CZ39" s="284">
        <v>0</v>
      </c>
      <c r="DA39" s="286">
        <v>0</v>
      </c>
      <c r="DB39" s="287">
        <v>0</v>
      </c>
      <c r="DC39" s="287">
        <v>0</v>
      </c>
      <c r="DD39" s="287">
        <v>0</v>
      </c>
      <c r="DE39" s="287">
        <v>0</v>
      </c>
      <c r="DF39" s="287">
        <v>0</v>
      </c>
      <c r="DG39" s="284">
        <v>0</v>
      </c>
      <c r="DH39" s="289">
        <v>0</v>
      </c>
    </row>
    <row r="40" spans="2:112" ht="27" customHeight="1" x14ac:dyDescent="0.2">
      <c r="C40" s="255" t="s">
        <v>127</v>
      </c>
    </row>
  </sheetData>
  <mergeCells count="43">
    <mergeCell ref="J1:K1"/>
    <mergeCell ref="M1:N1"/>
    <mergeCell ref="CB3:CL3"/>
    <mergeCell ref="CM3:CW3"/>
    <mergeCell ref="N3:X3"/>
    <mergeCell ref="Y3:AI3"/>
    <mergeCell ref="AJ3:AT3"/>
    <mergeCell ref="AU3:BE3"/>
    <mergeCell ref="BF3:BP3"/>
    <mergeCell ref="BQ3:CA3"/>
    <mergeCell ref="CW4:CW5"/>
    <mergeCell ref="BF4:BH4"/>
    <mergeCell ref="BI4:BO4"/>
    <mergeCell ref="BP4:BP5"/>
    <mergeCell ref="BQ4:BS4"/>
    <mergeCell ref="BT4:BZ4"/>
    <mergeCell ref="CA4:CA5"/>
    <mergeCell ref="CB4:CD4"/>
    <mergeCell ref="CE4:CK4"/>
    <mergeCell ref="CL4:CL5"/>
    <mergeCell ref="CM4:CO4"/>
    <mergeCell ref="CP4:CV4"/>
    <mergeCell ref="AJ4:AL4"/>
    <mergeCell ref="AM4:AS4"/>
    <mergeCell ref="AT4:AT5"/>
    <mergeCell ref="AU4:AW4"/>
    <mergeCell ref="AX4:BD4"/>
    <mergeCell ref="CX3:DH3"/>
    <mergeCell ref="CX4:CZ4"/>
    <mergeCell ref="DA4:DG4"/>
    <mergeCell ref="DH4:DH5"/>
    <mergeCell ref="B3:B5"/>
    <mergeCell ref="C3:M3"/>
    <mergeCell ref="C4:E4"/>
    <mergeCell ref="F4:L4"/>
    <mergeCell ref="M4:M5"/>
    <mergeCell ref="BE4:BE5"/>
    <mergeCell ref="N4:P4"/>
    <mergeCell ref="Q4:W4"/>
    <mergeCell ref="X4:X5"/>
    <mergeCell ref="Y4:AA4"/>
    <mergeCell ref="AB4:AH4"/>
    <mergeCell ref="AI4:AI5"/>
  </mergeCells>
  <phoneticPr fontId="4"/>
  <pageMargins left="0.70866141732283472" right="0.70866141732283472" top="0.47244094488188981" bottom="0.59055118110236227" header="0.27559055118110237" footer="0.31496062992125984"/>
  <pageSetup paperSize="9" scale="60" orientation="landscape" r:id="rId1"/>
  <headerFooter>
    <oddFooter>&amp;L&amp;20&amp;A&amp;C&amp;P/&amp;N</oddFooter>
  </headerFooter>
  <colBreaks count="4" manualBreakCount="4">
    <brk id="24" max="39" man="1"/>
    <brk id="46" max="39" man="1"/>
    <brk id="68" max="1048575" man="1"/>
    <brk id="90"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2</DocSecurity>
  <ScaleCrop>false</ScaleCrop>
  <HeadingPairs>
    <vt:vector size="4" baseType="variant">
      <vt:variant>
        <vt:lpstr>ワークシート</vt:lpstr>
      </vt:variant>
      <vt:variant>
        <vt:i4>25</vt:i4>
      </vt:variant>
      <vt:variant>
        <vt:lpstr>名前付き一覧</vt:lpstr>
      </vt:variant>
      <vt:variant>
        <vt:i4>22</vt:i4>
      </vt:variant>
    </vt:vector>
  </HeadingPairs>
  <TitlesOfParts>
    <vt:vector size="47" baseType="lpstr">
      <vt:lpstr>第１表</vt:lpstr>
      <vt:lpstr>第２-1表</vt:lpstr>
      <vt:lpstr>第２-2表</vt:lpstr>
      <vt:lpstr>第２-3表</vt:lpstr>
      <vt:lpstr>第３-1表</vt:lpstr>
      <vt:lpstr>第３-2-1表</vt:lpstr>
      <vt:lpstr>第３-2-2表</vt:lpstr>
      <vt:lpstr>第３-2-3表 </vt:lpstr>
      <vt:lpstr>第3-3-1表</vt:lpstr>
      <vt:lpstr>第3-3-2表</vt:lpstr>
      <vt:lpstr>第3-3-3表 </vt:lpstr>
      <vt:lpstr>第４-1表</vt:lpstr>
      <vt:lpstr>第4-2-1表</vt:lpstr>
      <vt:lpstr>第4-2-2表</vt:lpstr>
      <vt:lpstr>第4-2-3表</vt:lpstr>
      <vt:lpstr>第4-3-1表</vt:lpstr>
      <vt:lpstr>第4-3-2表</vt:lpstr>
      <vt:lpstr>第4-3-3表</vt:lpstr>
      <vt:lpstr>第5-1表</vt:lpstr>
      <vt:lpstr>第5-2表</vt:lpstr>
      <vt:lpstr>第5-3表</vt:lpstr>
      <vt:lpstr>第６-1表</vt:lpstr>
      <vt:lpstr>第６-2表</vt:lpstr>
      <vt:lpstr>第６-3表 </vt:lpstr>
      <vt:lpstr>第7表</vt:lpstr>
      <vt:lpstr>第１表!Print_Area</vt:lpstr>
      <vt:lpstr>'第２-1表'!Print_Area</vt:lpstr>
      <vt:lpstr>'第２-2表'!Print_Area</vt:lpstr>
      <vt:lpstr>'第２-3表'!Print_Area</vt:lpstr>
      <vt:lpstr>'第3-3-1表'!Print_Area</vt:lpstr>
      <vt:lpstr>'第3-3-2表'!Print_Area</vt:lpstr>
      <vt:lpstr>'第3-3-3表 '!Print_Area</vt:lpstr>
      <vt:lpstr>'第２-1表'!Print_Titles</vt:lpstr>
      <vt:lpstr>'第２-2表'!Print_Titles</vt:lpstr>
      <vt:lpstr>'第２-3表'!Print_Titles</vt:lpstr>
      <vt:lpstr>'第３-1表'!Print_Titles</vt:lpstr>
      <vt:lpstr>'第３-2-1表'!Print_Titles</vt:lpstr>
      <vt:lpstr>'第３-2-2表'!Print_Titles</vt:lpstr>
      <vt:lpstr>'第３-2-3表 '!Print_Titles</vt:lpstr>
      <vt:lpstr>'第４-1表'!Print_Titles</vt:lpstr>
      <vt:lpstr>'第5-1表'!Print_Titles</vt:lpstr>
      <vt:lpstr>'第5-2表'!Print_Titles</vt:lpstr>
      <vt:lpstr>'第5-3表'!Print_Titles</vt:lpstr>
      <vt:lpstr>'第６-1表'!Print_Titles</vt:lpstr>
      <vt:lpstr>'第６-2表'!Print_Titles</vt:lpstr>
      <vt:lpstr>'第６-3表 '!Print_Titles</vt:lpstr>
      <vt:lpstr>第7表!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高齢福祉課</dc:creator>
  <cp:lastModifiedBy>user</cp:lastModifiedBy>
  <cp:lastPrinted>2018-02-09T04:02:40Z</cp:lastPrinted>
  <dcterms:created xsi:type="dcterms:W3CDTF">2008-02-08T04:23:07Z</dcterms:created>
  <dcterms:modified xsi:type="dcterms:W3CDTF">2023-03-20T06:17:46Z</dcterms:modified>
</cp:coreProperties>
</file>